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comments3.xml" ContentType="application/vnd.openxmlformats-officedocument.spreadsheetml.comments+xml"/>
  <Override PartName="/xl/comments4.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workbookPr filterPrivacy="1" updateLinks="never" codeName="ThisWorkbook" defaultThemeVersion="124226"/>
  <xr:revisionPtr revIDLastSave="0" documentId="13_ncr:1_{D017008F-252E-4892-B005-CDD2513F4A41}" xr6:coauthVersionLast="47" xr6:coauthVersionMax="47" xr10:uidLastSave="{00000000-0000-0000-0000-000000000000}"/>
  <bookViews>
    <workbookView xWindow="-110" yWindow="-110" windowWidth="22780" windowHeight="14660" tabRatio="553" activeTab="2" xr2:uid="{00000000-000D-0000-FFFF-FFFF00000000}"/>
  </bookViews>
  <sheets>
    <sheet name="はじめにご確認ください" sheetId="62" r:id="rId1"/>
    <sheet name="医科レセプト情報" sheetId="64" r:id="rId2"/>
    <sheet name="DPCレセプト情報" sheetId="65" r:id="rId3"/>
    <sheet name="歯科レセプト情報" sheetId="66" r:id="rId4"/>
    <sheet name="調剤レセプト情報" sheetId="67" r:id="rId5"/>
    <sheet name="特定健診情報" sheetId="68" r:id="rId6"/>
    <sheet name="保健指導情報" sheetId="69" r:id="rId7"/>
    <sheet name="集計情報" sheetId="70" r:id="rId8"/>
    <sheet name="【目的別DB】医科基本" sheetId="71" r:id="rId9"/>
    <sheet name="【目的別DB】DPC基本" sheetId="72" r:id="rId10"/>
    <sheet name="【目的別DB】歯科基本" sheetId="73" r:id="rId11"/>
    <sheet name="【目的別DB】調剤基本" sheetId="74" r:id="rId12"/>
    <sheet name="【目的別DB】特定健診" sheetId="75" r:id="rId13"/>
    <sheet name="【目的別DB】特定保健指導" sheetId="76" r:id="rId14"/>
    <sheet name="【目的別DB】医科個人別医療費" sheetId="77" r:id="rId15"/>
    <sheet name="【目的別DB】DPC個人別医療費" sheetId="78" r:id="rId16"/>
    <sheet name="【目的別DB】歯科個人別医療費" sheetId="79" r:id="rId17"/>
    <sheet name="【目的別DB】調剤個人別医療費" sheetId="80" r:id="rId18"/>
  </sheets>
  <externalReferences>
    <externalReference r:id="rId19"/>
    <externalReference r:id="rId20"/>
    <externalReference r:id="rId21"/>
    <externalReference r:id="rId22"/>
    <externalReference r:id="rId23"/>
    <externalReference r:id="rId24"/>
    <externalReference r:id="rId25"/>
    <externalReference r:id="rId26"/>
  </externalReferences>
  <definedNames>
    <definedName name="_1a1_">#REF!</definedName>
    <definedName name="_ctb１">'[1]現行DB一覧2(CT)'!$A$2:$E$220</definedName>
    <definedName name="_DAY01">#REF!</definedName>
    <definedName name="_DAY02">#REF!</definedName>
    <definedName name="_DAY03">#REF!</definedName>
    <definedName name="_DAY04">#REF!</definedName>
    <definedName name="_DAY05">#REF!</definedName>
    <definedName name="_DAY06">#REF!</definedName>
    <definedName name="_DAY07">#REF!</definedName>
    <definedName name="_DAY08">#REF!</definedName>
    <definedName name="_DAY09">#REF!</definedName>
    <definedName name="_DAY10">#REF!</definedName>
    <definedName name="_DAY11">#REF!</definedName>
    <definedName name="_DAY12">#REF!</definedName>
    <definedName name="_DAY13">#REF!</definedName>
    <definedName name="_DAY14">#REF!</definedName>
    <definedName name="_DAY15">#REF!</definedName>
    <definedName name="_DAY16">#REF!</definedName>
    <definedName name="_xlnm._FilterDatabase" localSheetId="15" hidden="1">【目的別DB】DPC個人別医療費!$A$19:$AF$37</definedName>
    <definedName name="_xlnm._FilterDatabase" localSheetId="14" hidden="1">【目的別DB】医科個人別医療費!$A$19:$AF$39</definedName>
    <definedName name="_xlnm._FilterDatabase" localSheetId="16" hidden="1">【目的別DB】歯科個人別医療費!#REF!</definedName>
    <definedName name="_xlnm._FilterDatabase" localSheetId="17" hidden="1">【目的別DB】調剤個人別医療費!#REF!</definedName>
    <definedName name="_wrn.月例報告." localSheetId="9" hidden="1">{"月例報告",#N/A,FALSE,"STB"}</definedName>
    <definedName name="_wrn.月例報告." localSheetId="15" hidden="1">{"月例報告",#N/A,FALSE,"STB"}</definedName>
    <definedName name="_wrn.月例報告." localSheetId="8" hidden="1">{"月例報告",#N/A,FALSE,"STB"}</definedName>
    <definedName name="_wrn.月例報告." localSheetId="14" hidden="1">{"月例報告",#N/A,FALSE,"STB"}</definedName>
    <definedName name="_wrn.月例報告." localSheetId="10" hidden="1">{"月例報告",#N/A,FALSE,"STB"}</definedName>
    <definedName name="_wrn.月例報告." localSheetId="16" hidden="1">{"月例報告",#N/A,FALSE,"STB"}</definedName>
    <definedName name="_wrn.月例報告." localSheetId="11" hidden="1">{"月例報告",#N/A,FALSE,"STB"}</definedName>
    <definedName name="_wrn.月例報告." localSheetId="17" hidden="1">{"月例報告",#N/A,FALSE,"STB"}</definedName>
    <definedName name="_wrn.月例報告." localSheetId="12" hidden="1">{"月例報告",#N/A,FALSE,"STB"}</definedName>
    <definedName name="_wrn.月例報告." localSheetId="13" hidden="1">{"月例報告",#N/A,FALSE,"STB"}</definedName>
    <definedName name="_wrn.月例報告." localSheetId="2" hidden="1">{"月例報告",#N/A,FALSE,"STB"}</definedName>
    <definedName name="_wrn.月例報告." localSheetId="1" hidden="1">{"月例報告",#N/A,FALSE,"STB"}</definedName>
    <definedName name="_wrn.月例報告." localSheetId="3" hidden="1">{"月例報告",#N/A,FALSE,"STB"}</definedName>
    <definedName name="_wrn.月例報告." localSheetId="7" hidden="1">{"月例報告",#N/A,FALSE,"STB"}</definedName>
    <definedName name="_wrn.月例報告." localSheetId="4" hidden="1">{"月例報告",#N/A,FALSE,"STB"}</definedName>
    <definedName name="_wrn.月例報告." localSheetId="5" hidden="1">{"月例報告",#N/A,FALSE,"STB"}</definedName>
    <definedName name="_wrn.月例報告." localSheetId="6" hidden="1">{"月例報告",#N/A,FALSE,"STB"}</definedName>
    <definedName name="_wrn.月例報告." hidden="1">{"月例報告",#N/A,FALSE,"STB"}</definedName>
    <definedName name="a">#REF!</definedName>
    <definedName name="AccessDatabase" hidden="1">"C:\Documents and Settings\kawana.OHSAKI\My Documents\作業中\ＤＢらいぶらり.mdb"</definedName>
    <definedName name="b">#REF!</definedName>
    <definedName name="Contact01">#REF!</definedName>
    <definedName name="CTLGP">#REF!</definedName>
    <definedName name="d">[2]TB!$B$2:$B$52</definedName>
    <definedName name="e">#REF!</definedName>
    <definedName name="EJBラインテスト件数" localSheetId="9">[3]ＰＴ障害状況!#REF!</definedName>
    <definedName name="EJBラインテスト件数" localSheetId="15">[3]ＰＴ障害状況!#REF!</definedName>
    <definedName name="EJBラインテスト件数" localSheetId="8">[3]ＰＴ障害状況!#REF!</definedName>
    <definedName name="EJBラインテスト件数" localSheetId="14">[3]ＰＴ障害状況!#REF!</definedName>
    <definedName name="EJBラインテスト件数" localSheetId="10">[3]ＰＴ障害状況!#REF!</definedName>
    <definedName name="EJBラインテスト件数" localSheetId="16">[3]ＰＴ障害状況!#REF!</definedName>
    <definedName name="EJBラインテスト件数" localSheetId="11">[3]ＰＴ障害状況!#REF!</definedName>
    <definedName name="EJBラインテスト件数" localSheetId="17">[3]ＰＴ障害状況!#REF!</definedName>
    <definedName name="EJBラインテスト件数" localSheetId="12">[3]ＰＴ障害状況!#REF!</definedName>
    <definedName name="EJBラインテスト件数" localSheetId="13">[3]ＰＴ障害状況!#REF!</definedName>
    <definedName name="EJBラインテスト件数" localSheetId="7">[3]ＰＴ障害状況!#REF!</definedName>
    <definedName name="EJBラインテスト件数" localSheetId="5">[3]ＰＴ障害状況!#REF!</definedName>
    <definedName name="EJBラインテスト件数" localSheetId="6">[3]ＰＴ障害状況!#REF!</definedName>
    <definedName name="EJBラインテスト件数">[3]ＰＴ障害状況!#REF!</definedName>
    <definedName name="EJBラインバグ件数" localSheetId="9">[3]ＰＴ障害状況!#REF!</definedName>
    <definedName name="EJBラインバグ件数" localSheetId="15">[3]ＰＴ障害状況!#REF!</definedName>
    <definedName name="EJBラインバグ件数" localSheetId="8">[3]ＰＴ障害状況!#REF!</definedName>
    <definedName name="EJBラインバグ件数" localSheetId="14">[3]ＰＴ障害状況!#REF!</definedName>
    <definedName name="EJBラインバグ件数" localSheetId="10">[3]ＰＴ障害状況!#REF!</definedName>
    <definedName name="EJBラインバグ件数" localSheetId="16">[3]ＰＴ障害状況!#REF!</definedName>
    <definedName name="EJBラインバグ件数" localSheetId="11">[3]ＰＴ障害状況!#REF!</definedName>
    <definedName name="EJBラインバグ件数" localSheetId="17">[3]ＰＴ障害状況!#REF!</definedName>
    <definedName name="EJBラインバグ件数" localSheetId="12">[3]ＰＴ障害状況!#REF!</definedName>
    <definedName name="EJBラインバグ件数" localSheetId="13">[3]ＰＴ障害状況!#REF!</definedName>
    <definedName name="EJBラインバグ件数" localSheetId="7">[3]ＰＴ障害状況!#REF!</definedName>
    <definedName name="EJBラインバグ件数" localSheetId="5">[3]ＰＴ障害状況!#REF!</definedName>
    <definedName name="EJBラインバグ件数" localSheetId="6">[3]ＰＴ障害状況!#REF!</definedName>
    <definedName name="EJBラインバグ件数">[3]ＰＴ障害状況!#REF!</definedName>
    <definedName name="f">#REF!</definedName>
    <definedName name="g">#REF!</definedName>
    <definedName name="h">#REF!</definedName>
    <definedName name="i">#REF!</definedName>
    <definedName name="j">#REF!</definedName>
    <definedName name="k">#REF!</definedName>
    <definedName name="l">#REF!</definedName>
    <definedName name="m">#REF!</definedName>
    <definedName name="n">#REF!</definedName>
    <definedName name="o">#REF!</definedName>
    <definedName name="PA">#REF!</definedName>
    <definedName name="pc">"グループ 260"</definedName>
    <definedName name="_xlnm.Print_Area" localSheetId="9">【目的別DB】DPC基本!$A$1:$AF$116</definedName>
    <definedName name="_xlnm.Print_Area" localSheetId="15">【目的別DB】DPC個人別医療費!$A$1:$AF$42</definedName>
    <definedName name="_xlnm.Print_Area" localSheetId="8">【目的別DB】医科基本!$A$1:$AF$133</definedName>
    <definedName name="_xlnm.Print_Area" localSheetId="14">【目的別DB】医科個人別医療費!$A$1:$AF$44</definedName>
    <definedName name="_xlnm.Print_Area" localSheetId="10">【目的別DB】歯科基本!$A$1:$AF$92</definedName>
    <definedName name="_xlnm.Print_Area" localSheetId="16">【目的別DB】歯科個人別医療費!$A$1:$AF$35</definedName>
    <definedName name="_xlnm.Print_Area" localSheetId="11">【目的別DB】調剤基本!$A$1:$AF$88</definedName>
    <definedName name="_xlnm.Print_Area" localSheetId="17">【目的別DB】調剤個人別医療費!$A$1:$AF$36</definedName>
    <definedName name="_xlnm.Print_Area" localSheetId="12">【目的別DB】特定健診!$A$1:$AD$179</definedName>
    <definedName name="_xlnm.Print_Area" localSheetId="13">【目的別DB】特定保健指導!$A$1:$AD$214</definedName>
    <definedName name="_xlnm.Print_Area" localSheetId="2">DPCレセプト情報!$B$1:$AL$857</definedName>
    <definedName name="_xlnm.Print_Area" localSheetId="0">はじめにご確認ください!$A$1:$P$464</definedName>
    <definedName name="_xlnm.Print_Area" localSheetId="1">医科レセプト情報!$B$1:$AL$654</definedName>
    <definedName name="_xlnm.Print_Area" localSheetId="3">歯科レセプト情報!$B$1:$AL$682</definedName>
    <definedName name="_xlnm.Print_Area" localSheetId="7">集計情報!$A$1:$AG$176</definedName>
    <definedName name="_xlnm.Print_Area" localSheetId="4">調剤レセプト情報!$B$1:$AL$588</definedName>
    <definedName name="_xlnm.Print_Area" localSheetId="5">特定健診情報!$A$1:$AG$131</definedName>
    <definedName name="_xlnm.Print_Area" localSheetId="6">保健指導情報!$A$1:$AG$132</definedName>
    <definedName name="_xlnm.Print_Area">#REF!</definedName>
    <definedName name="print_area1">#REF!</definedName>
    <definedName name="_xlnm.Print_Titles" localSheetId="9">【目的別DB】DPC基本!$1:$3</definedName>
    <definedName name="_xlnm.Print_Titles" localSheetId="15">【目的別DB】DPC個人別医療費!$1:$3</definedName>
    <definedName name="_xlnm.Print_Titles" localSheetId="8">【目的別DB】医科基本!$1:$3</definedName>
    <definedName name="_xlnm.Print_Titles" localSheetId="14">【目的別DB】医科個人別医療費!$1:$3</definedName>
    <definedName name="_xlnm.Print_Titles" localSheetId="10">【目的別DB】歯科基本!$1:$3</definedName>
    <definedName name="_xlnm.Print_Titles" localSheetId="16">【目的別DB】歯科個人別医療費!$1:$3</definedName>
    <definedName name="_xlnm.Print_Titles" localSheetId="11">【目的別DB】調剤基本!$1:$3</definedName>
    <definedName name="_xlnm.Print_Titles" localSheetId="17">【目的別DB】調剤個人別医療費!$1:$3</definedName>
    <definedName name="_xlnm.Print_Titles" localSheetId="12">【目的別DB】特定健診!$1:$3</definedName>
    <definedName name="_xlnm.Print_Titles" localSheetId="13">【目的別DB】特定保健指導!$1:$3</definedName>
    <definedName name="_xlnm.Print_Titles" localSheetId="2">DPCレセプト情報!$1:$3</definedName>
    <definedName name="_xlnm.Print_Titles" localSheetId="1">医科レセプト情報!$1:$3</definedName>
    <definedName name="_xlnm.Print_Titles" localSheetId="3">歯科レセプト情報!$1:$3</definedName>
    <definedName name="_xlnm.Print_Titles" localSheetId="7">集計情報!$1:$3</definedName>
    <definedName name="_xlnm.Print_Titles" localSheetId="4">調剤レセプト情報!$1:$3</definedName>
    <definedName name="_xlnm.Print_Titles" localSheetId="5">特定健診情報!$1:$3</definedName>
    <definedName name="_xlnm.Print_Titles" localSheetId="6">保健指導情報!$1:$3</definedName>
    <definedName name="s">#REF!</definedName>
    <definedName name="SubSySID">#REF!</definedName>
    <definedName name="TODAY">#REF!</definedName>
    <definedName name="wrn.月例報告." localSheetId="9" hidden="1">{"月例報告",#N/A,FALSE,"STB"}</definedName>
    <definedName name="wrn.月例報告." localSheetId="15" hidden="1">{"月例報告",#N/A,FALSE,"STB"}</definedName>
    <definedName name="wrn.月例報告." localSheetId="8" hidden="1">{"月例報告",#N/A,FALSE,"STB"}</definedName>
    <definedName name="wrn.月例報告." localSheetId="14" hidden="1">{"月例報告",#N/A,FALSE,"STB"}</definedName>
    <definedName name="wrn.月例報告." localSheetId="10" hidden="1">{"月例報告",#N/A,FALSE,"STB"}</definedName>
    <definedName name="wrn.月例報告." localSheetId="16" hidden="1">{"月例報告",#N/A,FALSE,"STB"}</definedName>
    <definedName name="wrn.月例報告." localSheetId="11" hidden="1">{"月例報告",#N/A,FALSE,"STB"}</definedName>
    <definedName name="wrn.月例報告." localSheetId="17" hidden="1">{"月例報告",#N/A,FALSE,"STB"}</definedName>
    <definedName name="wrn.月例報告." localSheetId="12" hidden="1">{"月例報告",#N/A,FALSE,"STB"}</definedName>
    <definedName name="wrn.月例報告." localSheetId="13" hidden="1">{"月例報告",#N/A,FALSE,"STB"}</definedName>
    <definedName name="wrn.月例報告." localSheetId="2" hidden="1">{"月例報告",#N/A,FALSE,"STB"}</definedName>
    <definedName name="wrn.月例報告." localSheetId="1" hidden="1">{"月例報告",#N/A,FALSE,"STB"}</definedName>
    <definedName name="wrn.月例報告." localSheetId="3" hidden="1">{"月例報告",#N/A,FALSE,"STB"}</definedName>
    <definedName name="wrn.月例報告." localSheetId="7" hidden="1">{"月例報告",#N/A,FALSE,"STB"}</definedName>
    <definedName name="wrn.月例報告." localSheetId="4" hidden="1">{"月例報告",#N/A,FALSE,"STB"}</definedName>
    <definedName name="wrn.月例報告." localSheetId="5" hidden="1">{"月例報告",#N/A,FALSE,"STB"}</definedName>
    <definedName name="wrn.月例報告." localSheetId="6" hidden="1">{"月例報告",#N/A,FALSE,"STB"}</definedName>
    <definedName name="wrn.月例報告." hidden="1">{"月例報告",#N/A,FALSE,"STB"}</definedName>
    <definedName name="Ｘ">#REF!</definedName>
    <definedName name="あ">#REF!</definedName>
    <definedName name="あＺ">#REF!</definedName>
    <definedName name="サブシステムＩＤ">[4]参照!$C$6:$C$8</definedName>
    <definedName name="サブシステム名">[4]参照!$D$6:$D$8</definedName>
    <definedName name="画面ラインテスト件数" localSheetId="9">[3]ＰＴ障害状況!#REF!</definedName>
    <definedName name="画面ラインテスト件数" localSheetId="15">[3]ＰＴ障害状況!#REF!</definedName>
    <definedName name="画面ラインテスト件数" localSheetId="8">[3]ＰＴ障害状況!#REF!</definedName>
    <definedName name="画面ラインテスト件数" localSheetId="14">[3]ＰＴ障害状況!#REF!</definedName>
    <definedName name="画面ラインテスト件数" localSheetId="10">[3]ＰＴ障害状況!#REF!</definedName>
    <definedName name="画面ラインテスト件数" localSheetId="16">[3]ＰＴ障害状況!#REF!</definedName>
    <definedName name="画面ラインテスト件数" localSheetId="11">[3]ＰＴ障害状況!#REF!</definedName>
    <definedName name="画面ラインテスト件数" localSheetId="17">[3]ＰＴ障害状況!#REF!</definedName>
    <definedName name="画面ラインテスト件数" localSheetId="12">[3]ＰＴ障害状況!#REF!</definedName>
    <definedName name="画面ラインテスト件数" localSheetId="13">[3]ＰＴ障害状況!#REF!</definedName>
    <definedName name="画面ラインテスト件数" localSheetId="7">[3]ＰＴ障害状況!#REF!</definedName>
    <definedName name="画面ラインテスト件数" localSheetId="5">[3]ＰＴ障害状況!#REF!</definedName>
    <definedName name="画面ラインテスト件数" localSheetId="6">[3]ＰＴ障害状況!#REF!</definedName>
    <definedName name="画面ラインテスト件数">[3]ＰＴ障害状況!#REF!</definedName>
    <definedName name="画面ラインバグ件数" localSheetId="9">[3]ＰＴ障害状況!#REF!</definedName>
    <definedName name="画面ラインバグ件数" localSheetId="15">[3]ＰＴ障害状況!#REF!</definedName>
    <definedName name="画面ラインバグ件数" localSheetId="8">[3]ＰＴ障害状況!#REF!</definedName>
    <definedName name="画面ラインバグ件数" localSheetId="14">[3]ＰＴ障害状況!#REF!</definedName>
    <definedName name="画面ラインバグ件数" localSheetId="10">[3]ＰＴ障害状況!#REF!</definedName>
    <definedName name="画面ラインバグ件数" localSheetId="16">[3]ＰＴ障害状況!#REF!</definedName>
    <definedName name="画面ラインバグ件数" localSheetId="11">[3]ＰＴ障害状況!#REF!</definedName>
    <definedName name="画面ラインバグ件数" localSheetId="17">[3]ＰＴ障害状況!#REF!</definedName>
    <definedName name="画面ラインバグ件数" localSheetId="12">[3]ＰＴ障害状況!#REF!</definedName>
    <definedName name="画面ラインバグ件数" localSheetId="13">[3]ＰＴ障害状況!#REF!</definedName>
    <definedName name="画面ラインバグ件数" localSheetId="7">[3]ＰＴ障害状況!#REF!</definedName>
    <definedName name="画面ラインバグ件数" localSheetId="5">[3]ＰＴ障害状況!#REF!</definedName>
    <definedName name="画面ラインバグ件数" localSheetId="6">[3]ＰＴ障害状況!#REF!</definedName>
    <definedName name="画面ラインバグ件数">[3]ＰＴ障害状況!#REF!</definedName>
    <definedName name="機能">[5]Sheet2!$A$1:$A$4</definedName>
    <definedName name="作成頻度リスト">#REF!</definedName>
    <definedName name="主管部署ＩＤ" localSheetId="9">[4]参照!#REF!</definedName>
    <definedName name="主管部署ＩＤ" localSheetId="15">[4]参照!#REF!</definedName>
    <definedName name="主管部署ＩＤ" localSheetId="8">[4]参照!#REF!</definedName>
    <definedName name="主管部署ＩＤ" localSheetId="14">[4]参照!#REF!</definedName>
    <definedName name="主管部署ＩＤ" localSheetId="10">[4]参照!#REF!</definedName>
    <definedName name="主管部署ＩＤ" localSheetId="16">[4]参照!#REF!</definedName>
    <definedName name="主管部署ＩＤ" localSheetId="11">[4]参照!#REF!</definedName>
    <definedName name="主管部署ＩＤ" localSheetId="17">[4]参照!#REF!</definedName>
    <definedName name="主管部署ＩＤ" localSheetId="12">[4]参照!#REF!</definedName>
    <definedName name="主管部署ＩＤ" localSheetId="13">[4]参照!#REF!</definedName>
    <definedName name="主管部署ＩＤ" localSheetId="7">[4]参照!#REF!</definedName>
    <definedName name="主管部署ＩＤ" localSheetId="5">[4]参照!#REF!</definedName>
    <definedName name="主管部署ＩＤ" localSheetId="6">[4]参照!#REF!</definedName>
    <definedName name="主管部署ＩＤ">[4]参照!#REF!</definedName>
    <definedName name="主管部署名" localSheetId="9">[4]参照!#REF!</definedName>
    <definedName name="主管部署名" localSheetId="15">[4]参照!#REF!</definedName>
    <definedName name="主管部署名" localSheetId="8">[4]参照!#REF!</definedName>
    <definedName name="主管部署名" localSheetId="14">[4]参照!#REF!</definedName>
    <definedName name="主管部署名" localSheetId="10">[4]参照!#REF!</definedName>
    <definedName name="主管部署名" localSheetId="16">[4]参照!#REF!</definedName>
    <definedName name="主管部署名" localSheetId="11">[4]参照!#REF!</definedName>
    <definedName name="主管部署名" localSheetId="17">[4]参照!#REF!</definedName>
    <definedName name="主管部署名" localSheetId="12">[4]参照!#REF!</definedName>
    <definedName name="主管部署名" localSheetId="13">[4]参照!#REF!</definedName>
    <definedName name="主管部署名" localSheetId="7">[4]参照!#REF!</definedName>
    <definedName name="主管部署名" localSheetId="5">[4]参照!#REF!</definedName>
    <definedName name="主管部署名" localSheetId="6">[4]参照!#REF!</definedName>
    <definedName name="主管部署名">[4]参照!#REF!</definedName>
    <definedName name="受託">[6]TB!$B$2:$B$52</definedName>
    <definedName name="受託１">[2]TB!$B$2:$B$52</definedName>
    <definedName name="終わり">#REF!</definedName>
    <definedName name="設計状態リスト">#REF!</definedName>
    <definedName name="属性">[7]参照!$C$27:$C$39</definedName>
    <definedName name="大分類リスト">#REF!</definedName>
    <definedName name="単体価格" localSheetId="9">#REF!</definedName>
    <definedName name="単体価格" localSheetId="15">#REF!</definedName>
    <definedName name="単体価格" localSheetId="8">#REF!</definedName>
    <definedName name="単体価格" localSheetId="14">#REF!</definedName>
    <definedName name="単体価格" localSheetId="10">#REF!</definedName>
    <definedName name="単体価格" localSheetId="16">#REF!</definedName>
    <definedName name="単体価格" localSheetId="11">#REF!</definedName>
    <definedName name="単体価格" localSheetId="17">#REF!</definedName>
    <definedName name="単体価格" localSheetId="12">#REF!</definedName>
    <definedName name="単体価格" localSheetId="13">#REF!</definedName>
    <definedName name="単体価格" localSheetId="7">#REF!</definedName>
    <definedName name="単体価格" localSheetId="5">#REF!</definedName>
    <definedName name="単体価格" localSheetId="6">#REF!</definedName>
    <definedName name="単体価格">#REF!</definedName>
    <definedName name="単体価格広島" localSheetId="9">#REF!</definedName>
    <definedName name="単体価格広島" localSheetId="15">#REF!</definedName>
    <definedName name="単体価格広島" localSheetId="8">#REF!</definedName>
    <definedName name="単体価格広島" localSheetId="14">#REF!</definedName>
    <definedName name="単体価格広島" localSheetId="10">#REF!</definedName>
    <definedName name="単体価格広島" localSheetId="16">#REF!</definedName>
    <definedName name="単体価格広島" localSheetId="11">#REF!</definedName>
    <definedName name="単体価格広島" localSheetId="17">#REF!</definedName>
    <definedName name="単体価格広島" localSheetId="12">#REF!</definedName>
    <definedName name="単体価格広島" localSheetId="13">#REF!</definedName>
    <definedName name="単体価格広島" localSheetId="7">#REF!</definedName>
    <definedName name="単体価格広島" localSheetId="5">#REF!</definedName>
    <definedName name="単体価格広島" localSheetId="6">#REF!</definedName>
    <definedName name="単体価格広島">#REF!</definedName>
    <definedName name="単体価格福岡" localSheetId="9">#REF!</definedName>
    <definedName name="単体価格福岡" localSheetId="15">#REF!</definedName>
    <definedName name="単体価格福岡" localSheetId="8">#REF!</definedName>
    <definedName name="単体価格福岡" localSheetId="14">#REF!</definedName>
    <definedName name="単体価格福岡" localSheetId="10">#REF!</definedName>
    <definedName name="単体価格福岡" localSheetId="16">#REF!</definedName>
    <definedName name="単体価格福岡" localSheetId="11">#REF!</definedName>
    <definedName name="単体価格福岡" localSheetId="17">#REF!</definedName>
    <definedName name="単体価格福岡" localSheetId="12">#REF!</definedName>
    <definedName name="単体価格福岡" localSheetId="13">#REF!</definedName>
    <definedName name="単体価格福岡" localSheetId="7">#REF!</definedName>
    <definedName name="単体価格福岡" localSheetId="5">#REF!</definedName>
    <definedName name="単体価格福岡" localSheetId="6">#REF!</definedName>
    <definedName name="単体価格福岡">#REF!</definedName>
    <definedName name="中分類リスト">#REF!</definedName>
    <definedName name="版数">MAX([8]変更履歴!$A$7:$B$17)</definedName>
    <definedName name="変更日">MAX([8]変更履歴!$C$7:$E$17)</definedName>
    <definedName name="簿価残災対" localSheetId="9">#REF!</definedName>
    <definedName name="簿価残災対" localSheetId="15">#REF!</definedName>
    <definedName name="簿価残災対" localSheetId="8">#REF!</definedName>
    <definedName name="簿価残災対" localSheetId="14">#REF!</definedName>
    <definedName name="簿価残災対" localSheetId="10">#REF!</definedName>
    <definedName name="簿価残災対" localSheetId="16">#REF!</definedName>
    <definedName name="簿価残災対" localSheetId="11">#REF!</definedName>
    <definedName name="簿価残災対" localSheetId="17">#REF!</definedName>
    <definedName name="簿価残災対" localSheetId="12">#REF!</definedName>
    <definedName name="簿価残災対" localSheetId="13">#REF!</definedName>
    <definedName name="簿価残災対" localSheetId="7">#REF!</definedName>
    <definedName name="簿価残災対" localSheetId="5">#REF!</definedName>
    <definedName name="簿価残災対" localSheetId="6">#REF!</definedName>
    <definedName name="簿価残災対">#REF!</definedName>
  </definedNames>
  <calcPr calcId="191028"/>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I122" i="69" l="1"/>
  <c r="AI121" i="69"/>
  <c r="AI120" i="69"/>
  <c r="AI119" i="69"/>
  <c r="AI118" i="69"/>
  <c r="AI117" i="69"/>
  <c r="AI116" i="69"/>
  <c r="AI115" i="69"/>
  <c r="AI114" i="69"/>
  <c r="AI113" i="69"/>
  <c r="AI112" i="69"/>
  <c r="AI111" i="69"/>
  <c r="AI110" i="69"/>
  <c r="AI109" i="69"/>
  <c r="AI108" i="69"/>
  <c r="AI103" i="69"/>
  <c r="AI102" i="69"/>
  <c r="AI101" i="69"/>
  <c r="AI100" i="69"/>
  <c r="AI99" i="69"/>
  <c r="AI98" i="69"/>
  <c r="AI97" i="69"/>
  <c r="AI96" i="69"/>
  <c r="AI95" i="69"/>
  <c r="AI94" i="69"/>
  <c r="AI93" i="69"/>
  <c r="AI88" i="69"/>
  <c r="AI87" i="69"/>
  <c r="AI86" i="69"/>
  <c r="AI85" i="69"/>
  <c r="AI84" i="69"/>
  <c r="AI83" i="69"/>
  <c r="AI82" i="69"/>
  <c r="AI77" i="69"/>
  <c r="AI76" i="69"/>
  <c r="AI75" i="69"/>
  <c r="AI74" i="69"/>
  <c r="AI73" i="69"/>
  <c r="AI72" i="69"/>
  <c r="AI71" i="69"/>
  <c r="AI70" i="69"/>
  <c r="AI65" i="69"/>
  <c r="AI64" i="69"/>
  <c r="AI63" i="69"/>
  <c r="AI62" i="69"/>
  <c r="AI61" i="69"/>
  <c r="AI60" i="69"/>
  <c r="AI59" i="69"/>
  <c r="AI58" i="69"/>
  <c r="AI57" i="69"/>
  <c r="AI56" i="69"/>
  <c r="AI55" i="69"/>
  <c r="AI54" i="69"/>
  <c r="AI53" i="69"/>
  <c r="AI52" i="69"/>
  <c r="AI51" i="69"/>
  <c r="AI50" i="69"/>
  <c r="AI49" i="69"/>
  <c r="AI48" i="69"/>
  <c r="AI47" i="69"/>
  <c r="AI46" i="69"/>
  <c r="AI45" i="69"/>
  <c r="AI44" i="69"/>
  <c r="AI43" i="69"/>
  <c r="AI42" i="69"/>
  <c r="AI41" i="69"/>
  <c r="AI40" i="69"/>
  <c r="AI39" i="69"/>
  <c r="AI38" i="69"/>
  <c r="AI37" i="69"/>
  <c r="AI36" i="69"/>
  <c r="AI35" i="69"/>
  <c r="AI34" i="69"/>
  <c r="AI33" i="69"/>
  <c r="AI32" i="69"/>
  <c r="AI31" i="69"/>
  <c r="AI30" i="69"/>
  <c r="AI29" i="69"/>
  <c r="AI28" i="69"/>
  <c r="AI27" i="69"/>
  <c r="AI26" i="69"/>
  <c r="AI119" i="68"/>
  <c r="AI118" i="68"/>
  <c r="AI117" i="68"/>
  <c r="AI116" i="68"/>
  <c r="AI115" i="68"/>
  <c r="AI114" i="68"/>
  <c r="AI113" i="68"/>
  <c r="AI112" i="68"/>
  <c r="AI111" i="68"/>
  <c r="AI110" i="68"/>
  <c r="AI109" i="68"/>
  <c r="AI108" i="68"/>
  <c r="AI107" i="68"/>
  <c r="AI106" i="68"/>
  <c r="AI105" i="68"/>
  <c r="AI104" i="68"/>
  <c r="AI103" i="68"/>
  <c r="AI98" i="68"/>
  <c r="AI97" i="68"/>
  <c r="AI96" i="68"/>
  <c r="AI95" i="68"/>
  <c r="AI94" i="68"/>
  <c r="AI93" i="68"/>
  <c r="AI92" i="68"/>
  <c r="AI91" i="68"/>
  <c r="AI90" i="68"/>
  <c r="AI89" i="68"/>
  <c r="AI88" i="68"/>
  <c r="AI87" i="68"/>
  <c r="AI86" i="68"/>
  <c r="AI85" i="68"/>
  <c r="AI84" i="68"/>
  <c r="AI83" i="68"/>
  <c r="AI82" i="68"/>
  <c r="AI81" i="68"/>
  <c r="AI80" i="68"/>
  <c r="AI79" i="68"/>
  <c r="AI78" i="68"/>
  <c r="AI73" i="68"/>
  <c r="AI72" i="68"/>
  <c r="AI71" i="68"/>
  <c r="AI70" i="68"/>
  <c r="AI69" i="68"/>
  <c r="AI68" i="68"/>
  <c r="AI67" i="68"/>
  <c r="AI62" i="68"/>
  <c r="AI61" i="68"/>
  <c r="AI60" i="68"/>
  <c r="AI59" i="68"/>
  <c r="AI58" i="68"/>
  <c r="AI57" i="68"/>
  <c r="AI56" i="68"/>
  <c r="AI55" i="68"/>
  <c r="AI54" i="68"/>
  <c r="AI53" i="68"/>
  <c r="AI52" i="68"/>
  <c r="AI51" i="68"/>
  <c r="AI50" i="68"/>
  <c r="AI49" i="68"/>
  <c r="AI48" i="68"/>
  <c r="AI47" i="68"/>
  <c r="AI46" i="68"/>
  <c r="AI45" i="68"/>
  <c r="AI44" i="68"/>
  <c r="AI43" i="68"/>
  <c r="AI42" i="68"/>
  <c r="AI41" i="68"/>
  <c r="AI40" i="68"/>
  <c r="AI39" i="68"/>
  <c r="AI38" i="68"/>
  <c r="AI37" i="68"/>
  <c r="AI36" i="68"/>
  <c r="AI35" i="68"/>
  <c r="AI34" i="68"/>
  <c r="AI33" i="68"/>
  <c r="AI32" i="68"/>
  <c r="AI31" i="68"/>
  <c r="AI30" i="68"/>
  <c r="AI29" i="68"/>
  <c r="AI28" i="68"/>
  <c r="AI27" i="68"/>
  <c r="AI26" i="68"/>
  <c r="AN582" i="67"/>
  <c r="AN581" i="67"/>
  <c r="AN580" i="67"/>
  <c r="AN579" i="67"/>
  <c r="AN578" i="67"/>
  <c r="AN577" i="67"/>
  <c r="AN576" i="67"/>
  <c r="AN575" i="67"/>
  <c r="AN574" i="67"/>
  <c r="AN573" i="67"/>
  <c r="AN572" i="67"/>
  <c r="AN571" i="67"/>
  <c r="AN570" i="67"/>
  <c r="AN569" i="67"/>
  <c r="AN568" i="67"/>
  <c r="AN567" i="67"/>
  <c r="AN566" i="67"/>
  <c r="AN565" i="67"/>
  <c r="AN564" i="67"/>
  <c r="AN563" i="67"/>
  <c r="AN562" i="67"/>
  <c r="AN557" i="67"/>
  <c r="AN556" i="67"/>
  <c r="AN555" i="67"/>
  <c r="AN554" i="67"/>
  <c r="AN553" i="67"/>
  <c r="AN552" i="67"/>
  <c r="AN551" i="67"/>
  <c r="AN550" i="67"/>
  <c r="AN549" i="67"/>
  <c r="AN548" i="67"/>
  <c r="AN547" i="67"/>
  <c r="AN546" i="67"/>
  <c r="AN545" i="67"/>
  <c r="AN544" i="67"/>
  <c r="AN543" i="67"/>
  <c r="AN542" i="67"/>
  <c r="AN541" i="67"/>
  <c r="AN540" i="67"/>
  <c r="AN539" i="67"/>
  <c r="AN538" i="67"/>
  <c r="AN537" i="67"/>
  <c r="AN536" i="67"/>
  <c r="AN535" i="67"/>
  <c r="AN534" i="67"/>
  <c r="AN533" i="67"/>
  <c r="AN532" i="67"/>
  <c r="AN531" i="67"/>
  <c r="AN530" i="67"/>
  <c r="AN529" i="67"/>
  <c r="AN528" i="67"/>
  <c r="AN527" i="67"/>
  <c r="AN526" i="67"/>
  <c r="AN525" i="67"/>
  <c r="AN524" i="67"/>
  <c r="AN523" i="67"/>
  <c r="AN522" i="67"/>
  <c r="AN521" i="67"/>
  <c r="AN520" i="67"/>
  <c r="AN519" i="67"/>
  <c r="AN514" i="67"/>
  <c r="AN513" i="67"/>
  <c r="AN512" i="67"/>
  <c r="AN511" i="67"/>
  <c r="AN510" i="67"/>
  <c r="AN509" i="67"/>
  <c r="AN508" i="67"/>
  <c r="AN507" i="67"/>
  <c r="AN506" i="67"/>
  <c r="AN505" i="67"/>
  <c r="AN504" i="67"/>
  <c r="AN503" i="67"/>
  <c r="AN502" i="67"/>
  <c r="AN501" i="67"/>
  <c r="AN500" i="67"/>
  <c r="AN499" i="67"/>
  <c r="AN498" i="67"/>
  <c r="AN497" i="67"/>
  <c r="AN496" i="67"/>
  <c r="AN495" i="67"/>
  <c r="AN494" i="67"/>
  <c r="AN493" i="67"/>
  <c r="AN492" i="67"/>
  <c r="AN491" i="67"/>
  <c r="AN490" i="67"/>
  <c r="AN489" i="67"/>
  <c r="AN488" i="67"/>
  <c r="AN487" i="67"/>
  <c r="AN486" i="67"/>
  <c r="AN485" i="67"/>
  <c r="AN484" i="67"/>
  <c r="AN483" i="67"/>
  <c r="AN482" i="67"/>
  <c r="AN481" i="67"/>
  <c r="AN480" i="67"/>
  <c r="AN479" i="67"/>
  <c r="AN478" i="67"/>
  <c r="AN477" i="67"/>
  <c r="AN476" i="67"/>
  <c r="AN471" i="67"/>
  <c r="AN470" i="67"/>
  <c r="AN469" i="67"/>
  <c r="AN468" i="67"/>
  <c r="AN467" i="67"/>
  <c r="AN466" i="67"/>
  <c r="AN465" i="67"/>
  <c r="AN464" i="67"/>
  <c r="AN463" i="67"/>
  <c r="AN462" i="67"/>
  <c r="AN457" i="67"/>
  <c r="AN456" i="67"/>
  <c r="AN455" i="67"/>
  <c r="AN454" i="67"/>
  <c r="AN453" i="67"/>
  <c r="AN452" i="67"/>
  <c r="AN451" i="67"/>
  <c r="AN450" i="67"/>
  <c r="AN449" i="67"/>
  <c r="AN448" i="67"/>
  <c r="AN447" i="67"/>
  <c r="AN446" i="67"/>
  <c r="AN445" i="67"/>
  <c r="AN444" i="67"/>
  <c r="AN443" i="67"/>
  <c r="AN442" i="67"/>
  <c r="AN441" i="67"/>
  <c r="AN440" i="67"/>
  <c r="AN439" i="67"/>
  <c r="AN438" i="67"/>
  <c r="AN437" i="67"/>
  <c r="AN432" i="67"/>
  <c r="AN431" i="67"/>
  <c r="AN430" i="67"/>
  <c r="AN429" i="67"/>
  <c r="AN428" i="67"/>
  <c r="AN427" i="67"/>
  <c r="AN426" i="67"/>
  <c r="AN425" i="67"/>
  <c r="AN424" i="67"/>
  <c r="AN423" i="67"/>
  <c r="AN422" i="67"/>
  <c r="AN421" i="67"/>
  <c r="AN420" i="67"/>
  <c r="AN419" i="67"/>
  <c r="AN418" i="67"/>
  <c r="AN417" i="67"/>
  <c r="AN416" i="67"/>
  <c r="AN415" i="67"/>
  <c r="AN414" i="67"/>
  <c r="AN413" i="67"/>
  <c r="AN412" i="67"/>
  <c r="AN411" i="67"/>
  <c r="AN410" i="67"/>
  <c r="AN409" i="67"/>
  <c r="AN408" i="67"/>
  <c r="AN407" i="67"/>
  <c r="AN406" i="67"/>
  <c r="AN405" i="67"/>
  <c r="AN404" i="67"/>
  <c r="AN403" i="67"/>
  <c r="AN402" i="67"/>
  <c r="AN401" i="67"/>
  <c r="AN400" i="67"/>
  <c r="AN399" i="67"/>
  <c r="AN398" i="67"/>
  <c r="AN397" i="67"/>
  <c r="AN396" i="67"/>
  <c r="AN395" i="67"/>
  <c r="AN394" i="67"/>
  <c r="AN393" i="67"/>
  <c r="AN392" i="67"/>
  <c r="AN391" i="67"/>
  <c r="AN390" i="67"/>
  <c r="AN389" i="67"/>
  <c r="AN388" i="67"/>
  <c r="AN387" i="67"/>
  <c r="AN386" i="67"/>
  <c r="AN385" i="67"/>
  <c r="AN384" i="67"/>
  <c r="AN383" i="67"/>
  <c r="AN382" i="67"/>
  <c r="AN381" i="67"/>
  <c r="AN380" i="67"/>
  <c r="AN379" i="67"/>
  <c r="AN378" i="67"/>
  <c r="AN377" i="67"/>
  <c r="AN376" i="67"/>
  <c r="AN375" i="67"/>
  <c r="AN374" i="67"/>
  <c r="AN373" i="67"/>
  <c r="AN372" i="67"/>
  <c r="AN371" i="67"/>
  <c r="AN370" i="67"/>
  <c r="AN369" i="67"/>
  <c r="AN368" i="67"/>
  <c r="AN367" i="67"/>
  <c r="AN366" i="67"/>
  <c r="AN365" i="67"/>
  <c r="AN364" i="67"/>
  <c r="AN363" i="67"/>
  <c r="AN362" i="67"/>
  <c r="AN361" i="67"/>
  <c r="AN360" i="67"/>
  <c r="AN359" i="67"/>
  <c r="AN358" i="67"/>
  <c r="AN357" i="67"/>
  <c r="AN356" i="67"/>
  <c r="AN355" i="67"/>
  <c r="AN354" i="67"/>
  <c r="AN353" i="67"/>
  <c r="AN352" i="67"/>
  <c r="AN351" i="67"/>
  <c r="AN350" i="67"/>
  <c r="AN349" i="67"/>
  <c r="AN348" i="67"/>
  <c r="AN347" i="67"/>
  <c r="AN346" i="67"/>
  <c r="AN345" i="67"/>
  <c r="AN344" i="67"/>
  <c r="AN343" i="67"/>
  <c r="AN342" i="67"/>
  <c r="AN341" i="67"/>
  <c r="AN340" i="67"/>
  <c r="AN339" i="67"/>
  <c r="AN338" i="67"/>
  <c r="AN337" i="67"/>
  <c r="AN336" i="67"/>
  <c r="AN335" i="67"/>
  <c r="AN334" i="67"/>
  <c r="AN333" i="67"/>
  <c r="AN332" i="67"/>
  <c r="AN331" i="67"/>
  <c r="AN330" i="67"/>
  <c r="AN329" i="67"/>
  <c r="AN328" i="67"/>
  <c r="AN327" i="67"/>
  <c r="AN326" i="67"/>
  <c r="AN325" i="67"/>
  <c r="AN324" i="67"/>
  <c r="AN323" i="67"/>
  <c r="AN322" i="67"/>
  <c r="AN321" i="67"/>
  <c r="AN320" i="67"/>
  <c r="AN319" i="67"/>
  <c r="AN318" i="67"/>
  <c r="AN317" i="67"/>
  <c r="AN316" i="67"/>
  <c r="AN315" i="67"/>
  <c r="AN314" i="67"/>
  <c r="AN313" i="67"/>
  <c r="AN308" i="67"/>
  <c r="AN307" i="67"/>
  <c r="AN306" i="67"/>
  <c r="AN305" i="67"/>
  <c r="AN304" i="67"/>
  <c r="AN303" i="67"/>
  <c r="AN302" i="67"/>
  <c r="AN301" i="67"/>
  <c r="AN300" i="67"/>
  <c r="AN295" i="67"/>
  <c r="AN294" i="67"/>
  <c r="AN293" i="67"/>
  <c r="AN292" i="67"/>
  <c r="AN291" i="67"/>
  <c r="AN290" i="67"/>
  <c r="AN289" i="67"/>
  <c r="AN288" i="67"/>
  <c r="AN287" i="67"/>
  <c r="AN286" i="67"/>
  <c r="AN285" i="67"/>
  <c r="AN280" i="67"/>
  <c r="AN279" i="67"/>
  <c r="AN278" i="67"/>
  <c r="AN277" i="67"/>
  <c r="AN276" i="67"/>
  <c r="AN275" i="67"/>
  <c r="AN274" i="67"/>
  <c r="AN273" i="67"/>
  <c r="AN272" i="67"/>
  <c r="AN271" i="67"/>
  <c r="AN270" i="67"/>
  <c r="AN269" i="67"/>
  <c r="AN268" i="67"/>
  <c r="AN267" i="67"/>
  <c r="AN266" i="67"/>
  <c r="AN261" i="67"/>
  <c r="AN260" i="67"/>
  <c r="AN259" i="67"/>
  <c r="AN258" i="67"/>
  <c r="AN257" i="67"/>
  <c r="AN256" i="67"/>
  <c r="AN255" i="67"/>
  <c r="AN254" i="67"/>
  <c r="AN253" i="67"/>
  <c r="AN252" i="67"/>
  <c r="AN251" i="67"/>
  <c r="AN250" i="67"/>
  <c r="AN249" i="67"/>
  <c r="AN248" i="67"/>
  <c r="AN247" i="67"/>
  <c r="AN246" i="67"/>
  <c r="AN245" i="67"/>
  <c r="AN244" i="67"/>
  <c r="AN239" i="67"/>
  <c r="AN238" i="67"/>
  <c r="AN237" i="67"/>
  <c r="AN236" i="67"/>
  <c r="AN235" i="67"/>
  <c r="AN234" i="67"/>
  <c r="AN233" i="67"/>
  <c r="AN232" i="67"/>
  <c r="AN231" i="67"/>
  <c r="AN230" i="67"/>
  <c r="AN229" i="67"/>
  <c r="AN228" i="67"/>
  <c r="AN227" i="67"/>
  <c r="AN226" i="67"/>
  <c r="AN225" i="67"/>
  <c r="AN224" i="67"/>
  <c r="AN223" i="67"/>
  <c r="AN222" i="67"/>
  <c r="AN221" i="67"/>
  <c r="AN220" i="67"/>
  <c r="AN219" i="67"/>
  <c r="AN218" i="67"/>
  <c r="AN217" i="67"/>
  <c r="AN216" i="67"/>
  <c r="AN215" i="67"/>
  <c r="AN214" i="67"/>
  <c r="AN213" i="67"/>
  <c r="AN212" i="67"/>
  <c r="AN211" i="67"/>
  <c r="AN210" i="67"/>
  <c r="AN209" i="67"/>
  <c r="AN208" i="67"/>
  <c r="AN207" i="67"/>
  <c r="AN206" i="67"/>
  <c r="AN205" i="67"/>
  <c r="AN204" i="67"/>
  <c r="AN203" i="67"/>
  <c r="AN202" i="67"/>
  <c r="AN201" i="67"/>
  <c r="AN200" i="67"/>
  <c r="AN199" i="67"/>
  <c r="AN198" i="67"/>
  <c r="AN197" i="67"/>
  <c r="AN196" i="67"/>
  <c r="AN195" i="67"/>
  <c r="AN194" i="67"/>
  <c r="AN193" i="67"/>
  <c r="AN192" i="67"/>
  <c r="AN191" i="67"/>
  <c r="AN190" i="67"/>
  <c r="AN189" i="67"/>
  <c r="AN188" i="67"/>
  <c r="AN187" i="67"/>
  <c r="AN186" i="67"/>
  <c r="AN185" i="67"/>
  <c r="AN184" i="67"/>
  <c r="AN183" i="67"/>
  <c r="AN182" i="67"/>
  <c r="AN181" i="67"/>
  <c r="AN180" i="67"/>
  <c r="AN179" i="67"/>
  <c r="AN178" i="67"/>
  <c r="AN177" i="67"/>
  <c r="AN176" i="67"/>
  <c r="AN175" i="67"/>
  <c r="AN174" i="67"/>
  <c r="AN173" i="67"/>
  <c r="AN172" i="67"/>
  <c r="AN171" i="67"/>
  <c r="AN170" i="67"/>
  <c r="AN169" i="67"/>
  <c r="AN168" i="67"/>
  <c r="AN163" i="67"/>
  <c r="AN162" i="67"/>
  <c r="AN161" i="67"/>
  <c r="AN160" i="67"/>
  <c r="AN159" i="67"/>
  <c r="AN158" i="67"/>
  <c r="AN157" i="67"/>
  <c r="AN156" i="67"/>
  <c r="AN155" i="67"/>
  <c r="AN154" i="67"/>
  <c r="AN153" i="67"/>
  <c r="AN152" i="67"/>
  <c r="AN151" i="67"/>
  <c r="AN150" i="67"/>
  <c r="AN149" i="67"/>
  <c r="AN148" i="67"/>
  <c r="AN147" i="67"/>
  <c r="AN146" i="67"/>
  <c r="AN141" i="67"/>
  <c r="AN140" i="67"/>
  <c r="AN139" i="67"/>
  <c r="AN138" i="67"/>
  <c r="AN137" i="67"/>
  <c r="AN136" i="67"/>
  <c r="AN135" i="67"/>
  <c r="AN134" i="67"/>
  <c r="AN133" i="67"/>
  <c r="AN132" i="67"/>
  <c r="AN131" i="67"/>
  <c r="AN130" i="67"/>
  <c r="AN129" i="67"/>
  <c r="AN128" i="67"/>
  <c r="AN127" i="67"/>
  <c r="AN122" i="67"/>
  <c r="AN121" i="67"/>
  <c r="AN120" i="67"/>
  <c r="AN119" i="67"/>
  <c r="AN118" i="67"/>
  <c r="AN117" i="67"/>
  <c r="AN116" i="67"/>
  <c r="AN115" i="67"/>
  <c r="AN114" i="67"/>
  <c r="AN113" i="67"/>
  <c r="AN112" i="67"/>
  <c r="AN111" i="67"/>
  <c r="AN110" i="67"/>
  <c r="AN109" i="67"/>
  <c r="AN108" i="67"/>
  <c r="AN107" i="67"/>
  <c r="AN106" i="67"/>
  <c r="AN105" i="67"/>
  <c r="AN104" i="67"/>
  <c r="AN99" i="67"/>
  <c r="AN98" i="67"/>
  <c r="AN97" i="67"/>
  <c r="AN96" i="67"/>
  <c r="AN95" i="67"/>
  <c r="AN94" i="67"/>
  <c r="AN93" i="67"/>
  <c r="AN92" i="67"/>
  <c r="AN91" i="67"/>
  <c r="AN90" i="67"/>
  <c r="AN89" i="67"/>
  <c r="AN88" i="67"/>
  <c r="AN87" i="67"/>
  <c r="AN86" i="67"/>
  <c r="AN85" i="67"/>
  <c r="AN84" i="67"/>
  <c r="AN83" i="67"/>
  <c r="AN82" i="67"/>
  <c r="AN81" i="67"/>
  <c r="AN80" i="67"/>
  <c r="AN79" i="67"/>
  <c r="AN78" i="67"/>
  <c r="AN77" i="67"/>
  <c r="AN76" i="67"/>
  <c r="AN75" i="67"/>
  <c r="AN74" i="67"/>
  <c r="AN73" i="67"/>
  <c r="AN72" i="67"/>
  <c r="AN71" i="67"/>
  <c r="AN70" i="67"/>
  <c r="AN69" i="67"/>
  <c r="AN68" i="67"/>
  <c r="AN67" i="67"/>
  <c r="AN66" i="67"/>
  <c r="AN65" i="67"/>
  <c r="AN64" i="67"/>
  <c r="AN63" i="67"/>
  <c r="AN58" i="67"/>
  <c r="AN57" i="67"/>
  <c r="AN56" i="67"/>
  <c r="AN55" i="67"/>
  <c r="AN54" i="67"/>
  <c r="AN53" i="67"/>
  <c r="AN52" i="67"/>
  <c r="AN51" i="67"/>
  <c r="AN50" i="67"/>
  <c r="AN49" i="67"/>
  <c r="AN48" i="67"/>
  <c r="AN47" i="67"/>
  <c r="AN46" i="67"/>
  <c r="AN45" i="67"/>
  <c r="AN44" i="67"/>
  <c r="AN39" i="67"/>
  <c r="AN38" i="67"/>
  <c r="AN37" i="67"/>
  <c r="AN36" i="67"/>
  <c r="AN35" i="67"/>
  <c r="AN34" i="67"/>
  <c r="AN33" i="67"/>
  <c r="AN32" i="67"/>
  <c r="AN31" i="67"/>
  <c r="AN30" i="67"/>
  <c r="AN29" i="67"/>
  <c r="AN28" i="67"/>
  <c r="AN27" i="67"/>
  <c r="A24" i="67"/>
  <c r="AN678" i="66"/>
  <c r="AN677" i="66"/>
  <c r="AN676" i="66"/>
  <c r="AN675" i="66"/>
  <c r="AN674" i="66"/>
  <c r="AN673" i="66"/>
  <c r="AN672" i="66"/>
  <c r="AN671" i="66"/>
  <c r="AN670" i="66"/>
  <c r="AN669" i="66"/>
  <c r="AN668" i="66"/>
  <c r="AN667" i="66"/>
  <c r="AN666" i="66"/>
  <c r="AN665" i="66"/>
  <c r="AN664" i="66"/>
  <c r="AN663" i="66"/>
  <c r="AN662" i="66"/>
  <c r="AN661" i="66"/>
  <c r="AN660" i="66"/>
  <c r="AN659" i="66"/>
  <c r="AN658" i="66"/>
  <c r="A655" i="66"/>
  <c r="A656" i="66" s="1"/>
  <c r="A657" i="66" s="1"/>
  <c r="A658" i="66" s="1"/>
  <c r="A659" i="66" s="1"/>
  <c r="A660" i="66" s="1"/>
  <c r="A661" i="66" s="1"/>
  <c r="A662" i="66" s="1"/>
  <c r="A663" i="66" s="1"/>
  <c r="A664" i="66" s="1"/>
  <c r="A665" i="66" s="1"/>
  <c r="A666" i="66" s="1"/>
  <c r="A667" i="66" s="1"/>
  <c r="A668" i="66" s="1"/>
  <c r="A669" i="66" s="1"/>
  <c r="A670" i="66" s="1"/>
  <c r="A671" i="66" s="1"/>
  <c r="A672" i="66" s="1"/>
  <c r="A673" i="66" s="1"/>
  <c r="A674" i="66" s="1"/>
  <c r="A675" i="66" s="1"/>
  <c r="A676" i="66" s="1"/>
  <c r="A677" i="66" s="1"/>
  <c r="A678" i="66" s="1"/>
  <c r="AN653" i="66"/>
  <c r="AN652" i="66"/>
  <c r="AN651" i="66"/>
  <c r="AN650" i="66"/>
  <c r="AN649" i="66"/>
  <c r="AN648" i="66"/>
  <c r="AN647" i="66"/>
  <c r="AN646" i="66"/>
  <c r="AN645" i="66"/>
  <c r="AN644" i="66"/>
  <c r="AN643" i="66"/>
  <c r="AN642" i="66"/>
  <c r="AN641" i="66"/>
  <c r="AN640" i="66"/>
  <c r="AN639" i="66"/>
  <c r="AN638" i="66"/>
  <c r="AN637" i="66"/>
  <c r="AN636" i="66"/>
  <c r="AN635" i="66"/>
  <c r="AN634" i="66"/>
  <c r="AN633" i="66"/>
  <c r="AN632" i="66"/>
  <c r="AN631" i="66"/>
  <c r="AN630" i="66"/>
  <c r="AN629" i="66"/>
  <c r="AN628" i="66"/>
  <c r="AN627" i="66"/>
  <c r="AN626" i="66"/>
  <c r="AN625" i="66"/>
  <c r="AN624" i="66"/>
  <c r="AN623" i="66"/>
  <c r="AN622" i="66"/>
  <c r="AN621" i="66"/>
  <c r="AN620" i="66"/>
  <c r="AN619" i="66"/>
  <c r="AN618" i="66"/>
  <c r="AN617" i="66"/>
  <c r="AN616" i="66"/>
  <c r="AN615" i="66"/>
  <c r="A612" i="66"/>
  <c r="A613" i="66" s="1"/>
  <c r="A614" i="66" s="1"/>
  <c r="A615" i="66" s="1"/>
  <c r="A616" i="66" s="1"/>
  <c r="A617" i="66" s="1"/>
  <c r="A618" i="66" s="1"/>
  <c r="A619" i="66" s="1"/>
  <c r="A620" i="66" s="1"/>
  <c r="A621" i="66" s="1"/>
  <c r="A622" i="66" s="1"/>
  <c r="A623" i="66" s="1"/>
  <c r="A624" i="66" s="1"/>
  <c r="A625" i="66" s="1"/>
  <c r="A626" i="66" s="1"/>
  <c r="A627" i="66" s="1"/>
  <c r="A628" i="66" s="1"/>
  <c r="A629" i="66" s="1"/>
  <c r="A630" i="66" s="1"/>
  <c r="A631" i="66" s="1"/>
  <c r="A632" i="66" s="1"/>
  <c r="A633" i="66" s="1"/>
  <c r="A634" i="66" s="1"/>
  <c r="A635" i="66" s="1"/>
  <c r="A636" i="66" s="1"/>
  <c r="A637" i="66" s="1"/>
  <c r="A638" i="66" s="1"/>
  <c r="A639" i="66" s="1"/>
  <c r="A640" i="66" s="1"/>
  <c r="A641" i="66" s="1"/>
  <c r="A642" i="66" s="1"/>
  <c r="A643" i="66" s="1"/>
  <c r="A644" i="66" s="1"/>
  <c r="A645" i="66" s="1"/>
  <c r="A646" i="66" s="1"/>
  <c r="A647" i="66" s="1"/>
  <c r="A648" i="66" s="1"/>
  <c r="A649" i="66" s="1"/>
  <c r="A650" i="66" s="1"/>
  <c r="A651" i="66" s="1"/>
  <c r="A652" i="66" s="1"/>
  <c r="A653" i="66" s="1"/>
  <c r="A654" i="66" s="1"/>
  <c r="AN610" i="66"/>
  <c r="AN609" i="66"/>
  <c r="AN608" i="66"/>
  <c r="AN607" i="66"/>
  <c r="AN606" i="66"/>
  <c r="AN605" i="66"/>
  <c r="AN604" i="66"/>
  <c r="AN603" i="66"/>
  <c r="AN602" i="66"/>
  <c r="AN601" i="66"/>
  <c r="AN600" i="66"/>
  <c r="AN599" i="66"/>
  <c r="AN598" i="66"/>
  <c r="AN597" i="66"/>
  <c r="AN596" i="66"/>
  <c r="AN595" i="66"/>
  <c r="AN594" i="66"/>
  <c r="AN593" i="66"/>
  <c r="AN592" i="66"/>
  <c r="AN591" i="66"/>
  <c r="AN590" i="66"/>
  <c r="AN589" i="66"/>
  <c r="AN588" i="66"/>
  <c r="AN587" i="66"/>
  <c r="AN586" i="66"/>
  <c r="AN585" i="66"/>
  <c r="AN584" i="66"/>
  <c r="AN583" i="66"/>
  <c r="AN582" i="66"/>
  <c r="AN581" i="66"/>
  <c r="AN580" i="66"/>
  <c r="AN579" i="66"/>
  <c r="AN578" i="66"/>
  <c r="AN577" i="66"/>
  <c r="AN576" i="66"/>
  <c r="AN575" i="66"/>
  <c r="AN574" i="66"/>
  <c r="AN573" i="66"/>
  <c r="AN572" i="66"/>
  <c r="A569" i="66"/>
  <c r="A570" i="66" s="1"/>
  <c r="A571" i="66" s="1"/>
  <c r="A572" i="66" s="1"/>
  <c r="A573" i="66" s="1"/>
  <c r="A574" i="66" s="1"/>
  <c r="A575" i="66" s="1"/>
  <c r="A576" i="66" s="1"/>
  <c r="A577" i="66" s="1"/>
  <c r="A578" i="66" s="1"/>
  <c r="A579" i="66" s="1"/>
  <c r="A580" i="66" s="1"/>
  <c r="A581" i="66" s="1"/>
  <c r="A582" i="66" s="1"/>
  <c r="A583" i="66" s="1"/>
  <c r="A584" i="66" s="1"/>
  <c r="A585" i="66" s="1"/>
  <c r="A586" i="66" s="1"/>
  <c r="A587" i="66" s="1"/>
  <c r="A588" i="66" s="1"/>
  <c r="A589" i="66" s="1"/>
  <c r="A590" i="66" s="1"/>
  <c r="A591" i="66" s="1"/>
  <c r="A592" i="66" s="1"/>
  <c r="A593" i="66" s="1"/>
  <c r="A594" i="66" s="1"/>
  <c r="A595" i="66" s="1"/>
  <c r="A596" i="66" s="1"/>
  <c r="A597" i="66" s="1"/>
  <c r="A598" i="66" s="1"/>
  <c r="A599" i="66" s="1"/>
  <c r="A600" i="66" s="1"/>
  <c r="A601" i="66" s="1"/>
  <c r="A602" i="66" s="1"/>
  <c r="A603" i="66" s="1"/>
  <c r="A604" i="66" s="1"/>
  <c r="A605" i="66" s="1"/>
  <c r="A606" i="66" s="1"/>
  <c r="A607" i="66" s="1"/>
  <c r="A608" i="66" s="1"/>
  <c r="A609" i="66" s="1"/>
  <c r="A610" i="66" s="1"/>
  <c r="A611" i="66" s="1"/>
  <c r="AN567" i="66"/>
  <c r="AN566" i="66"/>
  <c r="A566" i="66"/>
  <c r="A567" i="66" s="1"/>
  <c r="A568" i="66" s="1"/>
  <c r="AN565" i="66"/>
  <c r="AN564" i="66"/>
  <c r="AN563" i="66"/>
  <c r="AN562" i="66"/>
  <c r="AN561" i="66"/>
  <c r="AN560" i="66"/>
  <c r="AN559" i="66"/>
  <c r="AN558" i="66"/>
  <c r="A555" i="66"/>
  <c r="A556" i="66" s="1"/>
  <c r="A557" i="66" s="1"/>
  <c r="A558" i="66" s="1"/>
  <c r="A559" i="66" s="1"/>
  <c r="A560" i="66" s="1"/>
  <c r="A561" i="66" s="1"/>
  <c r="A562" i="66" s="1"/>
  <c r="A563" i="66" s="1"/>
  <c r="A564" i="66" s="1"/>
  <c r="A565" i="66" s="1"/>
  <c r="AN553" i="66"/>
  <c r="AN552" i="66"/>
  <c r="AN551" i="66"/>
  <c r="AN550" i="66"/>
  <c r="AN549" i="66"/>
  <c r="AN548" i="66"/>
  <c r="AN547" i="66"/>
  <c r="AN546" i="66"/>
  <c r="AN545" i="66"/>
  <c r="A543" i="66"/>
  <c r="A544" i="66" s="1"/>
  <c r="A545" i="66" s="1"/>
  <c r="A546" i="66" s="1"/>
  <c r="A547" i="66" s="1"/>
  <c r="A548" i="66" s="1"/>
  <c r="A549" i="66" s="1"/>
  <c r="A550" i="66" s="1"/>
  <c r="A551" i="66" s="1"/>
  <c r="A552" i="66" s="1"/>
  <c r="A553" i="66" s="1"/>
  <c r="A554" i="66" s="1"/>
  <c r="A542" i="66"/>
  <c r="AN540" i="66"/>
  <c r="AN539" i="66"/>
  <c r="AN538" i="66"/>
  <c r="AN537" i="66"/>
  <c r="AN536" i="66"/>
  <c r="AN535" i="66"/>
  <c r="AN534" i="66"/>
  <c r="AN533" i="66"/>
  <c r="AN532" i="66"/>
  <c r="AN531" i="66"/>
  <c r="AN530" i="66"/>
  <c r="AN529" i="66"/>
  <c r="AN528" i="66"/>
  <c r="AN527" i="66"/>
  <c r="AN526" i="66"/>
  <c r="AN525" i="66"/>
  <c r="AN524" i="66"/>
  <c r="AN523" i="66"/>
  <c r="AN522" i="66"/>
  <c r="AN521" i="66"/>
  <c r="AN520" i="66"/>
  <c r="AN519" i="66"/>
  <c r="AN518" i="66"/>
  <c r="AN517" i="66"/>
  <c r="AN516" i="66"/>
  <c r="AN515" i="66"/>
  <c r="AN514" i="66"/>
  <c r="AN513" i="66"/>
  <c r="AN512" i="66"/>
  <c r="AN511" i="66"/>
  <c r="AN510" i="66"/>
  <c r="AN509" i="66"/>
  <c r="AN508" i="66"/>
  <c r="AN507" i="66"/>
  <c r="AN506" i="66"/>
  <c r="AN505" i="66"/>
  <c r="AN504" i="66"/>
  <c r="AN503" i="66"/>
  <c r="A500" i="66"/>
  <c r="A501" i="66" s="1"/>
  <c r="A502" i="66" s="1"/>
  <c r="A503" i="66" s="1"/>
  <c r="A504" i="66" s="1"/>
  <c r="A505" i="66" s="1"/>
  <c r="A506" i="66" s="1"/>
  <c r="A507" i="66" s="1"/>
  <c r="A508" i="66" s="1"/>
  <c r="A509" i="66" s="1"/>
  <c r="A510" i="66" s="1"/>
  <c r="A511" i="66" s="1"/>
  <c r="A512" i="66" s="1"/>
  <c r="A513" i="66" s="1"/>
  <c r="A514" i="66" s="1"/>
  <c r="A515" i="66" s="1"/>
  <c r="A516" i="66" s="1"/>
  <c r="A517" i="66" s="1"/>
  <c r="A518" i="66" s="1"/>
  <c r="A519" i="66" s="1"/>
  <c r="A520" i="66" s="1"/>
  <c r="A521" i="66" s="1"/>
  <c r="A522" i="66" s="1"/>
  <c r="A523" i="66" s="1"/>
  <c r="A524" i="66" s="1"/>
  <c r="A525" i="66" s="1"/>
  <c r="A526" i="66" s="1"/>
  <c r="A527" i="66" s="1"/>
  <c r="A528" i="66" s="1"/>
  <c r="A529" i="66" s="1"/>
  <c r="A530" i="66" s="1"/>
  <c r="A531" i="66" s="1"/>
  <c r="A532" i="66" s="1"/>
  <c r="A533" i="66" s="1"/>
  <c r="A534" i="66" s="1"/>
  <c r="A535" i="66" s="1"/>
  <c r="A536" i="66" s="1"/>
  <c r="A537" i="66" s="1"/>
  <c r="A538" i="66" s="1"/>
  <c r="A539" i="66" s="1"/>
  <c r="A540" i="66" s="1"/>
  <c r="A541" i="66" s="1"/>
  <c r="AN498" i="66"/>
  <c r="AN497" i="66"/>
  <c r="AN496" i="66"/>
  <c r="AN495" i="66"/>
  <c r="AN494" i="66"/>
  <c r="AN493" i="66"/>
  <c r="AN492" i="66"/>
  <c r="AN491" i="66"/>
  <c r="AN490" i="66"/>
  <c r="AN489" i="66"/>
  <c r="AN488" i="66"/>
  <c r="AN487" i="66"/>
  <c r="AN486" i="66"/>
  <c r="AN485" i="66"/>
  <c r="AN484" i="66"/>
  <c r="AN483" i="66"/>
  <c r="AN482" i="66"/>
  <c r="AN481" i="66"/>
  <c r="AN480" i="66"/>
  <c r="AN479" i="66"/>
  <c r="A476" i="66"/>
  <c r="A477" i="66" s="1"/>
  <c r="A478" i="66" s="1"/>
  <c r="A479" i="66" s="1"/>
  <c r="A480" i="66" s="1"/>
  <c r="A481" i="66" s="1"/>
  <c r="A482" i="66" s="1"/>
  <c r="A483" i="66" s="1"/>
  <c r="A484" i="66" s="1"/>
  <c r="A485" i="66" s="1"/>
  <c r="A486" i="66" s="1"/>
  <c r="A487" i="66" s="1"/>
  <c r="A488" i="66" s="1"/>
  <c r="A489" i="66" s="1"/>
  <c r="A490" i="66" s="1"/>
  <c r="A491" i="66" s="1"/>
  <c r="A492" i="66" s="1"/>
  <c r="A493" i="66" s="1"/>
  <c r="A494" i="66" s="1"/>
  <c r="A495" i="66" s="1"/>
  <c r="A496" i="66" s="1"/>
  <c r="A497" i="66" s="1"/>
  <c r="A498" i="66" s="1"/>
  <c r="A499" i="66" s="1"/>
  <c r="AN474" i="66"/>
  <c r="AN473" i="66"/>
  <c r="AN472" i="66"/>
  <c r="AN471" i="66"/>
  <c r="AN470" i="66"/>
  <c r="AN469" i="66"/>
  <c r="AN468" i="66"/>
  <c r="AN467" i="66"/>
  <c r="AN466" i="66"/>
  <c r="AN465" i="66"/>
  <c r="AN464" i="66"/>
  <c r="AN463" i="66"/>
  <c r="AN462" i="66"/>
  <c r="AN461" i="66"/>
  <c r="AN460" i="66"/>
  <c r="AN459" i="66"/>
  <c r="AN458" i="66"/>
  <c r="AN457" i="66"/>
  <c r="AN456" i="66"/>
  <c r="AN455" i="66"/>
  <c r="AN454" i="66"/>
  <c r="AN453" i="66"/>
  <c r="AN452" i="66"/>
  <c r="AN451" i="66"/>
  <c r="AN450" i="66"/>
  <c r="AN449" i="66"/>
  <c r="AN448" i="66"/>
  <c r="AN447" i="66"/>
  <c r="AN446" i="66"/>
  <c r="AN445" i="66"/>
  <c r="AN444" i="66"/>
  <c r="AN443" i="66"/>
  <c r="AN442" i="66"/>
  <c r="AN441" i="66"/>
  <c r="AN440" i="66"/>
  <c r="AN439" i="66"/>
  <c r="AN438" i="66"/>
  <c r="AN437" i="66"/>
  <c r="AN436" i="66"/>
  <c r="AN435" i="66"/>
  <c r="AN434" i="66"/>
  <c r="AN433" i="66"/>
  <c r="AN432" i="66"/>
  <c r="AN431" i="66"/>
  <c r="AN430" i="66"/>
  <c r="AN429" i="66"/>
  <c r="AN428" i="66"/>
  <c r="AN427" i="66"/>
  <c r="AN426" i="66"/>
  <c r="AN425" i="66"/>
  <c r="AN424" i="66"/>
  <c r="AN423" i="66"/>
  <c r="AN422" i="66"/>
  <c r="AN421" i="66"/>
  <c r="AN420" i="66"/>
  <c r="AN419" i="66"/>
  <c r="AN418" i="66"/>
  <c r="AN417" i="66"/>
  <c r="A414" i="66"/>
  <c r="A415" i="66" s="1"/>
  <c r="A416" i="66" s="1"/>
  <c r="A417" i="66" s="1"/>
  <c r="A418" i="66" s="1"/>
  <c r="A419" i="66" s="1"/>
  <c r="A420" i="66" s="1"/>
  <c r="A421" i="66" s="1"/>
  <c r="A422" i="66" s="1"/>
  <c r="A423" i="66" s="1"/>
  <c r="A424" i="66" s="1"/>
  <c r="A425" i="66" s="1"/>
  <c r="A426" i="66" s="1"/>
  <c r="A427" i="66" s="1"/>
  <c r="A428" i="66" s="1"/>
  <c r="A429" i="66" s="1"/>
  <c r="A430" i="66" s="1"/>
  <c r="A431" i="66" s="1"/>
  <c r="A432" i="66" s="1"/>
  <c r="A433" i="66" s="1"/>
  <c r="A434" i="66" s="1"/>
  <c r="A435" i="66" s="1"/>
  <c r="A436" i="66" s="1"/>
  <c r="A437" i="66" s="1"/>
  <c r="A438" i="66" s="1"/>
  <c r="A439" i="66" s="1"/>
  <c r="A440" i="66" s="1"/>
  <c r="A441" i="66" s="1"/>
  <c r="A442" i="66" s="1"/>
  <c r="A443" i="66" s="1"/>
  <c r="A444" i="66" s="1"/>
  <c r="A445" i="66" s="1"/>
  <c r="A446" i="66" s="1"/>
  <c r="A447" i="66" s="1"/>
  <c r="A448" i="66" s="1"/>
  <c r="A449" i="66" s="1"/>
  <c r="A450" i="66" s="1"/>
  <c r="A451" i="66" s="1"/>
  <c r="A452" i="66" s="1"/>
  <c r="A453" i="66" s="1"/>
  <c r="A454" i="66" s="1"/>
  <c r="A455" i="66" s="1"/>
  <c r="A456" i="66" s="1"/>
  <c r="A457" i="66" s="1"/>
  <c r="A458" i="66" s="1"/>
  <c r="A459" i="66" s="1"/>
  <c r="A460" i="66" s="1"/>
  <c r="A461" i="66" s="1"/>
  <c r="A462" i="66" s="1"/>
  <c r="A463" i="66" s="1"/>
  <c r="A464" i="66" s="1"/>
  <c r="A465" i="66" s="1"/>
  <c r="A466" i="66" s="1"/>
  <c r="A467" i="66" s="1"/>
  <c r="A468" i="66" s="1"/>
  <c r="A469" i="66" s="1"/>
  <c r="A470" i="66" s="1"/>
  <c r="A471" i="66" s="1"/>
  <c r="A472" i="66" s="1"/>
  <c r="A473" i="66" s="1"/>
  <c r="A474" i="66" s="1"/>
  <c r="A475" i="66" s="1"/>
  <c r="AN412" i="66"/>
  <c r="AN411" i="66"/>
  <c r="AN410" i="66"/>
  <c r="AN409" i="66"/>
  <c r="AN408" i="66"/>
  <c r="AN407" i="66"/>
  <c r="AN406" i="66"/>
  <c r="AN405" i="66"/>
  <c r="AN404" i="66"/>
  <c r="AN403" i="66"/>
  <c r="AN402" i="66"/>
  <c r="AN401" i="66"/>
  <c r="AN400" i="66"/>
  <c r="AN399" i="66"/>
  <c r="AN398" i="66"/>
  <c r="AN397" i="66"/>
  <c r="AN396" i="66"/>
  <c r="AN395" i="66"/>
  <c r="AN394" i="66"/>
  <c r="AN393" i="66"/>
  <c r="AN392" i="66"/>
  <c r="AN391" i="66"/>
  <c r="AN390" i="66"/>
  <c r="AN389" i="66"/>
  <c r="AN388" i="66"/>
  <c r="AN387" i="66"/>
  <c r="AN386" i="66"/>
  <c r="AN385" i="66"/>
  <c r="AN384" i="66"/>
  <c r="AN383" i="66"/>
  <c r="AN382" i="66"/>
  <c r="AN381" i="66"/>
  <c r="AN380" i="66"/>
  <c r="AN379" i="66"/>
  <c r="AN378" i="66"/>
  <c r="AN377" i="66"/>
  <c r="AN376" i="66"/>
  <c r="AN375" i="66"/>
  <c r="AN374" i="66"/>
  <c r="AN373" i="66"/>
  <c r="AN372" i="66"/>
  <c r="AN371" i="66"/>
  <c r="AN370" i="66"/>
  <c r="AN369" i="66"/>
  <c r="AN368" i="66"/>
  <c r="AN367" i="66"/>
  <c r="AN366" i="66"/>
  <c r="AN365" i="66"/>
  <c r="AN364" i="66"/>
  <c r="AN363" i="66"/>
  <c r="AN362" i="66"/>
  <c r="AN361" i="66"/>
  <c r="A359" i="66"/>
  <c r="A360" i="66" s="1"/>
  <c r="A361" i="66" s="1"/>
  <c r="A362" i="66" s="1"/>
  <c r="A363" i="66" s="1"/>
  <c r="A364" i="66" s="1"/>
  <c r="A365" i="66" s="1"/>
  <c r="A366" i="66" s="1"/>
  <c r="A367" i="66" s="1"/>
  <c r="A368" i="66" s="1"/>
  <c r="A369" i="66" s="1"/>
  <c r="A370" i="66" s="1"/>
  <c r="A371" i="66" s="1"/>
  <c r="A372" i="66" s="1"/>
  <c r="A373" i="66" s="1"/>
  <c r="A374" i="66" s="1"/>
  <c r="A375" i="66" s="1"/>
  <c r="A376" i="66" s="1"/>
  <c r="A377" i="66" s="1"/>
  <c r="A378" i="66" s="1"/>
  <c r="A379" i="66" s="1"/>
  <c r="A380" i="66" s="1"/>
  <c r="A381" i="66" s="1"/>
  <c r="A382" i="66" s="1"/>
  <c r="A383" i="66" s="1"/>
  <c r="A384" i="66" s="1"/>
  <c r="A385" i="66" s="1"/>
  <c r="A386" i="66" s="1"/>
  <c r="A387" i="66" s="1"/>
  <c r="A388" i="66" s="1"/>
  <c r="A389" i="66" s="1"/>
  <c r="A390" i="66" s="1"/>
  <c r="A391" i="66" s="1"/>
  <c r="A392" i="66" s="1"/>
  <c r="A393" i="66" s="1"/>
  <c r="A394" i="66" s="1"/>
  <c r="A395" i="66" s="1"/>
  <c r="A396" i="66" s="1"/>
  <c r="A397" i="66" s="1"/>
  <c r="A398" i="66" s="1"/>
  <c r="A399" i="66" s="1"/>
  <c r="A400" i="66" s="1"/>
  <c r="A401" i="66" s="1"/>
  <c r="A402" i="66" s="1"/>
  <c r="A403" i="66" s="1"/>
  <c r="A404" i="66" s="1"/>
  <c r="A405" i="66" s="1"/>
  <c r="A406" i="66" s="1"/>
  <c r="A407" i="66" s="1"/>
  <c r="A408" i="66" s="1"/>
  <c r="A409" i="66" s="1"/>
  <c r="A410" i="66" s="1"/>
  <c r="A411" i="66" s="1"/>
  <c r="A412" i="66" s="1"/>
  <c r="A413" i="66" s="1"/>
  <c r="A358" i="66"/>
  <c r="AN356" i="66"/>
  <c r="AN355" i="66"/>
  <c r="AN354" i="66"/>
  <c r="AN353" i="66"/>
  <c r="AN352" i="66"/>
  <c r="AN351" i="66"/>
  <c r="AN350" i="66"/>
  <c r="AN349" i="66"/>
  <c r="AN348" i="66"/>
  <c r="AN347" i="66"/>
  <c r="AN346" i="66"/>
  <c r="AN345" i="66"/>
  <c r="AN344" i="66"/>
  <c r="AN343" i="66"/>
  <c r="AN342" i="66"/>
  <c r="AN341" i="66"/>
  <c r="AN340" i="66"/>
  <c r="AN339" i="66"/>
  <c r="AN338" i="66"/>
  <c r="AN337" i="66"/>
  <c r="AN336" i="66"/>
  <c r="AN335" i="66"/>
  <c r="AN334" i="66"/>
  <c r="AN333" i="66"/>
  <c r="AN332" i="66"/>
  <c r="AN331" i="66"/>
  <c r="AN330" i="66"/>
  <c r="AN329" i="66"/>
  <c r="AN328" i="66"/>
  <c r="AN327" i="66"/>
  <c r="AN326" i="66"/>
  <c r="AN325" i="66"/>
  <c r="AN324" i="66"/>
  <c r="AN323" i="66"/>
  <c r="AN322" i="66"/>
  <c r="AN321" i="66"/>
  <c r="AN320" i="66"/>
  <c r="AN319" i="66"/>
  <c r="AN318" i="66"/>
  <c r="AN317" i="66"/>
  <c r="AN316" i="66"/>
  <c r="AN315" i="66"/>
  <c r="AN314" i="66"/>
  <c r="AN313" i="66"/>
  <c r="AN312" i="66"/>
  <c r="AN311" i="66"/>
  <c r="AN310" i="66"/>
  <c r="AN309" i="66"/>
  <c r="AN308" i="66"/>
  <c r="AN307" i="66"/>
  <c r="AN306" i="66"/>
  <c r="A304" i="66"/>
  <c r="A305" i="66" s="1"/>
  <c r="A306" i="66" s="1"/>
  <c r="A307" i="66" s="1"/>
  <c r="A308" i="66" s="1"/>
  <c r="A309" i="66" s="1"/>
  <c r="A310" i="66" s="1"/>
  <c r="A311" i="66" s="1"/>
  <c r="A312" i="66" s="1"/>
  <c r="A313" i="66" s="1"/>
  <c r="A314" i="66" s="1"/>
  <c r="A315" i="66" s="1"/>
  <c r="A316" i="66" s="1"/>
  <c r="A317" i="66" s="1"/>
  <c r="A318" i="66" s="1"/>
  <c r="A319" i="66" s="1"/>
  <c r="A320" i="66" s="1"/>
  <c r="A321" i="66" s="1"/>
  <c r="A322" i="66" s="1"/>
  <c r="A323" i="66" s="1"/>
  <c r="A324" i="66" s="1"/>
  <c r="A325" i="66" s="1"/>
  <c r="A326" i="66" s="1"/>
  <c r="A327" i="66" s="1"/>
  <c r="A328" i="66" s="1"/>
  <c r="A329" i="66" s="1"/>
  <c r="A330" i="66" s="1"/>
  <c r="A331" i="66" s="1"/>
  <c r="A332" i="66" s="1"/>
  <c r="A333" i="66" s="1"/>
  <c r="A334" i="66" s="1"/>
  <c r="A335" i="66" s="1"/>
  <c r="A336" i="66" s="1"/>
  <c r="A337" i="66" s="1"/>
  <c r="A338" i="66" s="1"/>
  <c r="A339" i="66" s="1"/>
  <c r="A340" i="66" s="1"/>
  <c r="A341" i="66" s="1"/>
  <c r="A342" i="66" s="1"/>
  <c r="A343" i="66" s="1"/>
  <c r="A344" i="66" s="1"/>
  <c r="A345" i="66" s="1"/>
  <c r="A346" i="66" s="1"/>
  <c r="A347" i="66" s="1"/>
  <c r="A348" i="66" s="1"/>
  <c r="A349" i="66" s="1"/>
  <c r="A350" i="66" s="1"/>
  <c r="A351" i="66" s="1"/>
  <c r="A352" i="66" s="1"/>
  <c r="A353" i="66" s="1"/>
  <c r="A354" i="66" s="1"/>
  <c r="A355" i="66" s="1"/>
  <c r="A356" i="66" s="1"/>
  <c r="A357" i="66" s="1"/>
  <c r="A303" i="66"/>
  <c r="AN301" i="66"/>
  <c r="AN300" i="66"/>
  <c r="AN299" i="66"/>
  <c r="AN298" i="66"/>
  <c r="AN297" i="66"/>
  <c r="AN296" i="66"/>
  <c r="AN295" i="66"/>
  <c r="AN294" i="66"/>
  <c r="AN293" i="66"/>
  <c r="AN292" i="66"/>
  <c r="AN291" i="66"/>
  <c r="AN290" i="66"/>
  <c r="AN289" i="66"/>
  <c r="AN288" i="66"/>
  <c r="AN287" i="66"/>
  <c r="AN286" i="66"/>
  <c r="AN285" i="66"/>
  <c r="AN284" i="66"/>
  <c r="AN283" i="66"/>
  <c r="AN282" i="66"/>
  <c r="AN281" i="66"/>
  <c r="AN280" i="66"/>
  <c r="AN279" i="66"/>
  <c r="AN278" i="66"/>
  <c r="AN277" i="66"/>
  <c r="AN276" i="66"/>
  <c r="AN275" i="66"/>
  <c r="AN274" i="66"/>
  <c r="AN273" i="66"/>
  <c r="AN272" i="66"/>
  <c r="AN271" i="66"/>
  <c r="AN270" i="66"/>
  <c r="AN269" i="66"/>
  <c r="AN268" i="66"/>
  <c r="AN267" i="66"/>
  <c r="AN266" i="66"/>
  <c r="AN265" i="66"/>
  <c r="AN264" i="66"/>
  <c r="AN263" i="66"/>
  <c r="AN262" i="66"/>
  <c r="AN261" i="66"/>
  <c r="AN260" i="66"/>
  <c r="AN259" i="66"/>
  <c r="AN258" i="66"/>
  <c r="AN257" i="66"/>
  <c r="AN256" i="66"/>
  <c r="AN255" i="66"/>
  <c r="AN254" i="66"/>
  <c r="AN253" i="66"/>
  <c r="AN252" i="66"/>
  <c r="AN251" i="66"/>
  <c r="AN250" i="66"/>
  <c r="AN249" i="66"/>
  <c r="AN248" i="66"/>
  <c r="AN247" i="66"/>
  <c r="AN246" i="66"/>
  <c r="AN245" i="66"/>
  <c r="AN244" i="66"/>
  <c r="AN243" i="66"/>
  <c r="AN242" i="66"/>
  <c r="AN241" i="66"/>
  <c r="AN240" i="66"/>
  <c r="AN239" i="66"/>
  <c r="AN238" i="66"/>
  <c r="AN237" i="66"/>
  <c r="AN236" i="66"/>
  <c r="AN235" i="66"/>
  <c r="AN234" i="66"/>
  <c r="AN233" i="66"/>
  <c r="AN232" i="66"/>
  <c r="AN231" i="66"/>
  <c r="AN230" i="66"/>
  <c r="AN229" i="66"/>
  <c r="AN228" i="66"/>
  <c r="AN227" i="66"/>
  <c r="AN226" i="66"/>
  <c r="AN225" i="66"/>
  <c r="AN224" i="66"/>
  <c r="AN223" i="66"/>
  <c r="AN222" i="66"/>
  <c r="AN221" i="66"/>
  <c r="AN220" i="66"/>
  <c r="AN219" i="66"/>
  <c r="AN218" i="66"/>
  <c r="AN217" i="66"/>
  <c r="AN216" i="66"/>
  <c r="AN215" i="66"/>
  <c r="AN214" i="66"/>
  <c r="AN213" i="66"/>
  <c r="AN212" i="66"/>
  <c r="AN211" i="66"/>
  <c r="AN210" i="66"/>
  <c r="AN209" i="66"/>
  <c r="AN208" i="66"/>
  <c r="AN207" i="66"/>
  <c r="AN206" i="66"/>
  <c r="AN205" i="66"/>
  <c r="AN204" i="66"/>
  <c r="AN203" i="66"/>
  <c r="AN202" i="66"/>
  <c r="AN201" i="66"/>
  <c r="AN200" i="66"/>
  <c r="AN199" i="66"/>
  <c r="AN198" i="66"/>
  <c r="AN197" i="66"/>
  <c r="AN196" i="66"/>
  <c r="AN195" i="66"/>
  <c r="AN194" i="66"/>
  <c r="AN193" i="66"/>
  <c r="AN192" i="66"/>
  <c r="AN191" i="66"/>
  <c r="AN190" i="66"/>
  <c r="AN189" i="66"/>
  <c r="AN188" i="66"/>
  <c r="AN187" i="66"/>
  <c r="AN186" i="66"/>
  <c r="AN185" i="66"/>
  <c r="AN184" i="66"/>
  <c r="AN183" i="66"/>
  <c r="AN182" i="66"/>
  <c r="AN181" i="66"/>
  <c r="AN180" i="66"/>
  <c r="A178" i="66"/>
  <c r="A179" i="66" s="1"/>
  <c r="A180" i="66" s="1"/>
  <c r="A181" i="66" s="1"/>
  <c r="A182" i="66" s="1"/>
  <c r="A183" i="66" s="1"/>
  <c r="A184" i="66" s="1"/>
  <c r="A185" i="66" s="1"/>
  <c r="A186" i="66" s="1"/>
  <c r="A187" i="66" s="1"/>
  <c r="A188" i="66" s="1"/>
  <c r="A189" i="66" s="1"/>
  <c r="A190" i="66" s="1"/>
  <c r="A191" i="66" s="1"/>
  <c r="A192" i="66" s="1"/>
  <c r="A193" i="66" s="1"/>
  <c r="A194" i="66" s="1"/>
  <c r="A195" i="66" s="1"/>
  <c r="A196" i="66" s="1"/>
  <c r="A197" i="66" s="1"/>
  <c r="A198" i="66" s="1"/>
  <c r="A199" i="66" s="1"/>
  <c r="A200" i="66" s="1"/>
  <c r="A201" i="66" s="1"/>
  <c r="A202" i="66" s="1"/>
  <c r="A203" i="66" s="1"/>
  <c r="A204" i="66" s="1"/>
  <c r="A205" i="66" s="1"/>
  <c r="A206" i="66" s="1"/>
  <c r="A207" i="66" s="1"/>
  <c r="A208" i="66" s="1"/>
  <c r="A209" i="66" s="1"/>
  <c r="A210" i="66" s="1"/>
  <c r="A211" i="66" s="1"/>
  <c r="A212" i="66" s="1"/>
  <c r="A213" i="66" s="1"/>
  <c r="A214" i="66" s="1"/>
  <c r="A215" i="66" s="1"/>
  <c r="A216" i="66" s="1"/>
  <c r="A217" i="66" s="1"/>
  <c r="A218" i="66" s="1"/>
  <c r="A219" i="66" s="1"/>
  <c r="A220" i="66" s="1"/>
  <c r="A221" i="66" s="1"/>
  <c r="A222" i="66" s="1"/>
  <c r="A223" i="66" s="1"/>
  <c r="A224" i="66" s="1"/>
  <c r="A225" i="66" s="1"/>
  <c r="A226" i="66" s="1"/>
  <c r="A227" i="66" s="1"/>
  <c r="A228" i="66" s="1"/>
  <c r="A229" i="66" s="1"/>
  <c r="A230" i="66" s="1"/>
  <c r="A231" i="66" s="1"/>
  <c r="A232" i="66" s="1"/>
  <c r="A233" i="66" s="1"/>
  <c r="A234" i="66" s="1"/>
  <c r="A235" i="66" s="1"/>
  <c r="A236" i="66" s="1"/>
  <c r="A237" i="66" s="1"/>
  <c r="A238" i="66" s="1"/>
  <c r="A239" i="66" s="1"/>
  <c r="A240" i="66" s="1"/>
  <c r="A241" i="66" s="1"/>
  <c r="A242" i="66" s="1"/>
  <c r="A243" i="66" s="1"/>
  <c r="A244" i="66" s="1"/>
  <c r="A245" i="66" s="1"/>
  <c r="A246" i="66" s="1"/>
  <c r="A247" i="66" s="1"/>
  <c r="A248" i="66" s="1"/>
  <c r="A249" i="66" s="1"/>
  <c r="A250" i="66" s="1"/>
  <c r="A251" i="66" s="1"/>
  <c r="A252" i="66" s="1"/>
  <c r="A253" i="66" s="1"/>
  <c r="A254" i="66" s="1"/>
  <c r="A255" i="66" s="1"/>
  <c r="A256" i="66" s="1"/>
  <c r="A257" i="66" s="1"/>
  <c r="A258" i="66" s="1"/>
  <c r="A259" i="66" s="1"/>
  <c r="A260" i="66" s="1"/>
  <c r="A261" i="66" s="1"/>
  <c r="A262" i="66" s="1"/>
  <c r="A263" i="66" s="1"/>
  <c r="A264" i="66" s="1"/>
  <c r="A265" i="66" s="1"/>
  <c r="A266" i="66" s="1"/>
  <c r="A267" i="66" s="1"/>
  <c r="A268" i="66" s="1"/>
  <c r="A269" i="66" s="1"/>
  <c r="A270" i="66" s="1"/>
  <c r="A271" i="66" s="1"/>
  <c r="A272" i="66" s="1"/>
  <c r="A273" i="66" s="1"/>
  <c r="A274" i="66" s="1"/>
  <c r="A275" i="66" s="1"/>
  <c r="A276" i="66" s="1"/>
  <c r="A277" i="66" s="1"/>
  <c r="A278" i="66" s="1"/>
  <c r="A279" i="66" s="1"/>
  <c r="A280" i="66" s="1"/>
  <c r="A281" i="66" s="1"/>
  <c r="A282" i="66" s="1"/>
  <c r="A283" i="66" s="1"/>
  <c r="A284" i="66" s="1"/>
  <c r="A285" i="66" s="1"/>
  <c r="A286" i="66" s="1"/>
  <c r="A287" i="66" s="1"/>
  <c r="A288" i="66" s="1"/>
  <c r="A289" i="66" s="1"/>
  <c r="A290" i="66" s="1"/>
  <c r="A291" i="66" s="1"/>
  <c r="A292" i="66" s="1"/>
  <c r="A293" i="66" s="1"/>
  <c r="A294" i="66" s="1"/>
  <c r="A295" i="66" s="1"/>
  <c r="A296" i="66" s="1"/>
  <c r="A297" i="66" s="1"/>
  <c r="A298" i="66" s="1"/>
  <c r="A299" i="66" s="1"/>
  <c r="A300" i="66" s="1"/>
  <c r="A301" i="66" s="1"/>
  <c r="A302" i="66" s="1"/>
  <c r="A177" i="66"/>
  <c r="AN175" i="66"/>
  <c r="AN174" i="66"/>
  <c r="AN173" i="66"/>
  <c r="AN172" i="66"/>
  <c r="AN171" i="66"/>
  <c r="AN170" i="66"/>
  <c r="AN169" i="66"/>
  <c r="AN168" i="66"/>
  <c r="AN167" i="66"/>
  <c r="AN166" i="66"/>
  <c r="AN165" i="66"/>
  <c r="AN164" i="66"/>
  <c r="AN163" i="66"/>
  <c r="AN162" i="66"/>
  <c r="AN161" i="66"/>
  <c r="AN160" i="66"/>
  <c r="AN159" i="66"/>
  <c r="AN158" i="66"/>
  <c r="AN157" i="66"/>
  <c r="AN156" i="66"/>
  <c r="AN155" i="66"/>
  <c r="AN154" i="66"/>
  <c r="A152" i="66"/>
  <c r="A153" i="66" s="1"/>
  <c r="A154" i="66" s="1"/>
  <c r="A155" i="66" s="1"/>
  <c r="A156" i="66" s="1"/>
  <c r="A157" i="66" s="1"/>
  <c r="A158" i="66" s="1"/>
  <c r="A159" i="66" s="1"/>
  <c r="A160" i="66" s="1"/>
  <c r="A161" i="66" s="1"/>
  <c r="A162" i="66" s="1"/>
  <c r="A163" i="66" s="1"/>
  <c r="A164" i="66" s="1"/>
  <c r="A165" i="66" s="1"/>
  <c r="A166" i="66" s="1"/>
  <c r="A167" i="66" s="1"/>
  <c r="A168" i="66" s="1"/>
  <c r="A169" i="66" s="1"/>
  <c r="A170" i="66" s="1"/>
  <c r="A171" i="66" s="1"/>
  <c r="A172" i="66" s="1"/>
  <c r="A173" i="66" s="1"/>
  <c r="A174" i="66" s="1"/>
  <c r="A175" i="66" s="1"/>
  <c r="A176" i="66" s="1"/>
  <c r="A151" i="66"/>
  <c r="AN149" i="66"/>
  <c r="AN148" i="66"/>
  <c r="AN147" i="66"/>
  <c r="AN146" i="66"/>
  <c r="AN145" i="66"/>
  <c r="AN144" i="66"/>
  <c r="AN143" i="66"/>
  <c r="AN142" i="66"/>
  <c r="AN141" i="66"/>
  <c r="AN140" i="66"/>
  <c r="AN139" i="66"/>
  <c r="AN138" i="66"/>
  <c r="AN137" i="66"/>
  <c r="AN136" i="66"/>
  <c r="AN135" i="66"/>
  <c r="A132" i="66"/>
  <c r="A133" i="66" s="1"/>
  <c r="A134" i="66" s="1"/>
  <c r="A135" i="66" s="1"/>
  <c r="A136" i="66" s="1"/>
  <c r="A137" i="66" s="1"/>
  <c r="A138" i="66" s="1"/>
  <c r="A139" i="66" s="1"/>
  <c r="A140" i="66" s="1"/>
  <c r="A141" i="66" s="1"/>
  <c r="A142" i="66" s="1"/>
  <c r="A143" i="66" s="1"/>
  <c r="A144" i="66" s="1"/>
  <c r="A145" i="66" s="1"/>
  <c r="A146" i="66" s="1"/>
  <c r="A147" i="66" s="1"/>
  <c r="A148" i="66" s="1"/>
  <c r="A149" i="66" s="1"/>
  <c r="A150" i="66" s="1"/>
  <c r="AN130" i="66"/>
  <c r="AN129" i="66"/>
  <c r="AN128" i="66"/>
  <c r="AN127" i="66"/>
  <c r="AN126" i="66"/>
  <c r="AN125" i="66"/>
  <c r="AN124" i="66"/>
  <c r="AN123" i="66"/>
  <c r="AN122" i="66"/>
  <c r="AN121" i="66"/>
  <c r="AN120" i="66"/>
  <c r="AN119" i="66"/>
  <c r="AN118" i="66"/>
  <c r="AN117" i="66"/>
  <c r="AN116" i="66"/>
  <c r="AN115" i="66"/>
  <c r="AN114" i="66"/>
  <c r="AN113" i="66"/>
  <c r="AN112" i="66"/>
  <c r="A109" i="66"/>
  <c r="A110" i="66" s="1"/>
  <c r="A111" i="66" s="1"/>
  <c r="A112" i="66" s="1"/>
  <c r="A113" i="66" s="1"/>
  <c r="A114" i="66" s="1"/>
  <c r="A115" i="66" s="1"/>
  <c r="A116" i="66" s="1"/>
  <c r="A117" i="66" s="1"/>
  <c r="A118" i="66" s="1"/>
  <c r="A119" i="66" s="1"/>
  <c r="A120" i="66" s="1"/>
  <c r="A121" i="66" s="1"/>
  <c r="A122" i="66" s="1"/>
  <c r="A123" i="66" s="1"/>
  <c r="A124" i="66" s="1"/>
  <c r="A125" i="66" s="1"/>
  <c r="A126" i="66" s="1"/>
  <c r="A127" i="66" s="1"/>
  <c r="A128" i="66" s="1"/>
  <c r="A129" i="66" s="1"/>
  <c r="A130" i="66" s="1"/>
  <c r="A131" i="66" s="1"/>
  <c r="AN107" i="66"/>
  <c r="AN106" i="66"/>
  <c r="AN105" i="66"/>
  <c r="AN104" i="66"/>
  <c r="AN103" i="66"/>
  <c r="AN102" i="66"/>
  <c r="AN101" i="66"/>
  <c r="AN100" i="66"/>
  <c r="AN99" i="66"/>
  <c r="AN98" i="66"/>
  <c r="AN97" i="66"/>
  <c r="AN96" i="66"/>
  <c r="AN95" i="66"/>
  <c r="AN94" i="66"/>
  <c r="AN93" i="66"/>
  <c r="AN92" i="66"/>
  <c r="AN91" i="66"/>
  <c r="AN90" i="66"/>
  <c r="AN89" i="66"/>
  <c r="AN88" i="66"/>
  <c r="AN87" i="66"/>
  <c r="AN86" i="66"/>
  <c r="AN85" i="66"/>
  <c r="AN84" i="66"/>
  <c r="AN83" i="66"/>
  <c r="AN82" i="66"/>
  <c r="AN81" i="66"/>
  <c r="AN80" i="66"/>
  <c r="AN79" i="66"/>
  <c r="AN78" i="66"/>
  <c r="AN77" i="66"/>
  <c r="AN76" i="66"/>
  <c r="AN75" i="66"/>
  <c r="AN74" i="66"/>
  <c r="AN73" i="66"/>
  <c r="AN72" i="66"/>
  <c r="AN71" i="66"/>
  <c r="AN70" i="66"/>
  <c r="AN69" i="66"/>
  <c r="AN68" i="66"/>
  <c r="AN67" i="66"/>
  <c r="AN66" i="66"/>
  <c r="AN65" i="66"/>
  <c r="AN64" i="66"/>
  <c r="A62" i="66"/>
  <c r="A63" i="66" s="1"/>
  <c r="A64" i="66" s="1"/>
  <c r="A65" i="66" s="1"/>
  <c r="A66" i="66" s="1"/>
  <c r="A67" i="66" s="1"/>
  <c r="A68" i="66" s="1"/>
  <c r="A69" i="66" s="1"/>
  <c r="A70" i="66" s="1"/>
  <c r="A71" i="66" s="1"/>
  <c r="A72" i="66" s="1"/>
  <c r="A73" i="66" s="1"/>
  <c r="A74" i="66" s="1"/>
  <c r="A75" i="66" s="1"/>
  <c r="A76" i="66" s="1"/>
  <c r="A77" i="66" s="1"/>
  <c r="A78" i="66" s="1"/>
  <c r="A79" i="66" s="1"/>
  <c r="A80" i="66" s="1"/>
  <c r="A81" i="66" s="1"/>
  <c r="A82" i="66" s="1"/>
  <c r="A83" i="66" s="1"/>
  <c r="A84" i="66" s="1"/>
  <c r="A85" i="66" s="1"/>
  <c r="A86" i="66" s="1"/>
  <c r="A87" i="66" s="1"/>
  <c r="A88" i="66" s="1"/>
  <c r="A89" i="66" s="1"/>
  <c r="A90" i="66" s="1"/>
  <c r="A91" i="66" s="1"/>
  <c r="A92" i="66" s="1"/>
  <c r="A93" i="66" s="1"/>
  <c r="A94" i="66" s="1"/>
  <c r="A95" i="66" s="1"/>
  <c r="A96" i="66" s="1"/>
  <c r="A97" i="66" s="1"/>
  <c r="A98" i="66" s="1"/>
  <c r="A99" i="66" s="1"/>
  <c r="A100" i="66" s="1"/>
  <c r="A101" i="66" s="1"/>
  <c r="A102" i="66" s="1"/>
  <c r="A103" i="66" s="1"/>
  <c r="A104" i="66" s="1"/>
  <c r="A61" i="66"/>
  <c r="AN59" i="66"/>
  <c r="AN58" i="66"/>
  <c r="AN57" i="66"/>
  <c r="AN56" i="66"/>
  <c r="AN55" i="66"/>
  <c r="AN54" i="66"/>
  <c r="AN53" i="66"/>
  <c r="A53" i="66"/>
  <c r="A54" i="66" s="1"/>
  <c r="A55" i="66" s="1"/>
  <c r="A56" i="66" s="1"/>
  <c r="A57" i="66" s="1"/>
  <c r="A58" i="66" s="1"/>
  <c r="A59" i="66" s="1"/>
  <c r="A60" i="66" s="1"/>
  <c r="AN52" i="66"/>
  <c r="AN51" i="66"/>
  <c r="AN50" i="66"/>
  <c r="AN49" i="66"/>
  <c r="AN48" i="66"/>
  <c r="AN47" i="66"/>
  <c r="AN46" i="66"/>
  <c r="AN45" i="66"/>
  <c r="A45" i="66"/>
  <c r="A46" i="66" s="1"/>
  <c r="A47" i="66" s="1"/>
  <c r="A48" i="66" s="1"/>
  <c r="A49" i="66" s="1"/>
  <c r="A50" i="66" s="1"/>
  <c r="A51" i="66" s="1"/>
  <c r="A52" i="66" s="1"/>
  <c r="AN44" i="66"/>
  <c r="A43" i="66"/>
  <c r="A44" i="66" s="1"/>
  <c r="A42" i="66"/>
  <c r="A41" i="66"/>
  <c r="AN39" i="66"/>
  <c r="AN38" i="66"/>
  <c r="AN37" i="66"/>
  <c r="A37" i="66"/>
  <c r="A38" i="66" s="1"/>
  <c r="A39" i="66" s="1"/>
  <c r="A40" i="66" s="1"/>
  <c r="AN36" i="66"/>
  <c r="AN35" i="66"/>
  <c r="AN34" i="66"/>
  <c r="AN33" i="66"/>
  <c r="AN32" i="66"/>
  <c r="AN31" i="66"/>
  <c r="AN30" i="66"/>
  <c r="AN29" i="66"/>
  <c r="AN28" i="66"/>
  <c r="AN27" i="66"/>
  <c r="A27" i="66"/>
  <c r="A28" i="66" s="1"/>
  <c r="A29" i="66" s="1"/>
  <c r="A30" i="66" s="1"/>
  <c r="A31" i="66" s="1"/>
  <c r="A32" i="66" s="1"/>
  <c r="A33" i="66" s="1"/>
  <c r="A34" i="66" s="1"/>
  <c r="A35" i="66" s="1"/>
  <c r="A36" i="66" s="1"/>
  <c r="A25" i="66"/>
  <c r="A26" i="66" s="1"/>
  <c r="A24" i="66"/>
  <c r="AN846" i="65"/>
  <c r="AN845" i="65"/>
  <c r="AN844" i="65"/>
  <c r="AN843" i="65"/>
  <c r="AN842" i="65"/>
  <c r="AN841" i="65"/>
  <c r="AN840" i="65"/>
  <c r="AN839" i="65"/>
  <c r="AN838" i="65"/>
  <c r="AN837" i="65"/>
  <c r="AN836" i="65"/>
  <c r="AN835" i="65"/>
  <c r="AN834" i="65"/>
  <c r="AN833" i="65"/>
  <c r="AN832" i="65"/>
  <c r="AN831" i="65"/>
  <c r="AN830" i="65"/>
  <c r="AN829" i="65"/>
  <c r="AN828" i="65"/>
  <c r="AN827" i="65"/>
  <c r="AN826" i="65"/>
  <c r="AN825" i="65"/>
  <c r="AN824" i="65"/>
  <c r="A821" i="65"/>
  <c r="A822" i="65" s="1"/>
  <c r="A823" i="65" s="1"/>
  <c r="A824" i="65" s="1"/>
  <c r="A825" i="65" s="1"/>
  <c r="A826" i="65" s="1"/>
  <c r="A827" i="65" s="1"/>
  <c r="A828" i="65" s="1"/>
  <c r="A829" i="65" s="1"/>
  <c r="A830" i="65" s="1"/>
  <c r="A831" i="65" s="1"/>
  <c r="A832" i="65" s="1"/>
  <c r="A833" i="65" s="1"/>
  <c r="A834" i="65" s="1"/>
  <c r="A835" i="65" s="1"/>
  <c r="A836" i="65" s="1"/>
  <c r="A837" i="65" s="1"/>
  <c r="A838" i="65" s="1"/>
  <c r="A839" i="65" s="1"/>
  <c r="A840" i="65" s="1"/>
  <c r="A841" i="65" s="1"/>
  <c r="A842" i="65" s="1"/>
  <c r="A843" i="65" s="1"/>
  <c r="A844" i="65" s="1"/>
  <c r="A845" i="65" s="1"/>
  <c r="A846" i="65" s="1"/>
  <c r="AN819" i="65"/>
  <c r="AN818" i="65"/>
  <c r="AN817" i="65"/>
  <c r="AN816" i="65"/>
  <c r="AN815" i="65"/>
  <c r="AN814" i="65"/>
  <c r="AN813" i="65"/>
  <c r="AN812" i="65"/>
  <c r="AN811" i="65"/>
  <c r="AN810" i="65"/>
  <c r="AN809" i="65"/>
  <c r="AN808" i="65"/>
  <c r="AN807" i="65"/>
  <c r="AN806" i="65"/>
  <c r="AN805" i="65"/>
  <c r="AN804" i="65"/>
  <c r="AN803" i="65"/>
  <c r="AN802" i="65"/>
  <c r="AN801" i="65"/>
  <c r="AN800" i="65"/>
  <c r="AN799" i="65"/>
  <c r="AN798" i="65"/>
  <c r="AN797" i="65"/>
  <c r="AN796" i="65"/>
  <c r="AN795" i="65"/>
  <c r="AN794" i="65"/>
  <c r="AN793" i="65"/>
  <c r="AN792" i="65"/>
  <c r="AN791" i="65"/>
  <c r="AN790" i="65"/>
  <c r="AN789" i="65"/>
  <c r="AN788" i="65"/>
  <c r="AN787" i="65"/>
  <c r="AN786" i="65"/>
  <c r="AN785" i="65"/>
  <c r="AN784" i="65"/>
  <c r="AN783" i="65"/>
  <c r="AN782" i="65"/>
  <c r="AN781" i="65"/>
  <c r="AN780" i="65"/>
  <c r="AN779" i="65"/>
  <c r="A776" i="65"/>
  <c r="A777" i="65" s="1"/>
  <c r="A778" i="65" s="1"/>
  <c r="A779" i="65" s="1"/>
  <c r="A780" i="65" s="1"/>
  <c r="A781" i="65" s="1"/>
  <c r="A782" i="65" s="1"/>
  <c r="A783" i="65" s="1"/>
  <c r="A784" i="65" s="1"/>
  <c r="A785" i="65" s="1"/>
  <c r="A786" i="65" s="1"/>
  <c r="A787" i="65" s="1"/>
  <c r="A788" i="65" s="1"/>
  <c r="A789" i="65" s="1"/>
  <c r="A790" i="65" s="1"/>
  <c r="A791" i="65" s="1"/>
  <c r="A792" i="65" s="1"/>
  <c r="A793" i="65" s="1"/>
  <c r="A794" i="65" s="1"/>
  <c r="A795" i="65" s="1"/>
  <c r="A796" i="65" s="1"/>
  <c r="A797" i="65" s="1"/>
  <c r="A798" i="65" s="1"/>
  <c r="A799" i="65" s="1"/>
  <c r="A800" i="65" s="1"/>
  <c r="A801" i="65" s="1"/>
  <c r="A802" i="65" s="1"/>
  <c r="A803" i="65" s="1"/>
  <c r="A804" i="65" s="1"/>
  <c r="A805" i="65" s="1"/>
  <c r="A806" i="65" s="1"/>
  <c r="A807" i="65" s="1"/>
  <c r="A808" i="65" s="1"/>
  <c r="A809" i="65" s="1"/>
  <c r="A810" i="65" s="1"/>
  <c r="A811" i="65" s="1"/>
  <c r="A812" i="65" s="1"/>
  <c r="A813" i="65" s="1"/>
  <c r="A814" i="65" s="1"/>
  <c r="A815" i="65" s="1"/>
  <c r="A816" i="65" s="1"/>
  <c r="A817" i="65" s="1"/>
  <c r="A818" i="65" s="1"/>
  <c r="A819" i="65" s="1"/>
  <c r="A820" i="65" s="1"/>
  <c r="AN774" i="65"/>
  <c r="AN773" i="65"/>
  <c r="AN772" i="65"/>
  <c r="AN771" i="65"/>
  <c r="AN770" i="65"/>
  <c r="AN769" i="65"/>
  <c r="AN768" i="65"/>
  <c r="AN767" i="65"/>
  <c r="AN766" i="65"/>
  <c r="AN765" i="65"/>
  <c r="AN764" i="65"/>
  <c r="AN763" i="65"/>
  <c r="AN762" i="65"/>
  <c r="AN761" i="65"/>
  <c r="AN760" i="65"/>
  <c r="AN759" i="65"/>
  <c r="AN758" i="65"/>
  <c r="AN757" i="65"/>
  <c r="AN756" i="65"/>
  <c r="AN755" i="65"/>
  <c r="AN754" i="65"/>
  <c r="AN753" i="65"/>
  <c r="AN752" i="65"/>
  <c r="AN751" i="65"/>
  <c r="AN750" i="65"/>
  <c r="AN749" i="65"/>
  <c r="AN748" i="65"/>
  <c r="AN747" i="65"/>
  <c r="AN746" i="65"/>
  <c r="AN745" i="65"/>
  <c r="AN744" i="65"/>
  <c r="AN743" i="65"/>
  <c r="AN742" i="65"/>
  <c r="AN741" i="65"/>
  <c r="AN740" i="65"/>
  <c r="AN739" i="65"/>
  <c r="AN738" i="65"/>
  <c r="AN737" i="65"/>
  <c r="AN736" i="65"/>
  <c r="AN735" i="65"/>
  <c r="AN734" i="65"/>
  <c r="A731" i="65"/>
  <c r="A732" i="65" s="1"/>
  <c r="A733" i="65" s="1"/>
  <c r="A734" i="65" s="1"/>
  <c r="A735" i="65" s="1"/>
  <c r="A736" i="65" s="1"/>
  <c r="A737" i="65" s="1"/>
  <c r="A738" i="65" s="1"/>
  <c r="A739" i="65" s="1"/>
  <c r="A740" i="65" s="1"/>
  <c r="A741" i="65" s="1"/>
  <c r="A742" i="65" s="1"/>
  <c r="A743" i="65" s="1"/>
  <c r="A744" i="65" s="1"/>
  <c r="A745" i="65" s="1"/>
  <c r="A746" i="65" s="1"/>
  <c r="A747" i="65" s="1"/>
  <c r="A748" i="65" s="1"/>
  <c r="A749" i="65" s="1"/>
  <c r="A750" i="65" s="1"/>
  <c r="A751" i="65" s="1"/>
  <c r="A752" i="65" s="1"/>
  <c r="A753" i="65" s="1"/>
  <c r="A754" i="65" s="1"/>
  <c r="A755" i="65" s="1"/>
  <c r="A756" i="65" s="1"/>
  <c r="A757" i="65" s="1"/>
  <c r="A758" i="65" s="1"/>
  <c r="A759" i="65" s="1"/>
  <c r="A760" i="65" s="1"/>
  <c r="A761" i="65" s="1"/>
  <c r="A762" i="65" s="1"/>
  <c r="A763" i="65" s="1"/>
  <c r="A764" i="65" s="1"/>
  <c r="A765" i="65" s="1"/>
  <c r="A766" i="65" s="1"/>
  <c r="A767" i="65" s="1"/>
  <c r="A768" i="65" s="1"/>
  <c r="A769" i="65" s="1"/>
  <c r="A770" i="65" s="1"/>
  <c r="A771" i="65" s="1"/>
  <c r="A772" i="65" s="1"/>
  <c r="A773" i="65" s="1"/>
  <c r="A774" i="65" s="1"/>
  <c r="A775" i="65" s="1"/>
  <c r="AN729" i="65"/>
  <c r="AN728" i="65"/>
  <c r="AN727" i="65"/>
  <c r="AN726" i="65"/>
  <c r="AN725" i="65"/>
  <c r="AN724" i="65"/>
  <c r="AN723" i="65"/>
  <c r="AN722" i="65"/>
  <c r="AN721" i="65"/>
  <c r="AN720" i="65"/>
  <c r="AN719" i="65"/>
  <c r="AN718" i="65"/>
  <c r="A715" i="65"/>
  <c r="A716" i="65" s="1"/>
  <c r="A717" i="65" s="1"/>
  <c r="A718" i="65" s="1"/>
  <c r="A719" i="65" s="1"/>
  <c r="A720" i="65" s="1"/>
  <c r="A721" i="65" s="1"/>
  <c r="A722" i="65" s="1"/>
  <c r="A723" i="65" s="1"/>
  <c r="A724" i="65" s="1"/>
  <c r="A725" i="65" s="1"/>
  <c r="A726" i="65" s="1"/>
  <c r="A727" i="65" s="1"/>
  <c r="A728" i="65" s="1"/>
  <c r="A729" i="65" s="1"/>
  <c r="A730" i="65" s="1"/>
  <c r="AN713" i="65"/>
  <c r="AN712" i="65"/>
  <c r="AN711" i="65"/>
  <c r="AN710" i="65"/>
  <c r="AN709" i="65"/>
  <c r="AN708" i="65"/>
  <c r="AN707" i="65"/>
  <c r="AN706" i="65"/>
  <c r="AN705" i="65"/>
  <c r="AN704" i="65"/>
  <c r="AN703" i="65"/>
  <c r="A700" i="65"/>
  <c r="A701" i="65" s="1"/>
  <c r="A702" i="65" s="1"/>
  <c r="A703" i="65" s="1"/>
  <c r="A704" i="65" s="1"/>
  <c r="A705" i="65" s="1"/>
  <c r="A706" i="65" s="1"/>
  <c r="A707" i="65" s="1"/>
  <c r="A708" i="65" s="1"/>
  <c r="A709" i="65" s="1"/>
  <c r="A710" i="65" s="1"/>
  <c r="A711" i="65" s="1"/>
  <c r="A712" i="65" s="1"/>
  <c r="A713" i="65" s="1"/>
  <c r="A714" i="65" s="1"/>
  <c r="AN698" i="65"/>
  <c r="AN697" i="65"/>
  <c r="AN696" i="65"/>
  <c r="AN695" i="65"/>
  <c r="AN694" i="65"/>
  <c r="AN693" i="65"/>
  <c r="AN692" i="65"/>
  <c r="AN691" i="65"/>
  <c r="AN690" i="65"/>
  <c r="AN689" i="65"/>
  <c r="AN688" i="65"/>
  <c r="AN687" i="65"/>
  <c r="AN686" i="65"/>
  <c r="AN685" i="65"/>
  <c r="AN684" i="65"/>
  <c r="AN683" i="65"/>
  <c r="AN682" i="65"/>
  <c r="AN681" i="65"/>
  <c r="AN680" i="65"/>
  <c r="AN679" i="65"/>
  <c r="A676" i="65"/>
  <c r="A677" i="65" s="1"/>
  <c r="A678" i="65" s="1"/>
  <c r="A679" i="65" s="1"/>
  <c r="A680" i="65" s="1"/>
  <c r="A681" i="65" s="1"/>
  <c r="A682" i="65" s="1"/>
  <c r="A683" i="65" s="1"/>
  <c r="A684" i="65" s="1"/>
  <c r="A685" i="65" s="1"/>
  <c r="A686" i="65" s="1"/>
  <c r="A687" i="65" s="1"/>
  <c r="A688" i="65" s="1"/>
  <c r="A689" i="65" s="1"/>
  <c r="A690" i="65" s="1"/>
  <c r="A691" i="65" s="1"/>
  <c r="A692" i="65" s="1"/>
  <c r="A693" i="65" s="1"/>
  <c r="A694" i="65" s="1"/>
  <c r="A695" i="65" s="1"/>
  <c r="A696" i="65" s="1"/>
  <c r="A697" i="65" s="1"/>
  <c r="A698" i="65" s="1"/>
  <c r="A699" i="65" s="1"/>
  <c r="AN674" i="65"/>
  <c r="AN673" i="65"/>
  <c r="AN672" i="65"/>
  <c r="AN671" i="65"/>
  <c r="AN670" i="65"/>
  <c r="AN669" i="65"/>
  <c r="AN668" i="65"/>
  <c r="AN667" i="65"/>
  <c r="AN666" i="65"/>
  <c r="AN665" i="65"/>
  <c r="AN664" i="65"/>
  <c r="AN663" i="65"/>
  <c r="AN662" i="65"/>
  <c r="A659" i="65"/>
  <c r="A660" i="65" s="1"/>
  <c r="A661" i="65" s="1"/>
  <c r="A662" i="65" s="1"/>
  <c r="A663" i="65" s="1"/>
  <c r="A664" i="65" s="1"/>
  <c r="A665" i="65" s="1"/>
  <c r="A666" i="65" s="1"/>
  <c r="A667" i="65" s="1"/>
  <c r="A668" i="65" s="1"/>
  <c r="A669" i="65" s="1"/>
  <c r="A670" i="65" s="1"/>
  <c r="A671" i="65" s="1"/>
  <c r="A672" i="65" s="1"/>
  <c r="A673" i="65" s="1"/>
  <c r="A674" i="65" s="1"/>
  <c r="A675" i="65" s="1"/>
  <c r="AN657" i="65"/>
  <c r="AN656" i="65"/>
  <c r="AN655" i="65"/>
  <c r="AN654" i="65"/>
  <c r="AN653" i="65"/>
  <c r="AN652" i="65"/>
  <c r="AN651" i="65"/>
  <c r="AN650" i="65"/>
  <c r="AN649" i="65"/>
  <c r="AN648" i="65"/>
  <c r="AN647" i="65"/>
  <c r="AN646" i="65"/>
  <c r="AN645" i="65"/>
  <c r="AN644" i="65"/>
  <c r="AN643" i="65"/>
  <c r="AN642" i="65"/>
  <c r="AN641" i="65"/>
  <c r="AN640" i="65"/>
  <c r="AN639" i="65"/>
  <c r="AN638" i="65"/>
  <c r="AN637" i="65"/>
  <c r="AN636" i="65"/>
  <c r="AN635" i="65"/>
  <c r="AN634" i="65"/>
  <c r="AN633" i="65"/>
  <c r="A630" i="65"/>
  <c r="A631" i="65" s="1"/>
  <c r="A632" i="65" s="1"/>
  <c r="A633" i="65" s="1"/>
  <c r="A634" i="65" s="1"/>
  <c r="A635" i="65" s="1"/>
  <c r="A636" i="65" s="1"/>
  <c r="A637" i="65" s="1"/>
  <c r="A638" i="65" s="1"/>
  <c r="A639" i="65" s="1"/>
  <c r="A640" i="65" s="1"/>
  <c r="A641" i="65" s="1"/>
  <c r="A642" i="65" s="1"/>
  <c r="A643" i="65" s="1"/>
  <c r="A644" i="65" s="1"/>
  <c r="A645" i="65" s="1"/>
  <c r="A646" i="65" s="1"/>
  <c r="A647" i="65" s="1"/>
  <c r="A648" i="65" s="1"/>
  <c r="A649" i="65" s="1"/>
  <c r="A650" i="65" s="1"/>
  <c r="A651" i="65" s="1"/>
  <c r="A652" i="65" s="1"/>
  <c r="A653" i="65" s="1"/>
  <c r="A654" i="65" s="1"/>
  <c r="A655" i="65" s="1"/>
  <c r="A656" i="65" s="1"/>
  <c r="A657" i="65" s="1"/>
  <c r="A658" i="65" s="1"/>
  <c r="AN628" i="65"/>
  <c r="AN627" i="65"/>
  <c r="AN626" i="65"/>
  <c r="AN625" i="65"/>
  <c r="AN624" i="65"/>
  <c r="AN623" i="65"/>
  <c r="AN622" i="65"/>
  <c r="AN621" i="65"/>
  <c r="AN620" i="65"/>
  <c r="AN619" i="65"/>
  <c r="AN618" i="65"/>
  <c r="AN617" i="65"/>
  <c r="AN616" i="65"/>
  <c r="AN615" i="65"/>
  <c r="AN614" i="65"/>
  <c r="AN613" i="65"/>
  <c r="A610" i="65"/>
  <c r="A611" i="65" s="1"/>
  <c r="A612" i="65" s="1"/>
  <c r="A613" i="65" s="1"/>
  <c r="A614" i="65" s="1"/>
  <c r="A615" i="65" s="1"/>
  <c r="A616" i="65" s="1"/>
  <c r="A617" i="65" s="1"/>
  <c r="A618" i="65" s="1"/>
  <c r="A619" i="65" s="1"/>
  <c r="A620" i="65" s="1"/>
  <c r="A621" i="65" s="1"/>
  <c r="A622" i="65" s="1"/>
  <c r="A623" i="65" s="1"/>
  <c r="A624" i="65" s="1"/>
  <c r="A625" i="65" s="1"/>
  <c r="A626" i="65" s="1"/>
  <c r="A627" i="65" s="1"/>
  <c r="A628" i="65" s="1"/>
  <c r="A629" i="65" s="1"/>
  <c r="AN608" i="65"/>
  <c r="AN607" i="65"/>
  <c r="AN606" i="65"/>
  <c r="AN605" i="65"/>
  <c r="AN604" i="65"/>
  <c r="AN603" i="65"/>
  <c r="AN602" i="65"/>
  <c r="AN601" i="65"/>
  <c r="AN600" i="65"/>
  <c r="AN599" i="65"/>
  <c r="AN598" i="65"/>
  <c r="AN597" i="65"/>
  <c r="AN596" i="65"/>
  <c r="AN595" i="65"/>
  <c r="AN594" i="65"/>
  <c r="AN593" i="65"/>
  <c r="AN592" i="65"/>
  <c r="AN591" i="65"/>
  <c r="AN590" i="65"/>
  <c r="AN589" i="65"/>
  <c r="AN588" i="65"/>
  <c r="AN587" i="65"/>
  <c r="AN586" i="65"/>
  <c r="AN585" i="65"/>
  <c r="AN584" i="65"/>
  <c r="AN583" i="65"/>
  <c r="AN582" i="65"/>
  <c r="AN581" i="65"/>
  <c r="AN580" i="65"/>
  <c r="AN579" i="65"/>
  <c r="AN578" i="65"/>
  <c r="AN577" i="65"/>
  <c r="AN576" i="65"/>
  <c r="AN575" i="65"/>
  <c r="AN574" i="65"/>
  <c r="AN573" i="65"/>
  <c r="AN572" i="65"/>
  <c r="AN571" i="65"/>
  <c r="A568" i="65"/>
  <c r="A569" i="65" s="1"/>
  <c r="A570" i="65" s="1"/>
  <c r="A571" i="65" s="1"/>
  <c r="A572" i="65" s="1"/>
  <c r="A573" i="65" s="1"/>
  <c r="A574" i="65" s="1"/>
  <c r="A575" i="65" s="1"/>
  <c r="A576" i="65" s="1"/>
  <c r="A577" i="65" s="1"/>
  <c r="A578" i="65" s="1"/>
  <c r="A579" i="65" s="1"/>
  <c r="A580" i="65" s="1"/>
  <c r="A581" i="65" s="1"/>
  <c r="A582" i="65" s="1"/>
  <c r="A583" i="65" s="1"/>
  <c r="A584" i="65" s="1"/>
  <c r="A585" i="65" s="1"/>
  <c r="A586" i="65" s="1"/>
  <c r="A587" i="65" s="1"/>
  <c r="A588" i="65" s="1"/>
  <c r="A589" i="65" s="1"/>
  <c r="A590" i="65" s="1"/>
  <c r="A591" i="65" s="1"/>
  <c r="A592" i="65" s="1"/>
  <c r="A593" i="65" s="1"/>
  <c r="A594" i="65" s="1"/>
  <c r="A595" i="65" s="1"/>
  <c r="A596" i="65" s="1"/>
  <c r="A597" i="65" s="1"/>
  <c r="A598" i="65" s="1"/>
  <c r="A599" i="65" s="1"/>
  <c r="A600" i="65" s="1"/>
  <c r="A601" i="65" s="1"/>
  <c r="A602" i="65" s="1"/>
  <c r="A603" i="65" s="1"/>
  <c r="A604" i="65" s="1"/>
  <c r="A605" i="65" s="1"/>
  <c r="A606" i="65" s="1"/>
  <c r="A607" i="65" s="1"/>
  <c r="A608" i="65" s="1"/>
  <c r="A609" i="65" s="1"/>
  <c r="AN566" i="65"/>
  <c r="AN565" i="65"/>
  <c r="AN564" i="65"/>
  <c r="AN563" i="65"/>
  <c r="AN562" i="65"/>
  <c r="AN561" i="65"/>
  <c r="AN560" i="65"/>
  <c r="AN559" i="65"/>
  <c r="AN558" i="65"/>
  <c r="AN557" i="65"/>
  <c r="AN556" i="65"/>
  <c r="AN555" i="65"/>
  <c r="AN554" i="65"/>
  <c r="AN553" i="65"/>
  <c r="AN552" i="65"/>
  <c r="AN551" i="65"/>
  <c r="AN550" i="65"/>
  <c r="AN549" i="65"/>
  <c r="AN548" i="65"/>
  <c r="AN547" i="65"/>
  <c r="AN546" i="65"/>
  <c r="AN545" i="65"/>
  <c r="AN544" i="65"/>
  <c r="AN543" i="65"/>
  <c r="AN542" i="65"/>
  <c r="AN541" i="65"/>
  <c r="AN540" i="65"/>
  <c r="AN539" i="65"/>
  <c r="AN538" i="65"/>
  <c r="AN537" i="65"/>
  <c r="AN536" i="65"/>
  <c r="AN535" i="65"/>
  <c r="AN534" i="65"/>
  <c r="AN533" i="65"/>
  <c r="AN532" i="65"/>
  <c r="AN531" i="65"/>
  <c r="AN530" i="65"/>
  <c r="AN529" i="65"/>
  <c r="AN528" i="65"/>
  <c r="AN527" i="65"/>
  <c r="AN526" i="65"/>
  <c r="AN525" i="65"/>
  <c r="AN524" i="65"/>
  <c r="AN523" i="65"/>
  <c r="AN522" i="65"/>
  <c r="AN521" i="65"/>
  <c r="AN520" i="65"/>
  <c r="AN519" i="65"/>
  <c r="AN518" i="65"/>
  <c r="AN517" i="65"/>
  <c r="AN516" i="65"/>
  <c r="AN515" i="65"/>
  <c r="AN514" i="65"/>
  <c r="AN513" i="65"/>
  <c r="AN512" i="65"/>
  <c r="AN511" i="65"/>
  <c r="AN510" i="65"/>
  <c r="AN509" i="65"/>
  <c r="AN508" i="65"/>
  <c r="AN507" i="65"/>
  <c r="AN506" i="65"/>
  <c r="AN505" i="65"/>
  <c r="AN504" i="65"/>
  <c r="A501" i="65"/>
  <c r="A502" i="65" s="1"/>
  <c r="A503" i="65" s="1"/>
  <c r="A504" i="65" s="1"/>
  <c r="A505" i="65" s="1"/>
  <c r="A506" i="65" s="1"/>
  <c r="A507" i="65" s="1"/>
  <c r="A508" i="65" s="1"/>
  <c r="A509" i="65" s="1"/>
  <c r="A510" i="65" s="1"/>
  <c r="A511" i="65" s="1"/>
  <c r="A512" i="65" s="1"/>
  <c r="A513" i="65" s="1"/>
  <c r="A514" i="65" s="1"/>
  <c r="A515" i="65" s="1"/>
  <c r="A516" i="65" s="1"/>
  <c r="A517" i="65" s="1"/>
  <c r="A518" i="65" s="1"/>
  <c r="A519" i="65" s="1"/>
  <c r="A520" i="65" s="1"/>
  <c r="A521" i="65" s="1"/>
  <c r="A522" i="65" s="1"/>
  <c r="A523" i="65" s="1"/>
  <c r="A524" i="65" s="1"/>
  <c r="A525" i="65" s="1"/>
  <c r="A526" i="65" s="1"/>
  <c r="A527" i="65" s="1"/>
  <c r="A528" i="65" s="1"/>
  <c r="A529" i="65" s="1"/>
  <c r="A530" i="65" s="1"/>
  <c r="A531" i="65" s="1"/>
  <c r="A532" i="65" s="1"/>
  <c r="A533" i="65" s="1"/>
  <c r="A534" i="65" s="1"/>
  <c r="A535" i="65" s="1"/>
  <c r="A536" i="65" s="1"/>
  <c r="A537" i="65" s="1"/>
  <c r="A538" i="65" s="1"/>
  <c r="A539" i="65" s="1"/>
  <c r="A540" i="65" s="1"/>
  <c r="A541" i="65" s="1"/>
  <c r="A542" i="65" s="1"/>
  <c r="A543" i="65" s="1"/>
  <c r="A544" i="65" s="1"/>
  <c r="A545" i="65" s="1"/>
  <c r="A546" i="65" s="1"/>
  <c r="A547" i="65" s="1"/>
  <c r="A548" i="65" s="1"/>
  <c r="A549" i="65" s="1"/>
  <c r="A550" i="65" s="1"/>
  <c r="A551" i="65" s="1"/>
  <c r="A552" i="65" s="1"/>
  <c r="A553" i="65" s="1"/>
  <c r="A554" i="65" s="1"/>
  <c r="A555" i="65" s="1"/>
  <c r="A556" i="65" s="1"/>
  <c r="A557" i="65" s="1"/>
  <c r="A558" i="65" s="1"/>
  <c r="A559" i="65" s="1"/>
  <c r="A560" i="65" s="1"/>
  <c r="A561" i="65" s="1"/>
  <c r="A562" i="65" s="1"/>
  <c r="A563" i="65" s="1"/>
  <c r="A564" i="65" s="1"/>
  <c r="A565" i="65" s="1"/>
  <c r="A566" i="65" s="1"/>
  <c r="A567" i="65" s="1"/>
  <c r="AN499" i="65"/>
  <c r="AN498" i="65"/>
  <c r="AN497" i="65"/>
  <c r="AN496" i="65"/>
  <c r="AN495" i="65"/>
  <c r="AN494" i="65"/>
  <c r="AN493" i="65"/>
  <c r="AN492" i="65"/>
  <c r="AN491" i="65"/>
  <c r="AN490" i="65"/>
  <c r="AN489" i="65"/>
  <c r="AN488" i="65"/>
  <c r="AN487" i="65"/>
  <c r="AN486" i="65"/>
  <c r="AN485" i="65"/>
  <c r="AN484" i="65"/>
  <c r="AN483" i="65"/>
  <c r="AN482" i="65"/>
  <c r="AN481" i="65"/>
  <c r="AN480" i="65"/>
  <c r="AN479" i="65"/>
  <c r="AN478" i="65"/>
  <c r="AN477" i="65"/>
  <c r="AN476" i="65"/>
  <c r="AN475" i="65"/>
  <c r="AN474" i="65"/>
  <c r="AN473" i="65"/>
  <c r="AN472" i="65"/>
  <c r="AN471" i="65"/>
  <c r="AN470" i="65"/>
  <c r="AN469" i="65"/>
  <c r="AN468" i="65"/>
  <c r="AN467" i="65"/>
  <c r="AN466" i="65"/>
  <c r="AN465" i="65"/>
  <c r="AN464" i="65"/>
  <c r="AN463" i="65"/>
  <c r="AN462" i="65"/>
  <c r="AN461" i="65"/>
  <c r="AN460" i="65"/>
  <c r="AN459" i="65"/>
  <c r="AN458" i="65"/>
  <c r="AN457" i="65"/>
  <c r="AN456" i="65"/>
  <c r="AN455" i="65"/>
  <c r="AN454" i="65"/>
  <c r="AN453" i="65"/>
  <c r="AN452" i="65"/>
  <c r="AN451" i="65"/>
  <c r="AN450" i="65"/>
  <c r="AN449" i="65"/>
  <c r="AN448" i="65"/>
  <c r="AN447" i="65"/>
  <c r="AN446" i="65"/>
  <c r="AN445" i="65"/>
  <c r="AN444" i="65"/>
  <c r="AN443" i="65"/>
  <c r="AN442" i="65"/>
  <c r="AN441" i="65"/>
  <c r="A438" i="65"/>
  <c r="A439" i="65" s="1"/>
  <c r="A440" i="65" s="1"/>
  <c r="A441" i="65" s="1"/>
  <c r="A442" i="65" s="1"/>
  <c r="A443" i="65" s="1"/>
  <c r="A444" i="65" s="1"/>
  <c r="A445" i="65" s="1"/>
  <c r="A446" i="65" s="1"/>
  <c r="A447" i="65" s="1"/>
  <c r="A448" i="65" s="1"/>
  <c r="A449" i="65" s="1"/>
  <c r="A450" i="65" s="1"/>
  <c r="A451" i="65" s="1"/>
  <c r="A452" i="65" s="1"/>
  <c r="A453" i="65" s="1"/>
  <c r="A454" i="65" s="1"/>
  <c r="A455" i="65" s="1"/>
  <c r="A456" i="65" s="1"/>
  <c r="A457" i="65" s="1"/>
  <c r="A458" i="65" s="1"/>
  <c r="A459" i="65" s="1"/>
  <c r="A460" i="65" s="1"/>
  <c r="A461" i="65" s="1"/>
  <c r="A462" i="65" s="1"/>
  <c r="A463" i="65" s="1"/>
  <c r="A464" i="65" s="1"/>
  <c r="A465" i="65" s="1"/>
  <c r="A466" i="65" s="1"/>
  <c r="A467" i="65" s="1"/>
  <c r="A468" i="65" s="1"/>
  <c r="A469" i="65" s="1"/>
  <c r="A470" i="65" s="1"/>
  <c r="A471" i="65" s="1"/>
  <c r="A472" i="65" s="1"/>
  <c r="A473" i="65" s="1"/>
  <c r="A474" i="65" s="1"/>
  <c r="A475" i="65" s="1"/>
  <c r="A476" i="65" s="1"/>
  <c r="A477" i="65" s="1"/>
  <c r="A478" i="65" s="1"/>
  <c r="A479" i="65" s="1"/>
  <c r="A480" i="65" s="1"/>
  <c r="A481" i="65" s="1"/>
  <c r="A482" i="65" s="1"/>
  <c r="A483" i="65" s="1"/>
  <c r="A484" i="65" s="1"/>
  <c r="A485" i="65" s="1"/>
  <c r="A486" i="65" s="1"/>
  <c r="A487" i="65" s="1"/>
  <c r="A488" i="65" s="1"/>
  <c r="A489" i="65" s="1"/>
  <c r="A490" i="65" s="1"/>
  <c r="A491" i="65" s="1"/>
  <c r="A492" i="65" s="1"/>
  <c r="A493" i="65" s="1"/>
  <c r="A494" i="65" s="1"/>
  <c r="A495" i="65" s="1"/>
  <c r="A496" i="65" s="1"/>
  <c r="A497" i="65" s="1"/>
  <c r="A498" i="65" s="1"/>
  <c r="A499" i="65" s="1"/>
  <c r="A500" i="65" s="1"/>
  <c r="AN436" i="65"/>
  <c r="AN435" i="65"/>
  <c r="AN434" i="65"/>
  <c r="AN433" i="65"/>
  <c r="AN432" i="65"/>
  <c r="AN431" i="65"/>
  <c r="AN430" i="65"/>
  <c r="AN429" i="65"/>
  <c r="AN428" i="65"/>
  <c r="AN427" i="65"/>
  <c r="AN426" i="65"/>
  <c r="AN425" i="65"/>
  <c r="AN424" i="65"/>
  <c r="AN423" i="65"/>
  <c r="AN422" i="65"/>
  <c r="AN421" i="65"/>
  <c r="AN420" i="65"/>
  <c r="AN419" i="65"/>
  <c r="AN418" i="65"/>
  <c r="AN417" i="65"/>
  <c r="AN416" i="65"/>
  <c r="AN415" i="65"/>
  <c r="AN414" i="65"/>
  <c r="AN413" i="65"/>
  <c r="AN412" i="65"/>
  <c r="AN411" i="65"/>
  <c r="AN410" i="65"/>
  <c r="AN409" i="65"/>
  <c r="AN408" i="65"/>
  <c r="AN407" i="65"/>
  <c r="AN406" i="65"/>
  <c r="AN405" i="65"/>
  <c r="AN404" i="65"/>
  <c r="AN403" i="65"/>
  <c r="AN402" i="65"/>
  <c r="AN401" i="65"/>
  <c r="AN400" i="65"/>
  <c r="AN399" i="65"/>
  <c r="AN398" i="65"/>
  <c r="AN397" i="65"/>
  <c r="AN396" i="65"/>
  <c r="AN395" i="65"/>
  <c r="AN394" i="65"/>
  <c r="AN393" i="65"/>
  <c r="AN392" i="65"/>
  <c r="AN391" i="65"/>
  <c r="AN390" i="65"/>
  <c r="AN389" i="65"/>
  <c r="AN388" i="65"/>
  <c r="AN387" i="65"/>
  <c r="AN386" i="65"/>
  <c r="AN385" i="65"/>
  <c r="AN384" i="65"/>
  <c r="AN383" i="65"/>
  <c r="AN382" i="65"/>
  <c r="AN381" i="65"/>
  <c r="AN380" i="65"/>
  <c r="AN379" i="65"/>
  <c r="AN378" i="65"/>
  <c r="A375" i="65"/>
  <c r="A376" i="65" s="1"/>
  <c r="A377" i="65" s="1"/>
  <c r="A378" i="65" s="1"/>
  <c r="A379" i="65" s="1"/>
  <c r="A380" i="65" s="1"/>
  <c r="A381" i="65" s="1"/>
  <c r="A382" i="65" s="1"/>
  <c r="A383" i="65" s="1"/>
  <c r="A384" i="65" s="1"/>
  <c r="A385" i="65" s="1"/>
  <c r="A386" i="65" s="1"/>
  <c r="A387" i="65" s="1"/>
  <c r="A388" i="65" s="1"/>
  <c r="A389" i="65" s="1"/>
  <c r="A390" i="65" s="1"/>
  <c r="A391" i="65" s="1"/>
  <c r="A392" i="65" s="1"/>
  <c r="A393" i="65" s="1"/>
  <c r="A394" i="65" s="1"/>
  <c r="A395" i="65" s="1"/>
  <c r="A396" i="65" s="1"/>
  <c r="A397" i="65" s="1"/>
  <c r="A398" i="65" s="1"/>
  <c r="A399" i="65" s="1"/>
  <c r="A400" i="65" s="1"/>
  <c r="A401" i="65" s="1"/>
  <c r="A402" i="65" s="1"/>
  <c r="A403" i="65" s="1"/>
  <c r="A404" i="65" s="1"/>
  <c r="A405" i="65" s="1"/>
  <c r="A406" i="65" s="1"/>
  <c r="A407" i="65" s="1"/>
  <c r="A408" i="65" s="1"/>
  <c r="A409" i="65" s="1"/>
  <c r="A410" i="65" s="1"/>
  <c r="A411" i="65" s="1"/>
  <c r="A412" i="65" s="1"/>
  <c r="A413" i="65" s="1"/>
  <c r="A414" i="65" s="1"/>
  <c r="A415" i="65" s="1"/>
  <c r="A416" i="65" s="1"/>
  <c r="A417" i="65" s="1"/>
  <c r="A418" i="65" s="1"/>
  <c r="A419" i="65" s="1"/>
  <c r="A420" i="65" s="1"/>
  <c r="A421" i="65" s="1"/>
  <c r="A422" i="65" s="1"/>
  <c r="A423" i="65" s="1"/>
  <c r="A424" i="65" s="1"/>
  <c r="A425" i="65" s="1"/>
  <c r="A426" i="65" s="1"/>
  <c r="A427" i="65" s="1"/>
  <c r="A428" i="65" s="1"/>
  <c r="A429" i="65" s="1"/>
  <c r="A430" i="65" s="1"/>
  <c r="A431" i="65" s="1"/>
  <c r="A432" i="65" s="1"/>
  <c r="A433" i="65" s="1"/>
  <c r="A434" i="65" s="1"/>
  <c r="A435" i="65" s="1"/>
  <c r="A436" i="65" s="1"/>
  <c r="A437" i="65" s="1"/>
  <c r="AN373" i="65"/>
  <c r="AN372" i="65"/>
  <c r="AN371" i="65"/>
  <c r="AN370" i="65"/>
  <c r="AN369" i="65"/>
  <c r="AN368" i="65"/>
  <c r="AN367" i="65"/>
  <c r="AN366" i="65"/>
  <c r="AN365" i="65"/>
  <c r="AN364" i="65"/>
  <c r="AN363" i="65"/>
  <c r="AN362" i="65"/>
  <c r="AN361" i="65"/>
  <c r="AN360" i="65"/>
  <c r="AN359" i="65"/>
  <c r="AN358" i="65"/>
  <c r="AN357" i="65"/>
  <c r="AN356" i="65"/>
  <c r="AN355" i="65"/>
  <c r="AN354" i="65"/>
  <c r="A351" i="65"/>
  <c r="A352" i="65" s="1"/>
  <c r="A353" i="65" s="1"/>
  <c r="A354" i="65" s="1"/>
  <c r="A355" i="65" s="1"/>
  <c r="A356" i="65" s="1"/>
  <c r="A357" i="65" s="1"/>
  <c r="A358" i="65" s="1"/>
  <c r="A359" i="65" s="1"/>
  <c r="A360" i="65" s="1"/>
  <c r="A361" i="65" s="1"/>
  <c r="A362" i="65" s="1"/>
  <c r="A363" i="65" s="1"/>
  <c r="A364" i="65" s="1"/>
  <c r="A365" i="65" s="1"/>
  <c r="A366" i="65" s="1"/>
  <c r="A367" i="65" s="1"/>
  <c r="A368" i="65" s="1"/>
  <c r="A369" i="65" s="1"/>
  <c r="A370" i="65" s="1"/>
  <c r="A371" i="65" s="1"/>
  <c r="A372" i="65" s="1"/>
  <c r="A373" i="65" s="1"/>
  <c r="A374" i="65" s="1"/>
  <c r="AN349" i="65"/>
  <c r="AN348" i="65"/>
  <c r="AN347" i="65"/>
  <c r="AN346" i="65"/>
  <c r="AN345" i="65"/>
  <c r="AN344" i="65"/>
  <c r="AN343" i="65"/>
  <c r="AN342" i="65"/>
  <c r="AN341" i="65"/>
  <c r="AN340" i="65"/>
  <c r="AN339" i="65"/>
  <c r="AN338" i="65"/>
  <c r="AN337" i="65"/>
  <c r="AN336" i="65"/>
  <c r="AN335" i="65"/>
  <c r="AN334" i="65"/>
  <c r="AN333" i="65"/>
  <c r="A330" i="65"/>
  <c r="A331" i="65" s="1"/>
  <c r="A332" i="65" s="1"/>
  <c r="A333" i="65" s="1"/>
  <c r="A334" i="65" s="1"/>
  <c r="A335" i="65" s="1"/>
  <c r="A336" i="65" s="1"/>
  <c r="A337" i="65" s="1"/>
  <c r="A338" i="65" s="1"/>
  <c r="A339" i="65" s="1"/>
  <c r="A340" i="65" s="1"/>
  <c r="A341" i="65" s="1"/>
  <c r="A342" i="65" s="1"/>
  <c r="A343" i="65" s="1"/>
  <c r="A344" i="65" s="1"/>
  <c r="A345" i="65" s="1"/>
  <c r="A346" i="65" s="1"/>
  <c r="A347" i="65" s="1"/>
  <c r="A348" i="65" s="1"/>
  <c r="A349" i="65" s="1"/>
  <c r="A350" i="65" s="1"/>
  <c r="AN328" i="65"/>
  <c r="AN327" i="65"/>
  <c r="AN326" i="65"/>
  <c r="AN325" i="65"/>
  <c r="AN324" i="65"/>
  <c r="AN323" i="65"/>
  <c r="AN322" i="65"/>
  <c r="AN321" i="65"/>
  <c r="AN320" i="65"/>
  <c r="AN319" i="65"/>
  <c r="AN318" i="65"/>
  <c r="AN317" i="65"/>
  <c r="AN316" i="65"/>
  <c r="AN315" i="65"/>
  <c r="AN314" i="65"/>
  <c r="A311" i="65"/>
  <c r="A312" i="65" s="1"/>
  <c r="A313" i="65" s="1"/>
  <c r="A314" i="65" s="1"/>
  <c r="A315" i="65" s="1"/>
  <c r="A316" i="65" s="1"/>
  <c r="A317" i="65" s="1"/>
  <c r="A318" i="65" s="1"/>
  <c r="A319" i="65" s="1"/>
  <c r="A320" i="65" s="1"/>
  <c r="A321" i="65" s="1"/>
  <c r="A322" i="65" s="1"/>
  <c r="A323" i="65" s="1"/>
  <c r="A324" i="65" s="1"/>
  <c r="A325" i="65" s="1"/>
  <c r="A326" i="65" s="1"/>
  <c r="A327" i="65" s="1"/>
  <c r="A328" i="65" s="1"/>
  <c r="A329" i="65" s="1"/>
  <c r="AN309" i="65"/>
  <c r="AN308" i="65"/>
  <c r="AN307" i="65"/>
  <c r="AN306" i="65"/>
  <c r="AN305" i="65"/>
  <c r="AN304" i="65"/>
  <c r="AN303" i="65"/>
  <c r="AN302" i="65"/>
  <c r="AN301" i="65"/>
  <c r="AN300" i="65"/>
  <c r="AN299" i="65"/>
  <c r="AN298" i="65"/>
  <c r="AN297" i="65"/>
  <c r="AN296" i="65"/>
  <c r="AN295" i="65"/>
  <c r="A292" i="65"/>
  <c r="A293" i="65" s="1"/>
  <c r="A294" i="65" s="1"/>
  <c r="A295" i="65" s="1"/>
  <c r="A296" i="65" s="1"/>
  <c r="A297" i="65" s="1"/>
  <c r="A298" i="65" s="1"/>
  <c r="A299" i="65" s="1"/>
  <c r="A300" i="65" s="1"/>
  <c r="A301" i="65" s="1"/>
  <c r="A302" i="65" s="1"/>
  <c r="A303" i="65" s="1"/>
  <c r="A304" i="65" s="1"/>
  <c r="A305" i="65" s="1"/>
  <c r="A306" i="65" s="1"/>
  <c r="A307" i="65" s="1"/>
  <c r="A308" i="65" s="1"/>
  <c r="A309" i="65" s="1"/>
  <c r="A310" i="65" s="1"/>
  <c r="AN290" i="65"/>
  <c r="AN289" i="65"/>
  <c r="AN288" i="65"/>
  <c r="AN287" i="65"/>
  <c r="AN286" i="65"/>
  <c r="AN285" i="65"/>
  <c r="AN284" i="65"/>
  <c r="AN283" i="65"/>
  <c r="AN282" i="65"/>
  <c r="AN281" i="65"/>
  <c r="AN280" i="65"/>
  <c r="AN279" i="65"/>
  <c r="AN278" i="65"/>
  <c r="AN277" i="65"/>
  <c r="AN276" i="65"/>
  <c r="AN275" i="65"/>
  <c r="AN274" i="65"/>
  <c r="AN273" i="65"/>
  <c r="AN272" i="65"/>
  <c r="AN271" i="65"/>
  <c r="AN270" i="65"/>
  <c r="AN269" i="65"/>
  <c r="AN268" i="65"/>
  <c r="AN267" i="65"/>
  <c r="A265" i="65"/>
  <c r="A266" i="65" s="1"/>
  <c r="A267" i="65" s="1"/>
  <c r="A268" i="65" s="1"/>
  <c r="A269" i="65" s="1"/>
  <c r="A270" i="65" s="1"/>
  <c r="A271" i="65" s="1"/>
  <c r="A272" i="65" s="1"/>
  <c r="A273" i="65" s="1"/>
  <c r="A274" i="65" s="1"/>
  <c r="A275" i="65" s="1"/>
  <c r="A276" i="65" s="1"/>
  <c r="A277" i="65" s="1"/>
  <c r="A278" i="65" s="1"/>
  <c r="A279" i="65" s="1"/>
  <c r="A280" i="65" s="1"/>
  <c r="A281" i="65" s="1"/>
  <c r="A282" i="65" s="1"/>
  <c r="A283" i="65" s="1"/>
  <c r="A284" i="65" s="1"/>
  <c r="A285" i="65" s="1"/>
  <c r="A286" i="65" s="1"/>
  <c r="A287" i="65" s="1"/>
  <c r="A264" i="65"/>
  <c r="AN262" i="65"/>
  <c r="AN261" i="65"/>
  <c r="AN260" i="65"/>
  <c r="AN259" i="65"/>
  <c r="AN258" i="65"/>
  <c r="AN257" i="65"/>
  <c r="AN256" i="65"/>
  <c r="AN255" i="65"/>
  <c r="AN254" i="65"/>
  <c r="AN253" i="65"/>
  <c r="AN252" i="65"/>
  <c r="AN251" i="65"/>
  <c r="AN250" i="65"/>
  <c r="AN249" i="65"/>
  <c r="AN248" i="65"/>
  <c r="AN247" i="65"/>
  <c r="AN246" i="65"/>
  <c r="A243" i="65"/>
  <c r="A244" i="65" s="1"/>
  <c r="A245" i="65" s="1"/>
  <c r="A246" i="65" s="1"/>
  <c r="A247" i="65" s="1"/>
  <c r="A248" i="65" s="1"/>
  <c r="A249" i="65" s="1"/>
  <c r="A250" i="65" s="1"/>
  <c r="A251" i="65" s="1"/>
  <c r="A252" i="65" s="1"/>
  <c r="A253" i="65" s="1"/>
  <c r="A254" i="65" s="1"/>
  <c r="A255" i="65" s="1"/>
  <c r="A256" i="65" s="1"/>
  <c r="A257" i="65" s="1"/>
  <c r="A258" i="65" s="1"/>
  <c r="A259" i="65" s="1"/>
  <c r="A260" i="65" s="1"/>
  <c r="A261" i="65" s="1"/>
  <c r="A262" i="65" s="1"/>
  <c r="A263" i="65" s="1"/>
  <c r="AN241" i="65"/>
  <c r="AN240" i="65"/>
  <c r="AN239" i="65"/>
  <c r="AN238" i="65"/>
  <c r="AN237" i="65"/>
  <c r="AN236" i="65"/>
  <c r="AN235" i="65"/>
  <c r="AN234" i="65"/>
  <c r="AN233" i="65"/>
  <c r="AN232" i="65"/>
  <c r="AN231" i="65"/>
  <c r="AN230" i="65"/>
  <c r="AN229" i="65"/>
  <c r="AN228" i="65"/>
  <c r="AN227" i="65"/>
  <c r="AN226" i="65"/>
  <c r="AN225" i="65"/>
  <c r="AN224" i="65"/>
  <c r="AN223" i="65"/>
  <c r="A220" i="65"/>
  <c r="A221" i="65" s="1"/>
  <c r="A222" i="65" s="1"/>
  <c r="A223" i="65" s="1"/>
  <c r="A224" i="65" s="1"/>
  <c r="A225" i="65" s="1"/>
  <c r="A226" i="65" s="1"/>
  <c r="A227" i="65" s="1"/>
  <c r="A228" i="65" s="1"/>
  <c r="A229" i="65" s="1"/>
  <c r="A230" i="65" s="1"/>
  <c r="A231" i="65" s="1"/>
  <c r="A232" i="65" s="1"/>
  <c r="A233" i="65" s="1"/>
  <c r="A234" i="65" s="1"/>
  <c r="A235" i="65" s="1"/>
  <c r="A236" i="65" s="1"/>
  <c r="A237" i="65" s="1"/>
  <c r="A238" i="65" s="1"/>
  <c r="A239" i="65" s="1"/>
  <c r="A240" i="65" s="1"/>
  <c r="A241" i="65" s="1"/>
  <c r="A242" i="65" s="1"/>
  <c r="AN218" i="65"/>
  <c r="AN217" i="65"/>
  <c r="AN216" i="65"/>
  <c r="AN215" i="65"/>
  <c r="AN214" i="65"/>
  <c r="AN213" i="65"/>
  <c r="AN212" i="65"/>
  <c r="AN211" i="65"/>
  <c r="AN210" i="65"/>
  <c r="AN209" i="65"/>
  <c r="AN208" i="65"/>
  <c r="AN207" i="65"/>
  <c r="AN206" i="65"/>
  <c r="AN205" i="65"/>
  <c r="A202" i="65"/>
  <c r="A203" i="65" s="1"/>
  <c r="A204" i="65" s="1"/>
  <c r="A205" i="65" s="1"/>
  <c r="A206" i="65" s="1"/>
  <c r="A207" i="65" s="1"/>
  <c r="A208" i="65" s="1"/>
  <c r="A209" i="65" s="1"/>
  <c r="A210" i="65" s="1"/>
  <c r="A211" i="65" s="1"/>
  <c r="A212" i="65" s="1"/>
  <c r="A213" i="65" s="1"/>
  <c r="A214" i="65" s="1"/>
  <c r="A215" i="65" s="1"/>
  <c r="A216" i="65" s="1"/>
  <c r="A217" i="65" s="1"/>
  <c r="A218" i="65" s="1"/>
  <c r="A219" i="65" s="1"/>
  <c r="AN200" i="65"/>
  <c r="AN199" i="65"/>
  <c r="AN198" i="65"/>
  <c r="AN197" i="65"/>
  <c r="AN196" i="65"/>
  <c r="AN195" i="65"/>
  <c r="AN194" i="65"/>
  <c r="AN193" i="65"/>
  <c r="A193" i="65"/>
  <c r="A194" i="65" s="1"/>
  <c r="A195" i="65" s="1"/>
  <c r="A196" i="65" s="1"/>
  <c r="A197" i="65" s="1"/>
  <c r="A198" i="65" s="1"/>
  <c r="A199" i="65" s="1"/>
  <c r="A200" i="65" s="1"/>
  <c r="A201" i="65" s="1"/>
  <c r="AN192" i="65"/>
  <c r="AN191" i="65"/>
  <c r="AN190" i="65"/>
  <c r="A187" i="65"/>
  <c r="A188" i="65" s="1"/>
  <c r="A189" i="65" s="1"/>
  <c r="A190" i="65" s="1"/>
  <c r="A191" i="65" s="1"/>
  <c r="A192" i="65" s="1"/>
  <c r="AN185" i="65"/>
  <c r="AN184" i="65"/>
  <c r="AN183" i="65"/>
  <c r="AN182" i="65"/>
  <c r="AN181" i="65"/>
  <c r="AN180" i="65"/>
  <c r="AN179" i="65"/>
  <c r="AN178" i="65"/>
  <c r="AN177" i="65"/>
  <c r="AN176" i="65"/>
  <c r="AN175" i="65"/>
  <c r="AN174" i="65"/>
  <c r="AN173" i="65"/>
  <c r="AN172" i="65"/>
  <c r="AN171" i="65"/>
  <c r="AN170" i="65"/>
  <c r="A167" i="65"/>
  <c r="A168" i="65" s="1"/>
  <c r="A169" i="65" s="1"/>
  <c r="A170" i="65" s="1"/>
  <c r="A171" i="65" s="1"/>
  <c r="A172" i="65" s="1"/>
  <c r="A173" i="65" s="1"/>
  <c r="A174" i="65" s="1"/>
  <c r="A175" i="65" s="1"/>
  <c r="A176" i="65" s="1"/>
  <c r="A177" i="65" s="1"/>
  <c r="A178" i="65" s="1"/>
  <c r="A179" i="65" s="1"/>
  <c r="A180" i="65" s="1"/>
  <c r="A181" i="65" s="1"/>
  <c r="A182" i="65" s="1"/>
  <c r="A183" i="65" s="1"/>
  <c r="A184" i="65" s="1"/>
  <c r="A185" i="65" s="1"/>
  <c r="A186" i="65" s="1"/>
  <c r="AN165" i="65"/>
  <c r="AN164" i="65"/>
  <c r="AN163" i="65"/>
  <c r="AN162" i="65"/>
  <c r="AN161" i="65"/>
  <c r="AN160" i="65"/>
  <c r="AN159" i="65"/>
  <c r="AN158" i="65"/>
  <c r="AN157" i="65"/>
  <c r="AN156" i="65"/>
  <c r="AN155" i="65"/>
  <c r="AN154" i="65"/>
  <c r="AN153" i="65"/>
  <c r="AN152" i="65"/>
  <c r="AN151" i="65"/>
  <c r="AN150" i="65"/>
  <c r="AN149" i="65"/>
  <c r="AN148" i="65"/>
  <c r="AN147" i="65"/>
  <c r="AN146" i="65"/>
  <c r="A143" i="65"/>
  <c r="A144" i="65" s="1"/>
  <c r="A145" i="65" s="1"/>
  <c r="A146" i="65" s="1"/>
  <c r="A147" i="65" s="1"/>
  <c r="A148" i="65" s="1"/>
  <c r="A149" i="65" s="1"/>
  <c r="A150" i="65" s="1"/>
  <c r="A151" i="65" s="1"/>
  <c r="A152" i="65" s="1"/>
  <c r="A153" i="65" s="1"/>
  <c r="A154" i="65" s="1"/>
  <c r="A155" i="65" s="1"/>
  <c r="A156" i="65" s="1"/>
  <c r="A157" i="65" s="1"/>
  <c r="A158" i="65" s="1"/>
  <c r="A159" i="65" s="1"/>
  <c r="A160" i="65" s="1"/>
  <c r="A161" i="65" s="1"/>
  <c r="A162" i="65" s="1"/>
  <c r="A163" i="65" s="1"/>
  <c r="A164" i="65" s="1"/>
  <c r="A165" i="65" s="1"/>
  <c r="A166" i="65" s="1"/>
  <c r="AN141" i="65"/>
  <c r="AN140" i="65"/>
  <c r="AN139" i="65"/>
  <c r="AN138" i="65"/>
  <c r="AN137" i="65"/>
  <c r="AN136" i="65"/>
  <c r="AN135" i="65"/>
  <c r="AN134" i="65"/>
  <c r="AN133" i="65"/>
  <c r="AN132" i="65"/>
  <c r="AN131" i="65"/>
  <c r="AN130" i="65"/>
  <c r="AN129" i="65"/>
  <c r="AN128" i="65"/>
  <c r="AN127" i="65"/>
  <c r="AN126" i="65"/>
  <c r="AN125" i="65"/>
  <c r="AN124" i="65"/>
  <c r="AN123" i="65"/>
  <c r="AN122" i="65"/>
  <c r="AN121" i="65"/>
  <c r="AN120" i="65"/>
  <c r="AN119" i="65"/>
  <c r="AN118" i="65"/>
  <c r="A115" i="65"/>
  <c r="A116" i="65" s="1"/>
  <c r="A117" i="65" s="1"/>
  <c r="A118" i="65" s="1"/>
  <c r="A119" i="65" s="1"/>
  <c r="A120" i="65" s="1"/>
  <c r="A121" i="65" s="1"/>
  <c r="A122" i="65" s="1"/>
  <c r="A123" i="65" s="1"/>
  <c r="A124" i="65" s="1"/>
  <c r="A125" i="65" s="1"/>
  <c r="A126" i="65" s="1"/>
  <c r="A127" i="65" s="1"/>
  <c r="A128" i="65" s="1"/>
  <c r="A129" i="65" s="1"/>
  <c r="A130" i="65" s="1"/>
  <c r="A131" i="65" s="1"/>
  <c r="A132" i="65" s="1"/>
  <c r="A133" i="65" s="1"/>
  <c r="A134" i="65" s="1"/>
  <c r="A135" i="65" s="1"/>
  <c r="A136" i="65" s="1"/>
  <c r="A137" i="65" s="1"/>
  <c r="A138" i="65" s="1"/>
  <c r="A139" i="65" s="1"/>
  <c r="A140" i="65" s="1"/>
  <c r="A141" i="65" s="1"/>
  <c r="A142" i="65" s="1"/>
  <c r="AN113" i="65"/>
  <c r="AN112" i="65"/>
  <c r="AN111" i="65"/>
  <c r="AN110" i="65"/>
  <c r="AN109" i="65"/>
  <c r="AN108" i="65"/>
  <c r="AN107" i="65"/>
  <c r="AN106" i="65"/>
  <c r="AN105" i="65"/>
  <c r="AN104" i="65"/>
  <c r="AN103" i="65"/>
  <c r="AN102" i="65"/>
  <c r="AN101" i="65"/>
  <c r="AN100" i="65"/>
  <c r="AN99" i="65"/>
  <c r="AN98" i="65"/>
  <c r="AN97" i="65"/>
  <c r="AN96" i="65"/>
  <c r="AN95" i="65"/>
  <c r="AN94" i="65"/>
  <c r="AN93" i="65"/>
  <c r="AN92" i="65"/>
  <c r="AN91" i="65"/>
  <c r="AN90" i="65"/>
  <c r="AN89" i="65"/>
  <c r="AN88" i="65"/>
  <c r="AN87" i="65"/>
  <c r="AN86" i="65"/>
  <c r="AN85" i="65"/>
  <c r="AN84" i="65"/>
  <c r="AN83" i="65"/>
  <c r="AN82" i="65"/>
  <c r="AN81" i="65"/>
  <c r="AN80" i="65"/>
  <c r="AN79" i="65"/>
  <c r="AN78" i="65"/>
  <c r="AN77" i="65"/>
  <c r="AN76" i="65"/>
  <c r="AN75" i="65"/>
  <c r="AN74" i="65"/>
  <c r="AN73" i="65"/>
  <c r="AN72" i="65"/>
  <c r="AN71" i="65"/>
  <c r="AN70" i="65"/>
  <c r="AN69" i="65"/>
  <c r="AN68" i="65"/>
  <c r="AN67" i="65"/>
  <c r="A67" i="65"/>
  <c r="A68" i="65" s="1"/>
  <c r="A69" i="65" s="1"/>
  <c r="A70" i="65" s="1"/>
  <c r="A71" i="65" s="1"/>
  <c r="A72" i="65" s="1"/>
  <c r="A73" i="65" s="1"/>
  <c r="A74" i="65" s="1"/>
  <c r="A75" i="65" s="1"/>
  <c r="A76" i="65" s="1"/>
  <c r="A77" i="65" s="1"/>
  <c r="A78" i="65" s="1"/>
  <c r="A79" i="65" s="1"/>
  <c r="A80" i="65" s="1"/>
  <c r="A81" i="65" s="1"/>
  <c r="A82" i="65" s="1"/>
  <c r="A83" i="65" s="1"/>
  <c r="A84" i="65" s="1"/>
  <c r="A85" i="65" s="1"/>
  <c r="A86" i="65" s="1"/>
  <c r="A87" i="65" s="1"/>
  <c r="A88" i="65" s="1"/>
  <c r="A89" i="65" s="1"/>
  <c r="A90" i="65" s="1"/>
  <c r="A91" i="65" s="1"/>
  <c r="A92" i="65" s="1"/>
  <c r="A93" i="65" s="1"/>
  <c r="A94" i="65" s="1"/>
  <c r="A95" i="65" s="1"/>
  <c r="A96" i="65" s="1"/>
  <c r="A97" i="65" s="1"/>
  <c r="A98" i="65" s="1"/>
  <c r="A99" i="65" s="1"/>
  <c r="A100" i="65" s="1"/>
  <c r="A101" i="65" s="1"/>
  <c r="A102" i="65" s="1"/>
  <c r="A103" i="65" s="1"/>
  <c r="A104" i="65" s="1"/>
  <c r="A105" i="65" s="1"/>
  <c r="A106" i="65" s="1"/>
  <c r="A107" i="65" s="1"/>
  <c r="A108" i="65" s="1"/>
  <c r="A109" i="65" s="1"/>
  <c r="A110" i="65" s="1"/>
  <c r="AN66" i="65"/>
  <c r="A63" i="65"/>
  <c r="A64" i="65" s="1"/>
  <c r="A65" i="65" s="1"/>
  <c r="A66" i="65" s="1"/>
  <c r="AN61" i="65"/>
  <c r="AN60" i="65"/>
  <c r="AN59" i="65"/>
  <c r="AN58" i="65"/>
  <c r="AN57" i="65"/>
  <c r="AN56" i="65"/>
  <c r="AN55" i="65"/>
  <c r="AN54" i="65"/>
  <c r="AN53" i="65"/>
  <c r="AN52" i="65"/>
  <c r="AN51" i="65"/>
  <c r="AN50" i="65"/>
  <c r="AN49" i="65"/>
  <c r="AN48" i="65"/>
  <c r="AN47" i="65"/>
  <c r="A47" i="65"/>
  <c r="A48" i="65" s="1"/>
  <c r="A49" i="65" s="1"/>
  <c r="A50" i="65" s="1"/>
  <c r="A51" i="65" s="1"/>
  <c r="A52" i="65" s="1"/>
  <c r="A53" i="65" s="1"/>
  <c r="A54" i="65" s="1"/>
  <c r="A55" i="65" s="1"/>
  <c r="A56" i="65" s="1"/>
  <c r="A57" i="65" s="1"/>
  <c r="A58" i="65" s="1"/>
  <c r="A59" i="65" s="1"/>
  <c r="A60" i="65" s="1"/>
  <c r="A61" i="65" s="1"/>
  <c r="A62" i="65" s="1"/>
  <c r="AN46" i="65"/>
  <c r="A44" i="65"/>
  <c r="A45" i="65" s="1"/>
  <c r="A46" i="65" s="1"/>
  <c r="A43" i="65"/>
  <c r="AN41" i="65"/>
  <c r="AN40" i="65"/>
  <c r="AN39" i="65"/>
  <c r="AN38" i="65"/>
  <c r="AN37" i="65"/>
  <c r="AN36" i="65"/>
  <c r="AN35" i="65"/>
  <c r="AN34" i="65"/>
  <c r="AN33" i="65"/>
  <c r="AN32" i="65"/>
  <c r="AN31" i="65"/>
  <c r="AN30" i="65"/>
  <c r="AN29" i="65"/>
  <c r="A26" i="65"/>
  <c r="A27" i="65" s="1"/>
  <c r="A28" i="65" s="1"/>
  <c r="A29" i="65" s="1"/>
  <c r="A30" i="65" s="1"/>
  <c r="A31" i="65" s="1"/>
  <c r="A32" i="65" s="1"/>
  <c r="A33" i="65" s="1"/>
  <c r="A34" i="65" s="1"/>
  <c r="A35" i="65" s="1"/>
  <c r="A36" i="65" s="1"/>
  <c r="A37" i="65" s="1"/>
  <c r="A38" i="65" s="1"/>
  <c r="A39" i="65" s="1"/>
  <c r="A40" i="65" s="1"/>
  <c r="A41" i="65" s="1"/>
  <c r="A42" i="65" s="1"/>
  <c r="AN644" i="64"/>
  <c r="AN643" i="64"/>
  <c r="AN642" i="64"/>
  <c r="AN641" i="64"/>
  <c r="AN640" i="64"/>
  <c r="AN639" i="64"/>
  <c r="AN638" i="64"/>
  <c r="AN637" i="64"/>
  <c r="AN636" i="64"/>
  <c r="AN635" i="64"/>
  <c r="AN634" i="64"/>
  <c r="AN633" i="64"/>
  <c r="AN632" i="64"/>
  <c r="AN631" i="64"/>
  <c r="AN630" i="64"/>
  <c r="AN629" i="64"/>
  <c r="AN628" i="64"/>
  <c r="AN627" i="64"/>
  <c r="AN626" i="64"/>
  <c r="AN625" i="64"/>
  <c r="AN624" i="64"/>
  <c r="A621" i="64"/>
  <c r="A622" i="64" s="1"/>
  <c r="A623" i="64" s="1"/>
  <c r="A624" i="64" s="1"/>
  <c r="A625" i="64" s="1"/>
  <c r="A626" i="64" s="1"/>
  <c r="A627" i="64" s="1"/>
  <c r="A628" i="64" s="1"/>
  <c r="A629" i="64" s="1"/>
  <c r="A630" i="64" s="1"/>
  <c r="A631" i="64" s="1"/>
  <c r="A632" i="64" s="1"/>
  <c r="A633" i="64" s="1"/>
  <c r="A634" i="64" s="1"/>
  <c r="A635" i="64" s="1"/>
  <c r="A636" i="64" s="1"/>
  <c r="A637" i="64" s="1"/>
  <c r="A638" i="64" s="1"/>
  <c r="A639" i="64" s="1"/>
  <c r="A640" i="64" s="1"/>
  <c r="A641" i="64" s="1"/>
  <c r="A642" i="64" s="1"/>
  <c r="A643" i="64" s="1"/>
  <c r="A644" i="64" s="1"/>
  <c r="AN619" i="64"/>
  <c r="AN618" i="64"/>
  <c r="AN617" i="64"/>
  <c r="AN616" i="64"/>
  <c r="AN615" i="64"/>
  <c r="AN614" i="64"/>
  <c r="AN613" i="64"/>
  <c r="AN612" i="64"/>
  <c r="AN611" i="64"/>
  <c r="AN610" i="64"/>
  <c r="AN609" i="64"/>
  <c r="AN608" i="64"/>
  <c r="AN607" i="64"/>
  <c r="AN606" i="64"/>
  <c r="AN605" i="64"/>
  <c r="AN604" i="64"/>
  <c r="AN603" i="64"/>
  <c r="AN602" i="64"/>
  <c r="AN601" i="64"/>
  <c r="AN600" i="64"/>
  <c r="AN599" i="64"/>
  <c r="AN598" i="64"/>
  <c r="AN597" i="64"/>
  <c r="AN596" i="64"/>
  <c r="AN595" i="64"/>
  <c r="AN594" i="64"/>
  <c r="AN593" i="64"/>
  <c r="AN592" i="64"/>
  <c r="AN591" i="64"/>
  <c r="AN590" i="64"/>
  <c r="AN589" i="64"/>
  <c r="AN588" i="64"/>
  <c r="AN587" i="64"/>
  <c r="AN586" i="64"/>
  <c r="AN585" i="64"/>
  <c r="AN584" i="64"/>
  <c r="AN583" i="64"/>
  <c r="AN582" i="64"/>
  <c r="AN581" i="64"/>
  <c r="A578" i="64"/>
  <c r="A579" i="64" s="1"/>
  <c r="A580" i="64" s="1"/>
  <c r="A581" i="64" s="1"/>
  <c r="A582" i="64" s="1"/>
  <c r="A583" i="64" s="1"/>
  <c r="A584" i="64" s="1"/>
  <c r="A585" i="64" s="1"/>
  <c r="A586" i="64" s="1"/>
  <c r="A587" i="64" s="1"/>
  <c r="A588" i="64" s="1"/>
  <c r="A589" i="64" s="1"/>
  <c r="A590" i="64" s="1"/>
  <c r="A591" i="64" s="1"/>
  <c r="A592" i="64" s="1"/>
  <c r="A593" i="64" s="1"/>
  <c r="A594" i="64" s="1"/>
  <c r="A595" i="64" s="1"/>
  <c r="A596" i="64" s="1"/>
  <c r="A597" i="64" s="1"/>
  <c r="A598" i="64" s="1"/>
  <c r="A599" i="64" s="1"/>
  <c r="A600" i="64" s="1"/>
  <c r="A601" i="64" s="1"/>
  <c r="A602" i="64" s="1"/>
  <c r="A603" i="64" s="1"/>
  <c r="A604" i="64" s="1"/>
  <c r="A605" i="64" s="1"/>
  <c r="A606" i="64" s="1"/>
  <c r="A607" i="64" s="1"/>
  <c r="A608" i="64" s="1"/>
  <c r="A609" i="64" s="1"/>
  <c r="A610" i="64" s="1"/>
  <c r="A611" i="64" s="1"/>
  <c r="A612" i="64" s="1"/>
  <c r="A613" i="64" s="1"/>
  <c r="A614" i="64" s="1"/>
  <c r="A615" i="64" s="1"/>
  <c r="A616" i="64" s="1"/>
  <c r="A617" i="64" s="1"/>
  <c r="A618" i="64" s="1"/>
  <c r="A619" i="64" s="1"/>
  <c r="A620" i="64" s="1"/>
  <c r="AN576" i="64"/>
  <c r="AN575" i="64"/>
  <c r="AN574" i="64"/>
  <c r="AN573" i="64"/>
  <c r="AN572" i="64"/>
  <c r="AN571" i="64"/>
  <c r="AN570" i="64"/>
  <c r="AN569" i="64"/>
  <c r="AN568" i="64"/>
  <c r="AN567" i="64"/>
  <c r="AN566" i="64"/>
  <c r="AN565" i="64"/>
  <c r="AN564" i="64"/>
  <c r="AN563" i="64"/>
  <c r="AN562" i="64"/>
  <c r="AN561" i="64"/>
  <c r="AN560" i="64"/>
  <c r="AN559" i="64"/>
  <c r="AN558" i="64"/>
  <c r="AN557" i="64"/>
  <c r="AN556" i="64"/>
  <c r="AN555" i="64"/>
  <c r="AN554" i="64"/>
  <c r="AN553" i="64"/>
  <c r="AN552" i="64"/>
  <c r="AN551" i="64"/>
  <c r="AN550" i="64"/>
  <c r="AN549" i="64"/>
  <c r="AN548" i="64"/>
  <c r="AN547" i="64"/>
  <c r="AN546" i="64"/>
  <c r="AN545" i="64"/>
  <c r="AN544" i="64"/>
  <c r="AN543" i="64"/>
  <c r="AN542" i="64"/>
  <c r="AN541" i="64"/>
  <c r="AN540" i="64"/>
  <c r="AN539" i="64"/>
  <c r="AN538" i="64"/>
  <c r="A535" i="64"/>
  <c r="A536" i="64" s="1"/>
  <c r="A537" i="64" s="1"/>
  <c r="A538" i="64" s="1"/>
  <c r="A539" i="64" s="1"/>
  <c r="A540" i="64" s="1"/>
  <c r="A541" i="64" s="1"/>
  <c r="A542" i="64" s="1"/>
  <c r="A543" i="64" s="1"/>
  <c r="A544" i="64" s="1"/>
  <c r="A545" i="64" s="1"/>
  <c r="A546" i="64" s="1"/>
  <c r="A547" i="64" s="1"/>
  <c r="A548" i="64" s="1"/>
  <c r="A549" i="64" s="1"/>
  <c r="A550" i="64" s="1"/>
  <c r="A551" i="64" s="1"/>
  <c r="A552" i="64" s="1"/>
  <c r="A553" i="64" s="1"/>
  <c r="A554" i="64" s="1"/>
  <c r="A555" i="64" s="1"/>
  <c r="A556" i="64" s="1"/>
  <c r="A557" i="64" s="1"/>
  <c r="A558" i="64" s="1"/>
  <c r="A559" i="64" s="1"/>
  <c r="A560" i="64" s="1"/>
  <c r="A561" i="64" s="1"/>
  <c r="A562" i="64" s="1"/>
  <c r="A563" i="64" s="1"/>
  <c r="A564" i="64" s="1"/>
  <c r="A565" i="64" s="1"/>
  <c r="A566" i="64" s="1"/>
  <c r="A567" i="64" s="1"/>
  <c r="A568" i="64" s="1"/>
  <c r="A569" i="64" s="1"/>
  <c r="A570" i="64" s="1"/>
  <c r="A571" i="64" s="1"/>
  <c r="A572" i="64" s="1"/>
  <c r="A573" i="64" s="1"/>
  <c r="A574" i="64" s="1"/>
  <c r="A575" i="64" s="1"/>
  <c r="A576" i="64" s="1"/>
  <c r="A577" i="64" s="1"/>
  <c r="AN533" i="64"/>
  <c r="AN532" i="64"/>
  <c r="AN531" i="64"/>
  <c r="AN530" i="64"/>
  <c r="AN529" i="64"/>
  <c r="AN528" i="64"/>
  <c r="AN527" i="64"/>
  <c r="AN526" i="64"/>
  <c r="AN525" i="64"/>
  <c r="AN524" i="64"/>
  <c r="A521" i="64"/>
  <c r="A522" i="64" s="1"/>
  <c r="A523" i="64" s="1"/>
  <c r="A524" i="64" s="1"/>
  <c r="A525" i="64" s="1"/>
  <c r="A526" i="64" s="1"/>
  <c r="A527" i="64" s="1"/>
  <c r="A528" i="64" s="1"/>
  <c r="A529" i="64" s="1"/>
  <c r="A530" i="64" s="1"/>
  <c r="A531" i="64" s="1"/>
  <c r="A532" i="64" s="1"/>
  <c r="A533" i="64" s="1"/>
  <c r="A534" i="64" s="1"/>
  <c r="AN519" i="64"/>
  <c r="AN518" i="64"/>
  <c r="AN517" i="64"/>
  <c r="AN516" i="64"/>
  <c r="AN515" i="64"/>
  <c r="AN514" i="64"/>
  <c r="AN513" i="64"/>
  <c r="AN512" i="64"/>
  <c r="AN511" i="64"/>
  <c r="A508" i="64"/>
  <c r="A509" i="64" s="1"/>
  <c r="A510" i="64" s="1"/>
  <c r="A511" i="64" s="1"/>
  <c r="A512" i="64" s="1"/>
  <c r="A513" i="64" s="1"/>
  <c r="A514" i="64" s="1"/>
  <c r="A515" i="64" s="1"/>
  <c r="A516" i="64" s="1"/>
  <c r="A517" i="64" s="1"/>
  <c r="A518" i="64" s="1"/>
  <c r="A519" i="64" s="1"/>
  <c r="A520" i="64" s="1"/>
  <c r="AN506" i="64"/>
  <c r="AN505" i="64"/>
  <c r="AN504" i="64"/>
  <c r="AN503" i="64"/>
  <c r="AN502" i="64"/>
  <c r="AN501" i="64"/>
  <c r="AN500" i="64"/>
  <c r="AN499" i="64"/>
  <c r="AN498" i="64"/>
  <c r="AN497" i="64"/>
  <c r="AN496" i="64"/>
  <c r="A493" i="64"/>
  <c r="A494" i="64" s="1"/>
  <c r="A495" i="64" s="1"/>
  <c r="A496" i="64" s="1"/>
  <c r="A497" i="64" s="1"/>
  <c r="A498" i="64" s="1"/>
  <c r="A499" i="64" s="1"/>
  <c r="A500" i="64" s="1"/>
  <c r="A501" i="64" s="1"/>
  <c r="A502" i="64" s="1"/>
  <c r="A503" i="64" s="1"/>
  <c r="A504" i="64" s="1"/>
  <c r="AN491" i="64"/>
  <c r="AN490" i="64"/>
  <c r="AN489" i="64"/>
  <c r="AN488" i="64"/>
  <c r="AN487" i="64"/>
  <c r="AN486" i="64"/>
  <c r="AN485" i="64"/>
  <c r="AN484" i="64"/>
  <c r="AN483" i="64"/>
  <c r="AN482" i="64"/>
  <c r="AN481" i="64"/>
  <c r="AN480" i="64"/>
  <c r="AN479" i="64"/>
  <c r="AN478" i="64"/>
  <c r="AN477" i="64"/>
  <c r="AN476" i="64"/>
  <c r="AN475" i="64"/>
  <c r="AN474" i="64"/>
  <c r="AN473" i="64"/>
  <c r="AN472" i="64"/>
  <c r="AN471" i="64"/>
  <c r="AN470" i="64"/>
  <c r="AN469" i="64"/>
  <c r="A466" i="64"/>
  <c r="A467" i="64" s="1"/>
  <c r="A468" i="64" s="1"/>
  <c r="A469" i="64" s="1"/>
  <c r="A470" i="64" s="1"/>
  <c r="A471" i="64" s="1"/>
  <c r="A472" i="64" s="1"/>
  <c r="A473" i="64" s="1"/>
  <c r="A474" i="64" s="1"/>
  <c r="A475" i="64" s="1"/>
  <c r="A476" i="64" s="1"/>
  <c r="A477" i="64" s="1"/>
  <c r="A478" i="64" s="1"/>
  <c r="A479" i="64" s="1"/>
  <c r="A480" i="64" s="1"/>
  <c r="A481" i="64" s="1"/>
  <c r="A482" i="64" s="1"/>
  <c r="A483" i="64" s="1"/>
  <c r="A484" i="64" s="1"/>
  <c r="A485" i="64" s="1"/>
  <c r="A486" i="64" s="1"/>
  <c r="A487" i="64" s="1"/>
  <c r="A488" i="64" s="1"/>
  <c r="A489" i="64" s="1"/>
  <c r="AN464" i="64"/>
  <c r="AN463" i="64"/>
  <c r="AN462" i="64"/>
  <c r="AN461" i="64"/>
  <c r="AN460" i="64"/>
  <c r="AN459" i="64"/>
  <c r="AN458" i="64"/>
  <c r="AN457" i="64"/>
  <c r="AN456" i="64"/>
  <c r="AN455" i="64"/>
  <c r="AN454" i="64"/>
  <c r="AN453" i="64"/>
  <c r="AN452" i="64"/>
  <c r="AN451" i="64"/>
  <c r="A448" i="64"/>
  <c r="A449" i="64" s="1"/>
  <c r="A450" i="64" s="1"/>
  <c r="A451" i="64" s="1"/>
  <c r="A452" i="64" s="1"/>
  <c r="A453" i="64" s="1"/>
  <c r="A454" i="64" s="1"/>
  <c r="A455" i="64" s="1"/>
  <c r="A456" i="64" s="1"/>
  <c r="A457" i="64" s="1"/>
  <c r="A458" i="64" s="1"/>
  <c r="A459" i="64" s="1"/>
  <c r="A460" i="64" s="1"/>
  <c r="A461" i="64" s="1"/>
  <c r="A462" i="64" s="1"/>
  <c r="AN446" i="64"/>
  <c r="AN445" i="64"/>
  <c r="AN444" i="64"/>
  <c r="AN443" i="64"/>
  <c r="AN442" i="64"/>
  <c r="AN441" i="64"/>
  <c r="AN440" i="64"/>
  <c r="AN439" i="64"/>
  <c r="AN438" i="64"/>
  <c r="A435" i="64"/>
  <c r="A436" i="64" s="1"/>
  <c r="A437" i="64" s="1"/>
  <c r="A438" i="64" s="1"/>
  <c r="A439" i="64" s="1"/>
  <c r="A440" i="64" s="1"/>
  <c r="A441" i="64" s="1"/>
  <c r="A442" i="64" s="1"/>
  <c r="A443" i="64" s="1"/>
  <c r="A444" i="64" s="1"/>
  <c r="AN433" i="64"/>
  <c r="AN432" i="64"/>
  <c r="AN431" i="64"/>
  <c r="AN430" i="64"/>
  <c r="AN429" i="64"/>
  <c r="AN428" i="64"/>
  <c r="AN427" i="64"/>
  <c r="AN426" i="64"/>
  <c r="AN425" i="64"/>
  <c r="AN424" i="64"/>
  <c r="AN423" i="64"/>
  <c r="AN422" i="64"/>
  <c r="AN421" i="64"/>
  <c r="AN420" i="64"/>
  <c r="AN419" i="64"/>
  <c r="AN418" i="64"/>
  <c r="AN417" i="64"/>
  <c r="AN416" i="64"/>
  <c r="AN415" i="64"/>
  <c r="AN414" i="64"/>
  <c r="AN413" i="64"/>
  <c r="AN412" i="64"/>
  <c r="AN411" i="64"/>
  <c r="AN410" i="64"/>
  <c r="AN409" i="64"/>
  <c r="AN408" i="64"/>
  <c r="AN407" i="64"/>
  <c r="AN406" i="64"/>
  <c r="AN405" i="64"/>
  <c r="AN404" i="64"/>
  <c r="AN403" i="64"/>
  <c r="AN402" i="64"/>
  <c r="AN401" i="64"/>
  <c r="AN400" i="64"/>
  <c r="AN399" i="64"/>
  <c r="AN398" i="64"/>
  <c r="AN397" i="64"/>
  <c r="AN396" i="64"/>
  <c r="A393" i="64"/>
  <c r="A394" i="64" s="1"/>
  <c r="A395" i="64" s="1"/>
  <c r="A396" i="64" s="1"/>
  <c r="A397" i="64" s="1"/>
  <c r="A398" i="64" s="1"/>
  <c r="A399" i="64" s="1"/>
  <c r="A400" i="64" s="1"/>
  <c r="A401" i="64" s="1"/>
  <c r="A402" i="64" s="1"/>
  <c r="A403" i="64" s="1"/>
  <c r="A404" i="64" s="1"/>
  <c r="A405" i="64" s="1"/>
  <c r="A406" i="64" s="1"/>
  <c r="A407" i="64" s="1"/>
  <c r="A408" i="64" s="1"/>
  <c r="A409" i="64" s="1"/>
  <c r="A410" i="64" s="1"/>
  <c r="A411" i="64" s="1"/>
  <c r="A412" i="64" s="1"/>
  <c r="A413" i="64" s="1"/>
  <c r="A414" i="64" s="1"/>
  <c r="A415" i="64" s="1"/>
  <c r="A416" i="64" s="1"/>
  <c r="A417" i="64" s="1"/>
  <c r="A418" i="64" s="1"/>
  <c r="A419" i="64" s="1"/>
  <c r="A420" i="64" s="1"/>
  <c r="A421" i="64" s="1"/>
  <c r="A422" i="64" s="1"/>
  <c r="A423" i="64" s="1"/>
  <c r="A424" i="64" s="1"/>
  <c r="A425" i="64" s="1"/>
  <c r="A426" i="64" s="1"/>
  <c r="A427" i="64" s="1"/>
  <c r="A428" i="64" s="1"/>
  <c r="A429" i="64" s="1"/>
  <c r="A430" i="64" s="1"/>
  <c r="A431" i="64" s="1"/>
  <c r="AN391" i="64"/>
  <c r="AN390" i="64"/>
  <c r="AN389" i="64"/>
  <c r="AN388" i="64"/>
  <c r="AN387" i="64"/>
  <c r="AN386" i="64"/>
  <c r="AN385" i="64"/>
  <c r="AN384" i="64"/>
  <c r="AN383" i="64"/>
  <c r="AN382" i="64"/>
  <c r="AN381" i="64"/>
  <c r="AN380" i="64"/>
  <c r="AN379" i="64"/>
  <c r="AN378" i="64"/>
  <c r="A375" i="64"/>
  <c r="A376" i="64" s="1"/>
  <c r="A377" i="64" s="1"/>
  <c r="A378" i="64" s="1"/>
  <c r="A379" i="64" s="1"/>
  <c r="A380" i="64" s="1"/>
  <c r="A381" i="64" s="1"/>
  <c r="A382" i="64" s="1"/>
  <c r="A383" i="64" s="1"/>
  <c r="A384" i="64" s="1"/>
  <c r="A385" i="64" s="1"/>
  <c r="A386" i="64" s="1"/>
  <c r="A387" i="64" s="1"/>
  <c r="A388" i="64" s="1"/>
  <c r="A389" i="64" s="1"/>
  <c r="AN373" i="64"/>
  <c r="AN372" i="64"/>
  <c r="AN371" i="64"/>
  <c r="AN370" i="64"/>
  <c r="AN369" i="64"/>
  <c r="AN368" i="64"/>
  <c r="AN367" i="64"/>
  <c r="AN366" i="64"/>
  <c r="AN365" i="64"/>
  <c r="AN364" i="64"/>
  <c r="AN363" i="64"/>
  <c r="AN362" i="64"/>
  <c r="AN361" i="64"/>
  <c r="AN360" i="64"/>
  <c r="AN359" i="64"/>
  <c r="AN358" i="64"/>
  <c r="AN357" i="64"/>
  <c r="AN356" i="64"/>
  <c r="AN355" i="64"/>
  <c r="AN354" i="64"/>
  <c r="AN353" i="64"/>
  <c r="AN352" i="64"/>
  <c r="AN351" i="64"/>
  <c r="AN350" i="64"/>
  <c r="AN349" i="64"/>
  <c r="AN348" i="64"/>
  <c r="AN347" i="64"/>
  <c r="AN346" i="64"/>
  <c r="AN345" i="64"/>
  <c r="AN344" i="64"/>
  <c r="AN343" i="64"/>
  <c r="AN342" i="64"/>
  <c r="AN341" i="64"/>
  <c r="AN340" i="64"/>
  <c r="AN339" i="64"/>
  <c r="AN338" i="64"/>
  <c r="AN337" i="64"/>
  <c r="AN336" i="64"/>
  <c r="AN335" i="64"/>
  <c r="AN334" i="64"/>
  <c r="AN333" i="64"/>
  <c r="AN332" i="64"/>
  <c r="AN331" i="64"/>
  <c r="AN330" i="64"/>
  <c r="AN329" i="64"/>
  <c r="AN328" i="64"/>
  <c r="AN327" i="64"/>
  <c r="AN326" i="64"/>
  <c r="AN325" i="64"/>
  <c r="AN324" i="64"/>
  <c r="AN323" i="64"/>
  <c r="AN322" i="64"/>
  <c r="AN321" i="64"/>
  <c r="AN320" i="64"/>
  <c r="AN319" i="64"/>
  <c r="AN318" i="64"/>
  <c r="AN317" i="64"/>
  <c r="AN316" i="64"/>
  <c r="AN315" i="64"/>
  <c r="AN314" i="64"/>
  <c r="AN313" i="64"/>
  <c r="A310" i="64"/>
  <c r="A311" i="64" s="1"/>
  <c r="A312" i="64" s="1"/>
  <c r="A313" i="64" s="1"/>
  <c r="A314" i="64" s="1"/>
  <c r="A315" i="64" s="1"/>
  <c r="A316" i="64" s="1"/>
  <c r="A317" i="64" s="1"/>
  <c r="A318" i="64" s="1"/>
  <c r="A319" i="64" s="1"/>
  <c r="A320" i="64" s="1"/>
  <c r="A321" i="64" s="1"/>
  <c r="A322" i="64" s="1"/>
  <c r="A323" i="64" s="1"/>
  <c r="A324" i="64" s="1"/>
  <c r="A325" i="64" s="1"/>
  <c r="A326" i="64" s="1"/>
  <c r="A327" i="64" s="1"/>
  <c r="A328" i="64" s="1"/>
  <c r="A329" i="64" s="1"/>
  <c r="A330" i="64" s="1"/>
  <c r="A331" i="64" s="1"/>
  <c r="A332" i="64" s="1"/>
  <c r="A333" i="64" s="1"/>
  <c r="A334" i="64" s="1"/>
  <c r="A335" i="64" s="1"/>
  <c r="A336" i="64" s="1"/>
  <c r="A337" i="64" s="1"/>
  <c r="A338" i="64" s="1"/>
  <c r="A339" i="64" s="1"/>
  <c r="A340" i="64" s="1"/>
  <c r="A341" i="64" s="1"/>
  <c r="A342" i="64" s="1"/>
  <c r="A343" i="64" s="1"/>
  <c r="A344" i="64" s="1"/>
  <c r="A345" i="64" s="1"/>
  <c r="A346" i="64" s="1"/>
  <c r="A347" i="64" s="1"/>
  <c r="A348" i="64" s="1"/>
  <c r="A349" i="64" s="1"/>
  <c r="A350" i="64" s="1"/>
  <c r="A351" i="64" s="1"/>
  <c r="A352" i="64" s="1"/>
  <c r="A353" i="64" s="1"/>
  <c r="A354" i="64" s="1"/>
  <c r="A355" i="64" s="1"/>
  <c r="A356" i="64" s="1"/>
  <c r="A357" i="64" s="1"/>
  <c r="A358" i="64" s="1"/>
  <c r="A359" i="64" s="1"/>
  <c r="A360" i="64" s="1"/>
  <c r="A361" i="64" s="1"/>
  <c r="A362" i="64" s="1"/>
  <c r="A363" i="64" s="1"/>
  <c r="A364" i="64" s="1"/>
  <c r="A365" i="64" s="1"/>
  <c r="A366" i="64" s="1"/>
  <c r="A367" i="64" s="1"/>
  <c r="A368" i="64" s="1"/>
  <c r="A369" i="64" s="1"/>
  <c r="AN308" i="64"/>
  <c r="AN307" i="64"/>
  <c r="AN306" i="64"/>
  <c r="AN305" i="64"/>
  <c r="AN304" i="64"/>
  <c r="AN303" i="64"/>
  <c r="AN302" i="64"/>
  <c r="AN301" i="64"/>
  <c r="AN300" i="64"/>
  <c r="AN299" i="64"/>
  <c r="AN298" i="64"/>
  <c r="AN297" i="64"/>
  <c r="AN296" i="64"/>
  <c r="AN295" i="64"/>
  <c r="AN294" i="64"/>
  <c r="AN293" i="64"/>
  <c r="AN292" i="64"/>
  <c r="AN291" i="64"/>
  <c r="AN290" i="64"/>
  <c r="AN289" i="64"/>
  <c r="AN288" i="64"/>
  <c r="AN287" i="64"/>
  <c r="AN286" i="64"/>
  <c r="AN285" i="64"/>
  <c r="AN284" i="64"/>
  <c r="AN283" i="64"/>
  <c r="AN282" i="64"/>
  <c r="AN281" i="64"/>
  <c r="AN280" i="64"/>
  <c r="AN279" i="64"/>
  <c r="AN278" i="64"/>
  <c r="AN277" i="64"/>
  <c r="AN276" i="64"/>
  <c r="AN275" i="64"/>
  <c r="AN274" i="64"/>
  <c r="AN273" i="64"/>
  <c r="AN272" i="64"/>
  <c r="AN271" i="64"/>
  <c r="AN270" i="64"/>
  <c r="AN269" i="64"/>
  <c r="AN268" i="64"/>
  <c r="AN267" i="64"/>
  <c r="AN266" i="64"/>
  <c r="AN265" i="64"/>
  <c r="AN264" i="64"/>
  <c r="AN263" i="64"/>
  <c r="AN262" i="64"/>
  <c r="AN261" i="64"/>
  <c r="AN260" i="64"/>
  <c r="AN259" i="64"/>
  <c r="AN258" i="64"/>
  <c r="AN257" i="64"/>
  <c r="AN256" i="64"/>
  <c r="AN255" i="64"/>
  <c r="AN254" i="64"/>
  <c r="AN253" i="64"/>
  <c r="AN252" i="64"/>
  <c r="A249" i="64"/>
  <c r="A250" i="64" s="1"/>
  <c r="A251" i="64" s="1"/>
  <c r="A252" i="64" s="1"/>
  <c r="A253" i="64" s="1"/>
  <c r="A254" i="64" s="1"/>
  <c r="A255" i="64" s="1"/>
  <c r="A256" i="64" s="1"/>
  <c r="A257" i="64" s="1"/>
  <c r="A258" i="64" s="1"/>
  <c r="A259" i="64" s="1"/>
  <c r="A260" i="64" s="1"/>
  <c r="A261" i="64" s="1"/>
  <c r="A262" i="64" s="1"/>
  <c r="A263" i="64" s="1"/>
  <c r="A264" i="64" s="1"/>
  <c r="A265" i="64" s="1"/>
  <c r="A266" i="64" s="1"/>
  <c r="A267" i="64" s="1"/>
  <c r="A268" i="64" s="1"/>
  <c r="A269" i="64" s="1"/>
  <c r="A270" i="64" s="1"/>
  <c r="A271" i="64" s="1"/>
  <c r="A272" i="64" s="1"/>
  <c r="A273" i="64" s="1"/>
  <c r="A274" i="64" s="1"/>
  <c r="A275" i="64" s="1"/>
  <c r="A276" i="64" s="1"/>
  <c r="A277" i="64" s="1"/>
  <c r="A278" i="64" s="1"/>
  <c r="A279" i="64" s="1"/>
  <c r="A280" i="64" s="1"/>
  <c r="A281" i="64" s="1"/>
  <c r="A282" i="64" s="1"/>
  <c r="A283" i="64" s="1"/>
  <c r="A284" i="64" s="1"/>
  <c r="A285" i="64" s="1"/>
  <c r="A286" i="64" s="1"/>
  <c r="A287" i="64" s="1"/>
  <c r="A288" i="64" s="1"/>
  <c r="A289" i="64" s="1"/>
  <c r="A290" i="64" s="1"/>
  <c r="A291" i="64" s="1"/>
  <c r="A292" i="64" s="1"/>
  <c r="A293" i="64" s="1"/>
  <c r="A294" i="64" s="1"/>
  <c r="A295" i="64" s="1"/>
  <c r="A296" i="64" s="1"/>
  <c r="A297" i="64" s="1"/>
  <c r="A298" i="64" s="1"/>
  <c r="A299" i="64" s="1"/>
  <c r="A300" i="64" s="1"/>
  <c r="A301" i="64" s="1"/>
  <c r="A302" i="64" s="1"/>
  <c r="A303" i="64" s="1"/>
  <c r="A304" i="64" s="1"/>
  <c r="AN247" i="64"/>
  <c r="AN246" i="64"/>
  <c r="AN245" i="64"/>
  <c r="AN244" i="64"/>
  <c r="AN243" i="64"/>
  <c r="AN242" i="64"/>
  <c r="AN241" i="64"/>
  <c r="AN240" i="64"/>
  <c r="AN239" i="64"/>
  <c r="AN238" i="64"/>
  <c r="AN237" i="64"/>
  <c r="AN236" i="64"/>
  <c r="AN235" i="64"/>
  <c r="AN234" i="64"/>
  <c r="AN233" i="64"/>
  <c r="AN232" i="64"/>
  <c r="AN231" i="64"/>
  <c r="AN230" i="64"/>
  <c r="AN229" i="64"/>
  <c r="AN228" i="64"/>
  <c r="AN227" i="64"/>
  <c r="AN226" i="64"/>
  <c r="AN225" i="64"/>
  <c r="AN224" i="64"/>
  <c r="AN223" i="64"/>
  <c r="AN222" i="64"/>
  <c r="AN221" i="64"/>
  <c r="AN220" i="64"/>
  <c r="AN219" i="64"/>
  <c r="AN218" i="64"/>
  <c r="AN217" i="64"/>
  <c r="AN216" i="64"/>
  <c r="AN215" i="64"/>
  <c r="AN214" i="64"/>
  <c r="AN213" i="64"/>
  <c r="AN212" i="64"/>
  <c r="AN211" i="64"/>
  <c r="AN210" i="64"/>
  <c r="AN209" i="64"/>
  <c r="AN208" i="64"/>
  <c r="AN207" i="64"/>
  <c r="AN206" i="64"/>
  <c r="AN205" i="64"/>
  <c r="AN204" i="64"/>
  <c r="AN203" i="64"/>
  <c r="AN202" i="64"/>
  <c r="AN201" i="64"/>
  <c r="AN200" i="64"/>
  <c r="AN199" i="64"/>
  <c r="AN198" i="64"/>
  <c r="AN197" i="64"/>
  <c r="AN196" i="64"/>
  <c r="AN195" i="64"/>
  <c r="AN194" i="64"/>
  <c r="AN193" i="64"/>
  <c r="AN192" i="64"/>
  <c r="AN191" i="64"/>
  <c r="A188" i="64"/>
  <c r="A189" i="64" s="1"/>
  <c r="A190" i="64" s="1"/>
  <c r="A191" i="64" s="1"/>
  <c r="A192" i="64" s="1"/>
  <c r="A193" i="64" s="1"/>
  <c r="A194" i="64" s="1"/>
  <c r="A195" i="64" s="1"/>
  <c r="A196" i="64" s="1"/>
  <c r="A197" i="64" s="1"/>
  <c r="A198" i="64" s="1"/>
  <c r="A199" i="64" s="1"/>
  <c r="A200" i="64" s="1"/>
  <c r="A201" i="64" s="1"/>
  <c r="A202" i="64" s="1"/>
  <c r="A203" i="64" s="1"/>
  <c r="A204" i="64" s="1"/>
  <c r="A205" i="64" s="1"/>
  <c r="A206" i="64" s="1"/>
  <c r="A207" i="64" s="1"/>
  <c r="A208" i="64" s="1"/>
  <c r="A209" i="64" s="1"/>
  <c r="A210" i="64" s="1"/>
  <c r="A211" i="64" s="1"/>
  <c r="A212" i="64" s="1"/>
  <c r="A213" i="64" s="1"/>
  <c r="A214" i="64" s="1"/>
  <c r="A215" i="64" s="1"/>
  <c r="A216" i="64" s="1"/>
  <c r="A217" i="64" s="1"/>
  <c r="A218" i="64" s="1"/>
  <c r="A219" i="64" s="1"/>
  <c r="A220" i="64" s="1"/>
  <c r="A221" i="64" s="1"/>
  <c r="A222" i="64" s="1"/>
  <c r="A223" i="64" s="1"/>
  <c r="A224" i="64" s="1"/>
  <c r="A225" i="64" s="1"/>
  <c r="A226" i="64" s="1"/>
  <c r="A227" i="64" s="1"/>
  <c r="A228" i="64" s="1"/>
  <c r="A229" i="64" s="1"/>
  <c r="A230" i="64" s="1"/>
  <c r="A231" i="64" s="1"/>
  <c r="A232" i="64" s="1"/>
  <c r="A233" i="64" s="1"/>
  <c r="A234" i="64" s="1"/>
  <c r="A235" i="64" s="1"/>
  <c r="A236" i="64" s="1"/>
  <c r="A237" i="64" s="1"/>
  <c r="A238" i="64" s="1"/>
  <c r="A239" i="64" s="1"/>
  <c r="A240" i="64" s="1"/>
  <c r="A241" i="64" s="1"/>
  <c r="A242" i="64" s="1"/>
  <c r="A243" i="64" s="1"/>
  <c r="AN186" i="64"/>
  <c r="AN185" i="64"/>
  <c r="AN184" i="64"/>
  <c r="AN183" i="64"/>
  <c r="AN182" i="64"/>
  <c r="AN181" i="64"/>
  <c r="AN180" i="64"/>
  <c r="AN179" i="64"/>
  <c r="AN178" i="64"/>
  <c r="AN177" i="64"/>
  <c r="AN176" i="64"/>
  <c r="AN175" i="64"/>
  <c r="AN174" i="64"/>
  <c r="AN173" i="64"/>
  <c r="AN172" i="64"/>
  <c r="AN171" i="64"/>
  <c r="AN170" i="64"/>
  <c r="A167" i="64"/>
  <c r="A168" i="64" s="1"/>
  <c r="A169" i="64" s="1"/>
  <c r="A170" i="64" s="1"/>
  <c r="A171" i="64" s="1"/>
  <c r="A172" i="64" s="1"/>
  <c r="A173" i="64" s="1"/>
  <c r="A174" i="64" s="1"/>
  <c r="A175" i="64" s="1"/>
  <c r="A176" i="64" s="1"/>
  <c r="A177" i="64" s="1"/>
  <c r="A178" i="64" s="1"/>
  <c r="A179" i="64" s="1"/>
  <c r="A180" i="64" s="1"/>
  <c r="A181" i="64" s="1"/>
  <c r="A182" i="64" s="1"/>
  <c r="A183" i="64" s="1"/>
  <c r="AN165" i="64"/>
  <c r="AN164" i="64"/>
  <c r="AN163" i="64"/>
  <c r="AN162" i="64"/>
  <c r="AN161" i="64"/>
  <c r="AN160" i="64"/>
  <c r="AN159" i="64"/>
  <c r="AN158" i="64"/>
  <c r="AN157" i="64"/>
  <c r="AN156" i="64"/>
  <c r="AN155" i="64"/>
  <c r="AN154" i="64"/>
  <c r="AN153" i="64"/>
  <c r="AN152" i="64"/>
  <c r="AN151" i="64"/>
  <c r="AN150" i="64"/>
  <c r="AN149" i="64"/>
  <c r="A146" i="64"/>
  <c r="A147" i="64" s="1"/>
  <c r="A148" i="64" s="1"/>
  <c r="A149" i="64" s="1"/>
  <c r="A150" i="64" s="1"/>
  <c r="A151" i="64" s="1"/>
  <c r="A152" i="64" s="1"/>
  <c r="A153" i="64" s="1"/>
  <c r="A154" i="64" s="1"/>
  <c r="A155" i="64" s="1"/>
  <c r="A156" i="64" s="1"/>
  <c r="A157" i="64" s="1"/>
  <c r="A158" i="64" s="1"/>
  <c r="A159" i="64" s="1"/>
  <c r="A160" i="64" s="1"/>
  <c r="A161" i="64" s="1"/>
  <c r="A162" i="64" s="1"/>
  <c r="A163" i="64" s="1"/>
  <c r="AN144" i="64"/>
  <c r="AN143" i="64"/>
  <c r="AN142" i="64"/>
  <c r="AN141" i="64"/>
  <c r="AN140" i="64"/>
  <c r="AN139" i="64"/>
  <c r="AN138" i="64"/>
  <c r="AN137" i="64"/>
  <c r="AN136" i="64"/>
  <c r="AN135" i="64"/>
  <c r="AN134" i="64"/>
  <c r="AN133" i="64"/>
  <c r="AN132" i="64"/>
  <c r="AN131" i="64"/>
  <c r="AN130" i="64"/>
  <c r="AN129" i="64"/>
  <c r="AN128" i="64"/>
  <c r="AN127" i="64"/>
  <c r="AN126" i="64"/>
  <c r="AN125" i="64"/>
  <c r="A122" i="64"/>
  <c r="A123" i="64" s="1"/>
  <c r="A124" i="64" s="1"/>
  <c r="A125" i="64" s="1"/>
  <c r="A126" i="64" s="1"/>
  <c r="A127" i="64" s="1"/>
  <c r="A128" i="64" s="1"/>
  <c r="A129" i="64" s="1"/>
  <c r="A130" i="64" s="1"/>
  <c r="A131" i="64" s="1"/>
  <c r="A132" i="64" s="1"/>
  <c r="A133" i="64" s="1"/>
  <c r="A134" i="64" s="1"/>
  <c r="A135" i="64" s="1"/>
  <c r="A136" i="64" s="1"/>
  <c r="A137" i="64" s="1"/>
  <c r="A138" i="64" s="1"/>
  <c r="A139" i="64" s="1"/>
  <c r="A140" i="64" s="1"/>
  <c r="A141" i="64" s="1"/>
  <c r="A142" i="64" s="1"/>
  <c r="AN120" i="64"/>
  <c r="AN119" i="64"/>
  <c r="AN118" i="64"/>
  <c r="AN117" i="64"/>
  <c r="AN116" i="64"/>
  <c r="AN115" i="64"/>
  <c r="AN114" i="64"/>
  <c r="AN113" i="64"/>
  <c r="AN112" i="64"/>
  <c r="AN111" i="64"/>
  <c r="AN110" i="64"/>
  <c r="AN109" i="64"/>
  <c r="AN108" i="64"/>
  <c r="AN107" i="64"/>
  <c r="AN106" i="64"/>
  <c r="AN105" i="64"/>
  <c r="AN104" i="64"/>
  <c r="AN103" i="64"/>
  <c r="AN102" i="64"/>
  <c r="AN101" i="64"/>
  <c r="AN100" i="64"/>
  <c r="AN99" i="64"/>
  <c r="AN98" i="64"/>
  <c r="AN97" i="64"/>
  <c r="AN96" i="64"/>
  <c r="AN95" i="64"/>
  <c r="AN94" i="64"/>
  <c r="AN93" i="64"/>
  <c r="AN92" i="64"/>
  <c r="AN91" i="64"/>
  <c r="AN90" i="64"/>
  <c r="AN89" i="64"/>
  <c r="AN88" i="64"/>
  <c r="AN87" i="64"/>
  <c r="AN86" i="64"/>
  <c r="AN85" i="64"/>
  <c r="AN84" i="64"/>
  <c r="AN83" i="64"/>
  <c r="AN82" i="64"/>
  <c r="AN81" i="64"/>
  <c r="AN80" i="64"/>
  <c r="AN79" i="64"/>
  <c r="AN78" i="64"/>
  <c r="AN77" i="64"/>
  <c r="AN76" i="64"/>
  <c r="AN75" i="64"/>
  <c r="AN74" i="64"/>
  <c r="AN73" i="64"/>
  <c r="AN72" i="64"/>
  <c r="AN71" i="64"/>
  <c r="AN70" i="64"/>
  <c r="AN69" i="64"/>
  <c r="AN68" i="64"/>
  <c r="AN67" i="64"/>
  <c r="AN66" i="64"/>
  <c r="AN65" i="64"/>
  <c r="A62" i="64"/>
  <c r="A63" i="64" s="1"/>
  <c r="A64" i="64" s="1"/>
  <c r="A65" i="64" s="1"/>
  <c r="A66" i="64" s="1"/>
  <c r="A67" i="64" s="1"/>
  <c r="A68" i="64" s="1"/>
  <c r="A69" i="64" s="1"/>
  <c r="A70" i="64" s="1"/>
  <c r="A71" i="64" s="1"/>
  <c r="A72" i="64" s="1"/>
  <c r="A73" i="64" s="1"/>
  <c r="A74" i="64" s="1"/>
  <c r="A75" i="64" s="1"/>
  <c r="A76" i="64" s="1"/>
  <c r="A77" i="64" s="1"/>
  <c r="A78" i="64" s="1"/>
  <c r="A79" i="64" s="1"/>
  <c r="A80" i="64" s="1"/>
  <c r="A81" i="64" s="1"/>
  <c r="A82" i="64" s="1"/>
  <c r="A83" i="64" s="1"/>
  <c r="A84" i="64" s="1"/>
  <c r="A85" i="64" s="1"/>
  <c r="A86" i="64" s="1"/>
  <c r="A87" i="64" s="1"/>
  <c r="A88" i="64" s="1"/>
  <c r="A89" i="64" s="1"/>
  <c r="A90" i="64" s="1"/>
  <c r="A91" i="64" s="1"/>
  <c r="A92" i="64" s="1"/>
  <c r="A93" i="64" s="1"/>
  <c r="A94" i="64" s="1"/>
  <c r="A95" i="64" s="1"/>
  <c r="A96" i="64" s="1"/>
  <c r="A97" i="64" s="1"/>
  <c r="A98" i="64" s="1"/>
  <c r="A99" i="64" s="1"/>
  <c r="A100" i="64" s="1"/>
  <c r="A101" i="64" s="1"/>
  <c r="A102" i="64" s="1"/>
  <c r="A103" i="64" s="1"/>
  <c r="A104" i="64" s="1"/>
  <c r="A105" i="64" s="1"/>
  <c r="A106" i="64" s="1"/>
  <c r="A107" i="64" s="1"/>
  <c r="A108" i="64" s="1"/>
  <c r="A109" i="64" s="1"/>
  <c r="A110" i="64" s="1"/>
  <c r="A111" i="64" s="1"/>
  <c r="A112" i="64" s="1"/>
  <c r="AN60" i="64"/>
  <c r="AN59" i="64"/>
  <c r="AN58" i="64"/>
  <c r="AN57" i="64"/>
  <c r="AN56" i="64"/>
  <c r="AN55" i="64"/>
  <c r="AN54" i="64"/>
  <c r="AN53" i="64"/>
  <c r="AN52" i="64"/>
  <c r="AN51" i="64"/>
  <c r="AN50" i="64"/>
  <c r="AN49" i="64"/>
  <c r="AN48" i="64"/>
  <c r="AN47" i="64"/>
  <c r="AN46" i="64"/>
  <c r="AN45" i="64"/>
  <c r="A43" i="64"/>
  <c r="A44" i="64" s="1"/>
  <c r="A45" i="64" s="1"/>
  <c r="A46" i="64" s="1"/>
  <c r="A47" i="64" s="1"/>
  <c r="A48" i="64" s="1"/>
  <c r="A49" i="64" s="1"/>
  <c r="A50" i="64" s="1"/>
  <c r="A51" i="64" s="1"/>
  <c r="A52" i="64" s="1"/>
  <c r="A53" i="64" s="1"/>
  <c r="A54" i="64" s="1"/>
  <c r="A55" i="64" s="1"/>
  <c r="A56" i="64" s="1"/>
  <c r="A57" i="64" s="1"/>
  <c r="A42" i="64"/>
  <c r="AN40" i="64"/>
  <c r="AN39" i="64"/>
  <c r="AN38" i="64"/>
  <c r="AN37" i="64"/>
  <c r="AN36" i="64"/>
  <c r="AN35" i="64"/>
  <c r="AN34" i="64"/>
  <c r="AN33" i="64"/>
  <c r="AN32" i="64"/>
  <c r="AN31" i="64"/>
  <c r="AN30" i="64"/>
  <c r="AN29" i="64"/>
  <c r="AN28" i="64"/>
  <c r="A26" i="64"/>
  <c r="A27" i="64" s="1"/>
  <c r="A28" i="64" s="1"/>
  <c r="A29" i="64" s="1"/>
  <c r="A30" i="64" s="1"/>
  <c r="A31" i="64" s="1"/>
  <c r="A32" i="64" s="1"/>
  <c r="A33" i="64" s="1"/>
  <c r="A34" i="64" s="1"/>
  <c r="A35" i="64" s="1"/>
  <c r="A36" i="64" s="1"/>
  <c r="A37" i="64" s="1"/>
  <c r="A25" i="64"/>
  <c r="A244" i="64" l="1"/>
  <c r="A245" i="64" s="1"/>
  <c r="A246" i="64" s="1"/>
  <c r="A247" i="64" s="1"/>
  <c r="A248" i="64"/>
  <c r="A58" i="64"/>
  <c r="A59" i="64" s="1"/>
  <c r="A60" i="64" s="1"/>
  <c r="A61" i="64"/>
  <c r="A164" i="64"/>
  <c r="A165" i="64" s="1"/>
  <c r="A166" i="64"/>
  <c r="A119" i="64"/>
  <c r="A113" i="64"/>
  <c r="A445" i="64"/>
  <c r="A446" i="64" s="1"/>
  <c r="A447" i="64"/>
  <c r="A39" i="64"/>
  <c r="A38" i="64"/>
  <c r="A40" i="64" s="1"/>
  <c r="A41" i="64" s="1"/>
  <c r="A434" i="64"/>
  <c r="A432" i="64"/>
  <c r="A433" i="64" s="1"/>
  <c r="A308" i="64"/>
  <c r="A305" i="64"/>
  <c r="A145" i="64"/>
  <c r="A143" i="64"/>
  <c r="A144" i="64" s="1"/>
  <c r="A187" i="64"/>
  <c r="A184" i="64"/>
  <c r="A185" i="64" s="1"/>
  <c r="A186" i="64" s="1"/>
  <c r="A392" i="64"/>
  <c r="A390" i="64"/>
  <c r="A391" i="64" s="1"/>
  <c r="A374" i="64"/>
  <c r="A370" i="64"/>
  <c r="A371" i="64" s="1"/>
  <c r="A372" i="64" s="1"/>
  <c r="A373" i="64" s="1"/>
  <c r="A112" i="65"/>
  <c r="A111" i="65"/>
  <c r="A113" i="65" s="1"/>
  <c r="A114" i="65" s="1"/>
  <c r="A288" i="65"/>
  <c r="A290" i="65" s="1"/>
  <c r="A291" i="65" s="1"/>
  <c r="A289" i="65"/>
  <c r="A492" i="64"/>
  <c r="A490" i="64"/>
  <c r="A491" i="64" s="1"/>
  <c r="A505" i="64"/>
  <c r="A506" i="64" s="1"/>
  <c r="A507" i="64"/>
  <c r="A465" i="64"/>
  <c r="A463" i="64"/>
  <c r="A464" i="64" s="1"/>
  <c r="A106" i="66"/>
  <c r="A105" i="66"/>
  <c r="A107" i="66" s="1"/>
  <c r="A108" i="66" s="1"/>
  <c r="A306" i="64" l="1"/>
  <c r="A307" i="64" s="1"/>
  <c r="A309" i="64"/>
  <c r="A120" i="64"/>
  <c r="A114" i="64"/>
  <c r="A115" i="64" l="1"/>
  <c r="A116" i="64" s="1"/>
  <c r="A117" i="64" s="1"/>
  <c r="A118" i="64" s="1"/>
  <c r="A121" i="64"/>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H19" authorId="0" shapeId="0" xr:uid="{14FEF8BD-73C0-48AF-8079-82C92D72DD12}">
      <text>
        <r>
          <rPr>
            <b/>
            <sz val="9"/>
            <color indexed="81"/>
            <rFont val="MS P ゴシック"/>
            <family val="3"/>
            <charset val="128"/>
          </rPr>
          <t>レセプト管理レコード</t>
        </r>
      </text>
    </comment>
    <comment ref="K19" authorId="0" shapeId="0" xr:uid="{AC9DC5E9-15FE-4D5C-88B8-9D6F44EF0418}">
      <text>
        <r>
          <rPr>
            <b/>
            <sz val="9"/>
            <color indexed="81"/>
            <rFont val="MS P ゴシック"/>
            <family val="3"/>
            <charset val="128"/>
          </rPr>
          <t>医療機関情報レコード</t>
        </r>
      </text>
    </comment>
    <comment ref="N19" authorId="0" shapeId="0" xr:uid="{06E80B67-2AE2-4428-B093-E4FD2D827870}">
      <text>
        <r>
          <rPr>
            <b/>
            <sz val="9"/>
            <color indexed="81"/>
            <rFont val="MS P ゴシック"/>
            <family val="3"/>
            <charset val="128"/>
          </rPr>
          <t>レセプト共通レコード</t>
        </r>
      </text>
    </comment>
    <comment ref="Q19" authorId="0" shapeId="0" xr:uid="{667BA080-43A4-4B49-8BE4-29F7716A2077}">
      <text>
        <r>
          <rPr>
            <b/>
            <sz val="9"/>
            <color indexed="81"/>
            <rFont val="MS P ゴシック"/>
            <family val="3"/>
            <charset val="128"/>
          </rPr>
          <t>保険者レコード</t>
        </r>
      </text>
    </comment>
    <comment ref="T19" authorId="0" shapeId="0" xr:uid="{29F1A58A-B206-46A4-8A48-BE2729078015}">
      <text>
        <r>
          <rPr>
            <b/>
            <sz val="9"/>
            <color indexed="81"/>
            <rFont val="ＭＳ Ｐゴシック"/>
            <family val="3"/>
            <charset val="128"/>
          </rPr>
          <t>公費レコード</t>
        </r>
      </text>
    </comment>
    <comment ref="H20" authorId="0" shapeId="0" xr:uid="{9B14CE89-DE5B-46E7-9DE7-72B143401C75}">
      <text>
        <r>
          <rPr>
            <b/>
            <sz val="9"/>
            <color indexed="81"/>
            <rFont val="MS P ゴシック"/>
            <family val="3"/>
            <charset val="128"/>
          </rPr>
          <t>傷病名レコード</t>
        </r>
      </text>
    </comment>
    <comment ref="K20" authorId="0" shapeId="0" xr:uid="{1C296868-006A-423A-939A-A344551256B0}">
      <text>
        <r>
          <rPr>
            <b/>
            <sz val="9"/>
            <color indexed="81"/>
            <rFont val="MS P ゴシック"/>
            <family val="3"/>
            <charset val="128"/>
          </rPr>
          <t>診療行為レコード</t>
        </r>
      </text>
    </comment>
    <comment ref="N20" authorId="0" shapeId="0" xr:uid="{3EB91CF1-C62E-441C-8DEF-EFCCF68363DC}">
      <text>
        <r>
          <rPr>
            <b/>
            <sz val="9"/>
            <color indexed="81"/>
            <rFont val="MS P ゴシック"/>
            <family val="3"/>
            <charset val="128"/>
          </rPr>
          <t>医薬品レコード</t>
        </r>
      </text>
    </comment>
    <comment ref="Q20" authorId="0" shapeId="0" xr:uid="{F52E7EE6-0F00-4CFB-8DB5-92CFA6BBBB83}">
      <text>
        <r>
          <rPr>
            <b/>
            <sz val="9"/>
            <color indexed="81"/>
            <rFont val="MS P ゴシック"/>
            <family val="3"/>
            <charset val="128"/>
          </rPr>
          <t>特定器材レコード</t>
        </r>
      </text>
    </comment>
    <comment ref="T20" authorId="0" shapeId="0" xr:uid="{31AEEA56-6AD7-4872-87EE-EE740EDE93FA}">
      <text>
        <r>
          <rPr>
            <b/>
            <sz val="9"/>
            <color indexed="81"/>
            <rFont val="MS P ゴシック"/>
            <family val="3"/>
            <charset val="128"/>
          </rPr>
          <t>コメントレコード</t>
        </r>
      </text>
    </comment>
    <comment ref="X20" authorId="0" shapeId="0" xr:uid="{3539E1A6-1871-4D40-A7CF-38C127D505CD}">
      <text>
        <r>
          <rPr>
            <b/>
            <sz val="9"/>
            <color indexed="81"/>
            <rFont val="MS P ゴシック"/>
            <family val="3"/>
            <charset val="128"/>
          </rPr>
          <t>日計表レコード</t>
        </r>
      </text>
    </comment>
    <comment ref="AA20" authorId="0" shapeId="0" xr:uid="{F1993901-AB57-444C-B0D7-B39CD7C102B5}">
      <text>
        <r>
          <rPr>
            <b/>
            <sz val="9"/>
            <color indexed="81"/>
            <rFont val="MS P ゴシック"/>
            <family val="3"/>
            <charset val="128"/>
          </rPr>
          <t>症状群記レコード</t>
        </r>
      </text>
    </comment>
    <comment ref="H21" authorId="0" shapeId="0" xr:uid="{C2428822-B3EA-4FDA-A7C4-41487195B121}">
      <text>
        <r>
          <rPr>
            <b/>
            <sz val="9"/>
            <color indexed="81"/>
            <rFont val="MS P ゴシック"/>
            <family val="3"/>
            <charset val="128"/>
          </rPr>
          <t>臓器提供医療機関情報レコード</t>
        </r>
      </text>
    </comment>
    <comment ref="K21" authorId="0" shapeId="0" xr:uid="{5726CA84-AEA2-4056-AE96-D324763780D3}">
      <text>
        <r>
          <rPr>
            <b/>
            <sz val="9"/>
            <color indexed="81"/>
            <rFont val="MS P ゴシック"/>
            <family val="3"/>
            <charset val="128"/>
          </rPr>
          <t>臓器提供者レセプト情報レコード</t>
        </r>
      </text>
    </comment>
    <comment ref="N21" authorId="0" shapeId="0" xr:uid="{AAA0FDB5-14BD-4989-ADFE-A888BE85DDC9}">
      <text>
        <r>
          <rPr>
            <b/>
            <sz val="9"/>
            <color indexed="81"/>
            <rFont val="MS P ゴシック"/>
            <family val="3"/>
            <charset val="128"/>
          </rPr>
          <t>臓器提供者請求情報レコード</t>
        </r>
      </text>
    </comment>
    <comment ref="Q21" authorId="0" shapeId="0" xr:uid="{69F82268-BD67-4022-8A4D-0E0EBF64201D}">
      <text>
        <r>
          <rPr>
            <b/>
            <sz val="9"/>
            <color indexed="81"/>
            <rFont val="MS P ゴシック"/>
            <family val="3"/>
            <charset val="128"/>
          </rPr>
          <t>包括評価対象外理由レコード</t>
        </r>
        <r>
          <rPr>
            <sz val="9"/>
            <color indexed="81"/>
            <rFont val="MS P ゴシック"/>
            <family val="3"/>
            <charset val="128"/>
          </rPr>
          <t xml:space="preserve">
</t>
        </r>
      </text>
    </comment>
    <comment ref="I22" authorId="0" shapeId="0" xr:uid="{A1D5047E-FA42-4F35-90CB-7C2D7367A430}">
      <text>
        <r>
          <rPr>
            <b/>
            <sz val="9"/>
            <color indexed="81"/>
            <rFont val="MS P ゴシック"/>
            <family val="3"/>
            <charset val="128"/>
          </rPr>
          <t>資格確認コード</t>
        </r>
        <r>
          <rPr>
            <sz val="9"/>
            <color indexed="81"/>
            <rFont val="MS P ゴシック"/>
            <family val="3"/>
            <charset val="128"/>
          </rPr>
          <t xml:space="preserve">
</t>
        </r>
      </text>
    </comment>
    <comment ref="L22" authorId="0" shapeId="0" xr:uid="{0C73185A-8C73-4C6A-BD1B-7D6E2F4C3FD8}">
      <text>
        <r>
          <rPr>
            <b/>
            <sz val="9"/>
            <color indexed="81"/>
            <rFont val="MS P ゴシック"/>
            <family val="3"/>
            <charset val="128"/>
          </rPr>
          <t>受信日等レコード</t>
        </r>
      </text>
    </comment>
    <comment ref="O22" authorId="0" shapeId="0" xr:uid="{D347DC17-51C3-4E20-9960-C8B8DF6E0C6D}">
      <text>
        <r>
          <rPr>
            <b/>
            <sz val="9"/>
            <color indexed="81"/>
            <rFont val="MS P ゴシック"/>
            <family val="3"/>
            <charset val="128"/>
          </rPr>
          <t>窓口負担額レコード</t>
        </r>
      </text>
    </comment>
    <comment ref="R22" authorId="0" shapeId="0" xr:uid="{F01989EC-E068-42D4-9778-C8D728E9CE2D}">
      <text>
        <r>
          <rPr>
            <b/>
            <sz val="9"/>
            <color indexed="81"/>
            <rFont val="MS P ゴシック"/>
            <family val="3"/>
            <charset val="128"/>
          </rPr>
          <t>資格確認運用レコード</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H19" authorId="0" shapeId="0" xr:uid="{D7BBE154-BE5E-4435-8977-515003218770}">
      <text>
        <r>
          <rPr>
            <b/>
            <sz val="9"/>
            <color indexed="81"/>
            <rFont val="MS P ゴシック"/>
            <family val="3"/>
            <charset val="128"/>
          </rPr>
          <t>レセプト管理レコード</t>
        </r>
        <r>
          <rPr>
            <sz val="9"/>
            <color indexed="81"/>
            <rFont val="MS P ゴシック"/>
            <family val="3"/>
            <charset val="128"/>
          </rPr>
          <t xml:space="preserve">
</t>
        </r>
      </text>
    </comment>
    <comment ref="K19" authorId="0" shapeId="0" xr:uid="{05D70E14-32AA-461D-83D3-8360A2E5ED39}">
      <text>
        <r>
          <rPr>
            <b/>
            <sz val="9"/>
            <color indexed="81"/>
            <rFont val="MS P ゴシック"/>
            <family val="3"/>
            <charset val="128"/>
          </rPr>
          <t>医療機関情報レコード</t>
        </r>
      </text>
    </comment>
    <comment ref="N19" authorId="0" shapeId="0" xr:uid="{583AE8FF-9334-47B2-9591-E2697903F98F}">
      <text>
        <r>
          <rPr>
            <b/>
            <sz val="9"/>
            <color indexed="81"/>
            <rFont val="MS P ゴシック"/>
            <family val="3"/>
            <charset val="128"/>
          </rPr>
          <t>レセプト共通レコード</t>
        </r>
      </text>
    </comment>
    <comment ref="Q19" authorId="0" shapeId="0" xr:uid="{D3795A68-C00F-4D98-854E-B4847E21019D}">
      <text>
        <r>
          <rPr>
            <b/>
            <sz val="9"/>
            <color indexed="81"/>
            <rFont val="MS P ゴシック"/>
            <family val="3"/>
            <charset val="128"/>
          </rPr>
          <t>保険者レコード</t>
        </r>
      </text>
    </comment>
    <comment ref="T19" authorId="0" shapeId="0" xr:uid="{0F94FE33-05DD-4320-B295-D2D32D97ED63}">
      <text>
        <r>
          <rPr>
            <b/>
            <sz val="9"/>
            <color indexed="81"/>
            <rFont val="ＭＳ Ｐゴシック"/>
            <family val="3"/>
            <charset val="128"/>
          </rPr>
          <t>公費レコード</t>
        </r>
      </text>
    </comment>
    <comment ref="H20" authorId="0" shapeId="0" xr:uid="{BFC4F0EC-2BD7-40A8-89E8-5F280FF29A67}">
      <text>
        <r>
          <rPr>
            <b/>
            <sz val="9"/>
            <color indexed="81"/>
            <rFont val="MS P ゴシック"/>
            <family val="3"/>
            <charset val="128"/>
          </rPr>
          <t>コメントレコード</t>
        </r>
      </text>
    </comment>
    <comment ref="K20" authorId="0" shapeId="0" xr:uid="{3AE59986-7FDC-4CD4-919F-882892E7023F}">
      <text>
        <r>
          <rPr>
            <b/>
            <sz val="9"/>
            <color indexed="81"/>
            <rFont val="MS P ゴシック"/>
            <family val="3"/>
            <charset val="128"/>
          </rPr>
          <t>症状群記レコード</t>
        </r>
      </text>
    </comment>
    <comment ref="N20" authorId="0" shapeId="0" xr:uid="{CA99E3AA-BFAD-42C7-A868-FA255F9D174A}">
      <text>
        <r>
          <rPr>
            <b/>
            <sz val="9"/>
            <color indexed="81"/>
            <rFont val="MS P ゴシック"/>
            <family val="3"/>
            <charset val="128"/>
          </rPr>
          <t>診断群分類レコード</t>
        </r>
      </text>
    </comment>
    <comment ref="Q20" authorId="0" shapeId="0" xr:uid="{9D487C6A-6F60-42D4-BA3C-1ED5CD7724F9}">
      <text>
        <r>
          <rPr>
            <b/>
            <sz val="9"/>
            <color indexed="81"/>
            <rFont val="MS P ゴシック"/>
            <family val="3"/>
            <charset val="128"/>
          </rPr>
          <t>傷病レコード</t>
        </r>
      </text>
    </comment>
    <comment ref="T20" authorId="0" shapeId="0" xr:uid="{E8054120-775D-4ACB-991D-39EF1F24CD70}">
      <text>
        <r>
          <rPr>
            <b/>
            <sz val="9"/>
            <color indexed="81"/>
            <rFont val="MS P ゴシック"/>
            <family val="3"/>
            <charset val="128"/>
          </rPr>
          <t>傷病名レコード</t>
        </r>
      </text>
    </comment>
    <comment ref="X20" authorId="0" shapeId="0" xr:uid="{3303B8FF-A752-4A20-A71F-7EF5F9EE26BA}">
      <text>
        <r>
          <rPr>
            <b/>
            <sz val="9"/>
            <color indexed="81"/>
            <rFont val="MS P ゴシック"/>
            <family val="3"/>
            <charset val="128"/>
          </rPr>
          <t>患者基礎レコード</t>
        </r>
      </text>
    </comment>
    <comment ref="AA20" authorId="0" shapeId="0" xr:uid="{30053398-A8C7-46F3-BD88-719796BC87A4}">
      <text>
        <r>
          <rPr>
            <b/>
            <sz val="9"/>
            <color indexed="81"/>
            <rFont val="MS P ゴシック"/>
            <family val="3"/>
            <charset val="128"/>
          </rPr>
          <t>診療関連レコード</t>
        </r>
      </text>
    </comment>
    <comment ref="H21" authorId="0" shapeId="0" xr:uid="{CBA2B19D-0204-4EA9-A751-217F422DD4EE}">
      <text>
        <r>
          <rPr>
            <b/>
            <sz val="9"/>
            <color indexed="81"/>
            <rFont val="MS P ゴシック"/>
            <family val="3"/>
            <charset val="128"/>
          </rPr>
          <t>外泊レコード</t>
        </r>
      </text>
    </comment>
    <comment ref="K21" authorId="0" shapeId="0" xr:uid="{5FF5D056-E2C0-4A77-B0E3-E38273D6309C}">
      <text>
        <r>
          <rPr>
            <b/>
            <sz val="9"/>
            <color indexed="81"/>
            <rFont val="MS P ゴシック"/>
            <family val="3"/>
            <charset val="128"/>
          </rPr>
          <t>包括評価レコード</t>
        </r>
      </text>
    </comment>
    <comment ref="N21" authorId="0" shapeId="0" xr:uid="{1C26D35C-6CDF-47F6-8FEB-45771A4255EE}">
      <text>
        <r>
          <rPr>
            <b/>
            <sz val="9"/>
            <color indexed="81"/>
            <rFont val="MS P ゴシック"/>
            <family val="3"/>
            <charset val="128"/>
          </rPr>
          <t>合計調整レコード</t>
        </r>
      </text>
    </comment>
    <comment ref="Q21" authorId="0" shapeId="0" xr:uid="{F9D080EC-A566-4D8A-97B7-5781EF98AA86}">
      <text>
        <r>
          <rPr>
            <b/>
            <sz val="9"/>
            <color indexed="81"/>
            <rFont val="MS P ゴシック"/>
            <family val="3"/>
            <charset val="128"/>
          </rPr>
          <t>診療行為レコード</t>
        </r>
      </text>
    </comment>
    <comment ref="T21" authorId="0" shapeId="0" xr:uid="{B4A8DB4A-8330-4212-B687-55751EC2AB49}">
      <text>
        <r>
          <rPr>
            <b/>
            <sz val="9"/>
            <color indexed="81"/>
            <rFont val="MS P ゴシック"/>
            <family val="3"/>
            <charset val="128"/>
          </rPr>
          <t>医薬品レコード</t>
        </r>
      </text>
    </comment>
    <comment ref="X21" authorId="0" shapeId="0" xr:uid="{C01EF8AC-C694-49C9-9358-95B0652A3E85}">
      <text>
        <r>
          <rPr>
            <b/>
            <sz val="9"/>
            <color indexed="81"/>
            <rFont val="MS P ゴシック"/>
            <family val="3"/>
            <charset val="128"/>
          </rPr>
          <t>特定器材レコード</t>
        </r>
      </text>
    </comment>
    <comment ref="AA21" authorId="0" shapeId="0" xr:uid="{8D846C36-18A2-43D4-8AB8-291A16BE6F48}">
      <text>
        <r>
          <rPr>
            <b/>
            <sz val="9"/>
            <color indexed="81"/>
            <rFont val="MS P ゴシック"/>
            <family val="3"/>
            <charset val="128"/>
          </rPr>
          <t>日計表レコード</t>
        </r>
      </text>
    </comment>
    <comment ref="H22" authorId="0" shapeId="0" xr:uid="{B2C7C9D8-A887-4756-B6A9-A4FC50DCE2EA}">
      <text>
        <r>
          <rPr>
            <b/>
            <sz val="9"/>
            <color indexed="81"/>
            <rFont val="MS P ゴシック"/>
            <family val="3"/>
            <charset val="128"/>
          </rPr>
          <t>臓器提供医療機関情報レコード</t>
        </r>
      </text>
    </comment>
    <comment ref="K22" authorId="0" shapeId="0" xr:uid="{C2F672F0-D97A-4FF5-BCC6-D05057B2F1B0}">
      <text>
        <r>
          <rPr>
            <b/>
            <sz val="9"/>
            <color indexed="81"/>
            <rFont val="MS P ゴシック"/>
            <family val="3"/>
            <charset val="128"/>
          </rPr>
          <t>臓器提供者レセプト情報レコード</t>
        </r>
      </text>
    </comment>
    <comment ref="N22" authorId="0" shapeId="0" xr:uid="{75148928-C596-4F32-B720-2194F3F3D4E3}">
      <text>
        <r>
          <rPr>
            <b/>
            <sz val="9"/>
            <color indexed="81"/>
            <rFont val="MS P ゴシック"/>
            <family val="3"/>
            <charset val="128"/>
          </rPr>
          <t>臓器提供者請求情報レコード</t>
        </r>
      </text>
    </comment>
    <comment ref="Q22" authorId="0" shapeId="0" xr:uid="{9A04B2FD-C30E-4D97-8545-F41BFB59CD0C}">
      <text>
        <r>
          <rPr>
            <b/>
            <sz val="9"/>
            <color indexed="81"/>
            <rFont val="MS P ゴシック"/>
            <family val="3"/>
            <charset val="128"/>
          </rPr>
          <t>コーディングレコード</t>
        </r>
      </text>
    </comment>
    <comment ref="T22" authorId="0" shapeId="0" xr:uid="{65A08BEC-B980-4C6D-85D1-359F5B4395CA}">
      <text>
        <r>
          <rPr>
            <b/>
            <sz val="9"/>
            <color indexed="81"/>
            <rFont val="MS P ゴシック"/>
            <family val="3"/>
            <charset val="128"/>
          </rPr>
          <t>包括評価対象外理由レコード</t>
        </r>
      </text>
    </comment>
    <comment ref="H23" authorId="0" shapeId="0" xr:uid="{F7F28006-F533-4CB4-8DA1-65B67175B03D}">
      <text>
        <r>
          <rPr>
            <b/>
            <sz val="9"/>
            <color indexed="81"/>
            <rFont val="MS P ゴシック"/>
            <family val="3"/>
            <charset val="128"/>
          </rPr>
          <t>資格確認レコード</t>
        </r>
      </text>
    </comment>
    <comment ref="K23" authorId="0" shapeId="0" xr:uid="{273B0CF3-AAC3-4670-8C4A-DD4107C7BF8A}">
      <text>
        <r>
          <rPr>
            <b/>
            <sz val="9"/>
            <color indexed="81"/>
            <rFont val="MS P ゴシック"/>
            <family val="3"/>
            <charset val="128"/>
          </rPr>
          <t>受信日等レコード</t>
        </r>
        <r>
          <rPr>
            <sz val="9"/>
            <color indexed="81"/>
            <rFont val="MS P ゴシック"/>
            <family val="3"/>
            <charset val="128"/>
          </rPr>
          <t xml:space="preserve">
</t>
        </r>
      </text>
    </comment>
    <comment ref="N23" authorId="0" shapeId="0" xr:uid="{FDB43AD9-F6F8-44C9-AC3A-CF16BC783BA4}">
      <text>
        <r>
          <rPr>
            <b/>
            <sz val="9"/>
            <color indexed="81"/>
            <rFont val="MS P ゴシック"/>
            <family val="3"/>
            <charset val="128"/>
          </rPr>
          <t>窓口負担額レコード</t>
        </r>
      </text>
    </comment>
    <comment ref="Q23" authorId="0" shapeId="0" xr:uid="{0B86748D-3891-4C60-98DC-CBEC5B45EB80}">
      <text>
        <r>
          <rPr>
            <b/>
            <sz val="9"/>
            <color indexed="81"/>
            <rFont val="MS P ゴシック"/>
            <family val="3"/>
            <charset val="128"/>
          </rPr>
          <t>資格確認運用レコード</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H19" authorId="0" shapeId="0" xr:uid="{050142C6-38AC-41ED-8C96-14981E6A4E79}">
      <text>
        <r>
          <rPr>
            <b/>
            <sz val="9"/>
            <color indexed="81"/>
            <rFont val="MS P ゴシック"/>
            <family val="3"/>
            <charset val="128"/>
          </rPr>
          <t>レセプト管理レコード</t>
        </r>
      </text>
    </comment>
    <comment ref="K19" authorId="0" shapeId="0" xr:uid="{2B7DDB50-8974-4DCA-B4D5-DD68E5B6CC4E}">
      <text>
        <r>
          <rPr>
            <b/>
            <sz val="9"/>
            <color indexed="81"/>
            <rFont val="MS P ゴシック"/>
            <family val="3"/>
            <charset val="128"/>
          </rPr>
          <t>医療機関情報レコード</t>
        </r>
      </text>
    </comment>
    <comment ref="N19" authorId="0" shapeId="0" xr:uid="{3645E352-E11B-4951-B754-C4B444FE744B}">
      <text>
        <r>
          <rPr>
            <b/>
            <sz val="9"/>
            <color indexed="81"/>
            <rFont val="MS P ゴシック"/>
            <family val="3"/>
            <charset val="128"/>
          </rPr>
          <t>レセプト共通レコード</t>
        </r>
      </text>
    </comment>
    <comment ref="Q19" authorId="0" shapeId="0" xr:uid="{BCB03E61-D871-45EF-8F5F-72A798582645}">
      <text>
        <r>
          <rPr>
            <b/>
            <sz val="9"/>
            <color indexed="81"/>
            <rFont val="MS P ゴシック"/>
            <family val="3"/>
            <charset val="128"/>
          </rPr>
          <t>保険者レコード</t>
        </r>
      </text>
    </comment>
    <comment ref="T19" authorId="0" shapeId="0" xr:uid="{E3D97365-17E2-49C8-BFFC-202AD5ADDAA5}">
      <text>
        <r>
          <rPr>
            <b/>
            <sz val="9"/>
            <color indexed="81"/>
            <rFont val="ＭＳ Ｐゴシック"/>
            <family val="3"/>
            <charset val="128"/>
          </rPr>
          <t>公費レコード</t>
        </r>
      </text>
    </comment>
    <comment ref="H20" authorId="0" shapeId="0" xr:uid="{46705108-2DC6-4B81-84AE-6D94B0BF440C}">
      <text>
        <r>
          <rPr>
            <b/>
            <sz val="9"/>
            <color indexed="81"/>
            <rFont val="MS P ゴシック"/>
            <family val="3"/>
            <charset val="128"/>
          </rPr>
          <t>傷病名部位レコード</t>
        </r>
      </text>
    </comment>
    <comment ref="K20" authorId="0" shapeId="0" xr:uid="{0D1F052F-D0DE-4103-820F-9A0FB70B4520}">
      <text>
        <r>
          <rPr>
            <b/>
            <sz val="9"/>
            <color indexed="81"/>
            <rFont val="MS P ゴシック"/>
            <family val="3"/>
            <charset val="128"/>
          </rPr>
          <t>歯科診療行為レコード</t>
        </r>
      </text>
    </comment>
    <comment ref="N20" authorId="0" shapeId="0" xr:uid="{07717C9D-3D99-43C6-BB01-44251B56A0A1}">
      <text>
        <r>
          <rPr>
            <b/>
            <sz val="9"/>
            <color indexed="81"/>
            <rFont val="MS P ゴシック"/>
            <family val="3"/>
            <charset val="128"/>
          </rPr>
          <t>診療行為レコード</t>
        </r>
      </text>
    </comment>
    <comment ref="Q20" authorId="0" shapeId="0" xr:uid="{2F152030-8FCD-45BF-A90E-9D2AE2A6D314}">
      <text>
        <r>
          <rPr>
            <b/>
            <sz val="9"/>
            <color indexed="81"/>
            <rFont val="MS P ゴシック"/>
            <family val="3"/>
            <charset val="128"/>
          </rPr>
          <t>医薬品レコード</t>
        </r>
      </text>
    </comment>
    <comment ref="T20" authorId="0" shapeId="0" xr:uid="{39EAABB9-80E0-4304-8B45-044DA3403942}">
      <text>
        <r>
          <rPr>
            <b/>
            <sz val="9"/>
            <color indexed="81"/>
            <rFont val="MS P ゴシック"/>
            <family val="3"/>
            <charset val="128"/>
          </rPr>
          <t>特定器材レコード</t>
        </r>
      </text>
    </comment>
    <comment ref="X20" authorId="0" shapeId="0" xr:uid="{F5498000-11F6-47C7-BE07-B5A2EA5261DB}">
      <text>
        <r>
          <rPr>
            <b/>
            <sz val="9"/>
            <color indexed="81"/>
            <rFont val="MS P ゴシック"/>
            <family val="3"/>
            <charset val="128"/>
          </rPr>
          <t>コメントレコード</t>
        </r>
      </text>
    </comment>
    <comment ref="H21" authorId="0" shapeId="0" xr:uid="{89451CDC-E148-4C3C-94BE-0277D0EBCA1B}">
      <text>
        <r>
          <rPr>
            <b/>
            <sz val="9"/>
            <color indexed="81"/>
            <rFont val="MS P ゴシック"/>
            <family val="3"/>
            <charset val="128"/>
          </rPr>
          <t>日計表レコード</t>
        </r>
      </text>
    </comment>
    <comment ref="K21" authorId="0" shapeId="0" xr:uid="{0ADE3408-A073-478A-B168-B04E46C5DF84}">
      <text>
        <r>
          <rPr>
            <b/>
            <sz val="9"/>
            <color indexed="81"/>
            <rFont val="MS P ゴシック"/>
            <family val="3"/>
            <charset val="128"/>
          </rPr>
          <t>症状群記レコード</t>
        </r>
      </text>
    </comment>
    <comment ref="N21" authorId="0" shapeId="0" xr:uid="{C829F473-5207-41B1-A22B-3AC4ED50E586}">
      <text>
        <r>
          <rPr>
            <b/>
            <sz val="9"/>
            <color indexed="81"/>
            <rFont val="MS P ゴシック"/>
            <family val="3"/>
            <charset val="128"/>
          </rPr>
          <t>資格確認レコード</t>
        </r>
      </text>
    </comment>
    <comment ref="Q21" authorId="0" shapeId="0" xr:uid="{A3DD7F90-E708-4D7D-87E6-AAE3D617D3C5}">
      <text>
        <r>
          <rPr>
            <b/>
            <sz val="9"/>
            <color indexed="81"/>
            <rFont val="MS P ゴシック"/>
            <family val="3"/>
            <charset val="128"/>
          </rPr>
          <t>受信日等レコード</t>
        </r>
      </text>
    </comment>
    <comment ref="V21" authorId="0" shapeId="0" xr:uid="{FDE58A59-1408-4A42-954F-B8E9A04A197B}">
      <text>
        <r>
          <rPr>
            <b/>
            <sz val="9"/>
            <color indexed="81"/>
            <rFont val="MS P ゴシック"/>
            <family val="3"/>
            <charset val="128"/>
          </rPr>
          <t>窓口負担額レコード</t>
        </r>
      </text>
    </comment>
    <comment ref="I22" authorId="0" shapeId="0" xr:uid="{EE0EF9F5-818C-4089-9FE6-3DE2B2585E26}">
      <text>
        <r>
          <rPr>
            <b/>
            <sz val="9"/>
            <color indexed="81"/>
            <rFont val="MS P ゴシック"/>
            <family val="3"/>
            <charset val="128"/>
          </rPr>
          <t>資格確認運用レコード</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H19" authorId="0" shapeId="0" xr:uid="{1DFA86CD-FF2B-4CB3-AC5F-6FCB4069394B}">
      <text>
        <r>
          <rPr>
            <b/>
            <sz val="9"/>
            <color indexed="81"/>
            <rFont val="MS P ゴシック"/>
            <family val="3"/>
            <charset val="128"/>
          </rPr>
          <t>レセプト管理レコード</t>
        </r>
        <r>
          <rPr>
            <sz val="9"/>
            <color indexed="81"/>
            <rFont val="MS P ゴシック"/>
            <family val="3"/>
            <charset val="128"/>
          </rPr>
          <t xml:space="preserve">
</t>
        </r>
      </text>
    </comment>
    <comment ref="K19" authorId="0" shapeId="0" xr:uid="{4BB98FBC-E0BA-4E95-B35D-0EFF89B89797}">
      <text>
        <r>
          <rPr>
            <b/>
            <sz val="9"/>
            <color indexed="81"/>
            <rFont val="MS P ゴシック"/>
            <family val="3"/>
            <charset val="128"/>
          </rPr>
          <t>薬局情報レコード</t>
        </r>
      </text>
    </comment>
    <comment ref="N19" authorId="0" shapeId="0" xr:uid="{7A9CE069-B4F2-4BF9-8FE5-E39BC610CFE6}">
      <text>
        <r>
          <rPr>
            <b/>
            <sz val="9"/>
            <color indexed="81"/>
            <rFont val="MS P ゴシック"/>
            <family val="3"/>
            <charset val="128"/>
          </rPr>
          <t>レセプト共通レコード</t>
        </r>
      </text>
    </comment>
    <comment ref="Q19" authorId="0" shapeId="0" xr:uid="{86A42B48-DA5B-4C8E-A365-CE4161A1FB9D}">
      <text>
        <r>
          <rPr>
            <b/>
            <sz val="9"/>
            <color indexed="81"/>
            <rFont val="MS P ゴシック"/>
            <family val="3"/>
            <charset val="128"/>
          </rPr>
          <t>保険者レコード</t>
        </r>
      </text>
    </comment>
    <comment ref="T19" authorId="0" shapeId="0" xr:uid="{1C586513-3B9E-45BA-B731-41F9E2A0B915}">
      <text>
        <r>
          <rPr>
            <b/>
            <sz val="9"/>
            <color indexed="81"/>
            <rFont val="ＭＳ Ｐゴシック"/>
            <family val="3"/>
            <charset val="128"/>
          </rPr>
          <t>公費レコード</t>
        </r>
      </text>
    </comment>
    <comment ref="H20" authorId="0" shapeId="0" xr:uid="{8C5104F8-B128-474E-B03F-FB5B5044DA0D}">
      <text>
        <r>
          <rPr>
            <b/>
            <sz val="9"/>
            <color indexed="81"/>
            <rFont val="MS P ゴシック"/>
            <family val="3"/>
            <charset val="128"/>
          </rPr>
          <t>処方基本レコード</t>
        </r>
      </text>
    </comment>
    <comment ref="K20" authorId="0" shapeId="0" xr:uid="{A492CBB1-F09C-4F37-B392-2DCE61190A2B}">
      <text>
        <r>
          <rPr>
            <b/>
            <sz val="9"/>
            <color indexed="81"/>
            <rFont val="MS P ゴシック"/>
            <family val="3"/>
            <charset val="128"/>
          </rPr>
          <t>調剤情報レコード</t>
        </r>
      </text>
    </comment>
    <comment ref="N20" authorId="0" shapeId="0" xr:uid="{D5DF45BB-FD40-4A2C-9902-2249989DAAF6}">
      <text>
        <r>
          <rPr>
            <b/>
            <sz val="9"/>
            <color indexed="81"/>
            <rFont val="MS P ゴシック"/>
            <family val="3"/>
            <charset val="128"/>
          </rPr>
          <t>医薬品レコード</t>
        </r>
      </text>
    </comment>
    <comment ref="Q20" authorId="0" shapeId="0" xr:uid="{9B51CD2D-E8FB-4CDC-8C4D-4ACD0B1171F7}">
      <text>
        <r>
          <rPr>
            <b/>
            <sz val="9"/>
            <color indexed="81"/>
            <rFont val="MS P ゴシック"/>
            <family val="3"/>
            <charset val="128"/>
          </rPr>
          <t>特定器材レコード</t>
        </r>
      </text>
    </comment>
    <comment ref="T20" authorId="0" shapeId="0" xr:uid="{4DA304A0-77A0-4C79-8895-C54CA3D67980}">
      <text>
        <r>
          <rPr>
            <b/>
            <sz val="9"/>
            <color indexed="81"/>
            <rFont val="MS P ゴシック"/>
            <family val="3"/>
            <charset val="128"/>
          </rPr>
          <t>コメントレコード</t>
        </r>
      </text>
    </comment>
    <comment ref="X20" authorId="0" shapeId="0" xr:uid="{4C95142F-096C-4D96-AD3E-D5FEF88555E8}">
      <text>
        <r>
          <rPr>
            <b/>
            <sz val="9"/>
            <color indexed="81"/>
            <rFont val="MS P ゴシック"/>
            <family val="3"/>
            <charset val="128"/>
          </rPr>
          <t>摘要欄レコード</t>
        </r>
      </text>
    </comment>
    <comment ref="H21" authorId="0" shapeId="0" xr:uid="{4DA99601-8111-41C6-9F3B-FBF2742B8055}">
      <text>
        <r>
          <rPr>
            <b/>
            <sz val="9"/>
            <color indexed="81"/>
            <rFont val="MS P ゴシック"/>
            <family val="3"/>
            <charset val="128"/>
          </rPr>
          <t>基本料・薬学管理料レコード</t>
        </r>
      </text>
    </comment>
    <comment ref="K21" authorId="0" shapeId="0" xr:uid="{0CBF0D6E-133A-4DE7-AF65-1844807D313D}">
      <text>
        <r>
          <rPr>
            <b/>
            <sz val="9"/>
            <color indexed="81"/>
            <rFont val="MS P ゴシック"/>
            <family val="3"/>
            <charset val="128"/>
          </rPr>
          <t>分割技術料レコード</t>
        </r>
      </text>
    </comment>
    <comment ref="O21" authorId="0" shapeId="0" xr:uid="{EE48A5C0-4203-4C21-BEBA-A3DCE491139C}">
      <text>
        <r>
          <rPr>
            <b/>
            <sz val="9"/>
            <color indexed="81"/>
            <rFont val="MS P ゴシック"/>
            <family val="3"/>
            <charset val="128"/>
          </rPr>
          <t>資格確認レコード</t>
        </r>
        <r>
          <rPr>
            <sz val="9"/>
            <color indexed="81"/>
            <rFont val="MS P ゴシック"/>
            <family val="3"/>
            <charset val="128"/>
          </rPr>
          <t xml:space="preserve">
</t>
        </r>
      </text>
    </comment>
    <comment ref="R21" authorId="0" shapeId="0" xr:uid="{1C761AF0-A742-4486-849A-119B964C1F98}">
      <text>
        <r>
          <rPr>
            <b/>
            <sz val="9"/>
            <color indexed="81"/>
            <rFont val="MS P ゴシック"/>
            <family val="3"/>
            <charset val="128"/>
          </rPr>
          <t>受信日等レコード</t>
        </r>
      </text>
    </comment>
    <comment ref="V21" authorId="0" shapeId="0" xr:uid="{B1D40E75-31B7-4C39-B9DA-50A8B66551A4}">
      <text>
        <r>
          <rPr>
            <b/>
            <sz val="9"/>
            <color indexed="81"/>
            <rFont val="MS P ゴシック"/>
            <family val="3"/>
            <charset val="128"/>
          </rPr>
          <t>窓口負担額レコード</t>
        </r>
        <r>
          <rPr>
            <sz val="9"/>
            <color indexed="81"/>
            <rFont val="MS P ゴシック"/>
            <family val="3"/>
            <charset val="128"/>
          </rPr>
          <t xml:space="preserve">
</t>
        </r>
      </text>
    </comment>
    <comment ref="I22" authorId="0" shapeId="0" xr:uid="{21D89E9F-8303-4661-81BB-00DB803336DF}">
      <text>
        <r>
          <rPr>
            <b/>
            <sz val="9"/>
            <color indexed="81"/>
            <rFont val="MS P ゴシック"/>
            <family val="3"/>
            <charset val="128"/>
          </rPr>
          <t>資格確認運用レコード</t>
        </r>
        <r>
          <rPr>
            <sz val="9"/>
            <color indexed="81"/>
            <rFont val="MS P ゴシック"/>
            <family val="3"/>
            <charset val="128"/>
          </rPr>
          <t xml:space="preserve">
</t>
        </r>
      </text>
    </comment>
  </commentList>
</comments>
</file>

<file path=xl/sharedStrings.xml><?xml version="1.0" encoding="utf-8"?>
<sst xmlns="http://schemas.openxmlformats.org/spreadsheetml/2006/main" count="19169" uniqueCount="3055">
  <si>
    <t>NDBデータの提供依頼について（抽出）</t>
    <rPh sb="7" eb="9">
      <t>テイキョウ</t>
    </rPh>
    <rPh sb="9" eb="11">
      <t>イライ</t>
    </rPh>
    <rPh sb="16" eb="18">
      <t>チュウシュツ</t>
    </rPh>
    <phoneticPr fontId="24"/>
  </si>
  <si>
    <t>本紙は第三者提供ＨＰの「申出依頼テンプレートの注意点」を一部抜粋・編集したものです。資料全体は下記ＵＲＬよりご確認ください。</t>
    <rPh sb="0" eb="2">
      <t>ホンシ</t>
    </rPh>
    <rPh sb="3" eb="6">
      <t>ダイサンシャ</t>
    </rPh>
    <rPh sb="28" eb="30">
      <t>イチブ</t>
    </rPh>
    <rPh sb="30" eb="32">
      <t>バッスイ</t>
    </rPh>
    <rPh sb="33" eb="35">
      <t>ヘンシュウ</t>
    </rPh>
    <rPh sb="42" eb="44">
      <t>シリョウ</t>
    </rPh>
    <rPh sb="44" eb="46">
      <t>ゼンタイ</t>
    </rPh>
    <rPh sb="47" eb="49">
      <t>カキ</t>
    </rPh>
    <rPh sb="55" eb="57">
      <t>カクニン</t>
    </rPh>
    <phoneticPr fontId="24"/>
  </si>
  <si>
    <t>https://www.mhlw.go.jp/stf/seisakunitsuite/bunya/kenkou_iryou/iryouhoken/reseputo/index.html</t>
    <phoneticPr fontId="24"/>
  </si>
  <si>
    <t>目次</t>
    <rPh sb="0" eb="2">
      <t>モクジ</t>
    </rPh>
    <phoneticPr fontId="24"/>
  </si>
  <si>
    <t>1．提供形式</t>
    <rPh sb="2" eb="4">
      <t>テイキョウ</t>
    </rPh>
    <rPh sb="4" eb="6">
      <t>ケイシキ</t>
    </rPh>
    <phoneticPr fontId="24"/>
  </si>
  <si>
    <t>2．基本条件の設定</t>
    <rPh sb="2" eb="4">
      <t>キホン</t>
    </rPh>
    <rPh sb="4" eb="6">
      <t>ジョウケン</t>
    </rPh>
    <rPh sb="7" eb="9">
      <t>セッテイ</t>
    </rPh>
    <phoneticPr fontId="24"/>
  </si>
  <si>
    <t>3．二段階抽出について</t>
    <rPh sb="2" eb="5">
      <t>ニダンカイ</t>
    </rPh>
    <rPh sb="5" eb="7">
      <t>チュウシュツ</t>
    </rPh>
    <phoneticPr fontId="24"/>
  </si>
  <si>
    <t>4．必要項目の選択</t>
    <rPh sb="2" eb="4">
      <t>ヒツヨウ</t>
    </rPh>
    <rPh sb="4" eb="6">
      <t>コウモク</t>
    </rPh>
    <rPh sb="7" eb="9">
      <t>センタク</t>
    </rPh>
    <phoneticPr fontId="24"/>
  </si>
  <si>
    <t>5．項目仕様（抽出・絞り込み・ブロック抽出・匿名化・加工）について</t>
    <rPh sb="2" eb="4">
      <t>コウモク</t>
    </rPh>
    <rPh sb="4" eb="6">
      <t>シヨウ</t>
    </rPh>
    <rPh sb="7" eb="9">
      <t>チュウシュツ</t>
    </rPh>
    <rPh sb="10" eb="11">
      <t>シボ</t>
    </rPh>
    <rPh sb="12" eb="13">
      <t>コ</t>
    </rPh>
    <rPh sb="22" eb="24">
      <t>トクメイ</t>
    </rPh>
    <rPh sb="24" eb="25">
      <t>カ</t>
    </rPh>
    <rPh sb="26" eb="28">
      <t>カコウ</t>
    </rPh>
    <phoneticPr fontId="24"/>
  </si>
  <si>
    <t>6．目的別ＤＢについて</t>
    <rPh sb="2" eb="4">
      <t>モクテキ</t>
    </rPh>
    <rPh sb="4" eb="5">
      <t>ベツ</t>
    </rPh>
    <phoneticPr fontId="24"/>
  </si>
  <si>
    <t>7．注意事項</t>
    <rPh sb="2" eb="4">
      <t>チュウイ</t>
    </rPh>
    <rPh sb="4" eb="6">
      <t>ジコウ</t>
    </rPh>
    <phoneticPr fontId="24"/>
  </si>
  <si>
    <t>・NＤＢで追加している項目について</t>
    <rPh sb="5" eb="7">
      <t>ツイカ</t>
    </rPh>
    <rPh sb="11" eb="13">
      <t>コウモク</t>
    </rPh>
    <phoneticPr fontId="24"/>
  </si>
  <si>
    <t>・診療識別コードについて</t>
    <rPh sb="1" eb="3">
      <t>シンリョウ</t>
    </rPh>
    <rPh sb="3" eb="5">
      <t>シキベツ</t>
    </rPh>
    <phoneticPr fontId="24"/>
  </si>
  <si>
    <t>・一連の行為について</t>
    <rPh sb="1" eb="3">
      <t>イチレン</t>
    </rPh>
    <rPh sb="4" eb="6">
      <t>コウイ</t>
    </rPh>
    <phoneticPr fontId="24"/>
  </si>
  <si>
    <t>・ブロック抽出について</t>
    <rPh sb="5" eb="7">
      <t>チュウシュツ</t>
    </rPh>
    <phoneticPr fontId="24"/>
  </si>
  <si>
    <t>・傷病コード（ＳＹレコード）の、疑い病名を判別する為のフラグが必要か　</t>
    <rPh sb="16" eb="17">
      <t>ウタガ</t>
    </rPh>
    <rPh sb="18" eb="20">
      <t>ビョウメイ</t>
    </rPh>
    <rPh sb="21" eb="23">
      <t>ハンベツ</t>
    </rPh>
    <rPh sb="25" eb="26">
      <t>タメ</t>
    </rPh>
    <rPh sb="31" eb="33">
      <t>ヒツヨウ</t>
    </rPh>
    <phoneticPr fontId="24"/>
  </si>
  <si>
    <t>・傷病コード（ＳＹレコード）の、「診療開始日」は必要か</t>
    <rPh sb="17" eb="19">
      <t>シンリョウ</t>
    </rPh>
    <rPh sb="19" eb="22">
      <t>カイシビ</t>
    </rPh>
    <rPh sb="24" eb="26">
      <t>ヒツヨウ</t>
    </rPh>
    <phoneticPr fontId="24"/>
  </si>
  <si>
    <t>・入院、外来の区別は必要か</t>
    <rPh sb="1" eb="3">
      <t>ニュウイン</t>
    </rPh>
    <rPh sb="4" eb="6">
      <t>ガイライ</t>
    </rPh>
    <rPh sb="7" eb="9">
      <t>クベツ</t>
    </rPh>
    <rPh sb="10" eb="12">
      <t>ヒツヨウ</t>
    </rPh>
    <phoneticPr fontId="24"/>
  </si>
  <si>
    <t>・ＤＰＣを抽出対象とする場合の注意</t>
    <rPh sb="5" eb="7">
      <t>チュウシュツ</t>
    </rPh>
    <rPh sb="7" eb="9">
      <t>タイショウ</t>
    </rPh>
    <rPh sb="12" eb="14">
      <t>バアイ</t>
    </rPh>
    <rPh sb="15" eb="17">
      <t>チュウイ</t>
    </rPh>
    <phoneticPr fontId="24"/>
  </si>
  <si>
    <t>・摘要レコードの点数項目を使用する場合の注意</t>
    <rPh sb="1" eb="3">
      <t>テキヨウ</t>
    </rPh>
    <rPh sb="8" eb="10">
      <t>テンスウ</t>
    </rPh>
    <rPh sb="10" eb="12">
      <t>コウモク</t>
    </rPh>
    <rPh sb="13" eb="15">
      <t>シヨウ</t>
    </rPh>
    <rPh sb="17" eb="19">
      <t>バアイ</t>
    </rPh>
    <rPh sb="20" eb="22">
      <t>チュウイ</t>
    </rPh>
    <phoneticPr fontId="24"/>
  </si>
  <si>
    <t>・特定健診・保健指導を抽出対象とする場合の注意</t>
    <rPh sb="1" eb="3">
      <t>トクテイ</t>
    </rPh>
    <rPh sb="3" eb="5">
      <t>ケンシン</t>
    </rPh>
    <rPh sb="6" eb="8">
      <t>ホケン</t>
    </rPh>
    <rPh sb="8" eb="10">
      <t>シドウ</t>
    </rPh>
    <rPh sb="11" eb="13">
      <t>チュウシュツ</t>
    </rPh>
    <rPh sb="13" eb="15">
      <t>タイショウ</t>
    </rPh>
    <rPh sb="18" eb="20">
      <t>バアイ</t>
    </rPh>
    <rPh sb="21" eb="23">
      <t>チュウイ</t>
    </rPh>
    <phoneticPr fontId="24"/>
  </si>
  <si>
    <t>・小数点項目の出力について</t>
    <rPh sb="1" eb="4">
      <t>ショウスウテン</t>
    </rPh>
    <rPh sb="4" eb="6">
      <t>コウモク</t>
    </rPh>
    <rPh sb="7" eb="9">
      <t>シュツリョク</t>
    </rPh>
    <phoneticPr fontId="24"/>
  </si>
  <si>
    <t>・患者ＩＤ１の注意</t>
    <rPh sb="1" eb="3">
      <t>カンジャ</t>
    </rPh>
    <rPh sb="7" eb="9">
      <t>チュウイ</t>
    </rPh>
    <phoneticPr fontId="24"/>
  </si>
  <si>
    <t>・使用するマスターについて</t>
    <rPh sb="1" eb="3">
      <t>シヨウ</t>
    </rPh>
    <phoneticPr fontId="24"/>
  </si>
  <si>
    <t>8．その他</t>
    <rPh sb="4" eb="5">
      <t>タ</t>
    </rPh>
    <phoneticPr fontId="24"/>
  </si>
  <si>
    <t>　　1．提供形式</t>
    <rPh sb="4" eb="6">
      <t>テイキョウ</t>
    </rPh>
    <rPh sb="6" eb="8">
      <t>ケイシキ</t>
    </rPh>
    <phoneticPr fontId="24"/>
  </si>
  <si>
    <t>提供するデータは、点数表、レコード識別ごとにフォルダ分けされ、診療年月ごとのファイルで提供となります。</t>
    <rPh sb="0" eb="2">
      <t>テイキョウ</t>
    </rPh>
    <rPh sb="9" eb="11">
      <t>テンスウ</t>
    </rPh>
    <rPh sb="11" eb="12">
      <t>ヒョウ</t>
    </rPh>
    <rPh sb="17" eb="19">
      <t>シキベツ</t>
    </rPh>
    <rPh sb="26" eb="27">
      <t>ワ</t>
    </rPh>
    <rPh sb="31" eb="35">
      <t>シンリョウネンゲツ</t>
    </rPh>
    <rPh sb="43" eb="45">
      <t>テイキョウ</t>
    </rPh>
    <phoneticPr fontId="24"/>
  </si>
  <si>
    <t>①容量単位での分割</t>
    <rPh sb="1" eb="3">
      <t>ヨウリョウ</t>
    </rPh>
    <rPh sb="3" eb="5">
      <t>タンイ</t>
    </rPh>
    <rPh sb="7" eb="9">
      <t>ブンカツ</t>
    </rPh>
    <phoneticPr fontId="24"/>
  </si>
  <si>
    <t>約2ＧＢ単位にファイルを分割して提供します。</t>
    <rPh sb="0" eb="1">
      <t>ヤク</t>
    </rPh>
    <rPh sb="4" eb="6">
      <t>タンイ</t>
    </rPh>
    <rPh sb="12" eb="14">
      <t>ブンカツ</t>
    </rPh>
    <rPh sb="16" eb="18">
      <t>テイキョウ</t>
    </rPh>
    <phoneticPr fontId="24"/>
  </si>
  <si>
    <t>ファイルを容量で分割する為、1レセプトのデータが複数ファイルにまたがる場合があります。</t>
    <rPh sb="5" eb="7">
      <t>ヨウリョウ</t>
    </rPh>
    <rPh sb="8" eb="10">
      <t>ブンカツ</t>
    </rPh>
    <rPh sb="24" eb="26">
      <t>フクスウ</t>
    </rPh>
    <rPh sb="35" eb="37">
      <t>バアイ</t>
    </rPh>
    <phoneticPr fontId="24"/>
  </si>
  <si>
    <t>②分割無しでの提供</t>
    <rPh sb="1" eb="3">
      <t>ブンカツ</t>
    </rPh>
    <rPh sb="3" eb="4">
      <t>ナ</t>
    </rPh>
    <rPh sb="7" eb="9">
      <t>テイキョウ</t>
    </rPh>
    <phoneticPr fontId="24"/>
  </si>
  <si>
    <t>レセプト種類のファイルを分割せずにそのままお渡しします。</t>
    <rPh sb="4" eb="6">
      <t>シュルイ</t>
    </rPh>
    <rPh sb="12" eb="14">
      <t>ブンカツ</t>
    </rPh>
    <rPh sb="22" eb="23">
      <t>ワタ</t>
    </rPh>
    <phoneticPr fontId="24"/>
  </si>
  <si>
    <t>分割が行われない為、1ファイルの容量が大きいケースがあります。（数百ＧＢのケースもあります。）</t>
    <rPh sb="0" eb="2">
      <t>ブンカツ</t>
    </rPh>
    <rPh sb="3" eb="4">
      <t>オコナ</t>
    </rPh>
    <rPh sb="8" eb="9">
      <t>タメ</t>
    </rPh>
    <rPh sb="16" eb="18">
      <t>ヨウリョウ</t>
    </rPh>
    <rPh sb="19" eb="20">
      <t>オオ</t>
    </rPh>
    <rPh sb="32" eb="34">
      <t>スウヒャク</t>
    </rPh>
    <phoneticPr fontId="24"/>
  </si>
  <si>
    <t>※提供形式は、種類単位での選択ではなく依頼ごとに固定です。</t>
    <rPh sb="1" eb="3">
      <t>テイキョウ</t>
    </rPh>
    <rPh sb="3" eb="5">
      <t>ケイシキ</t>
    </rPh>
    <rPh sb="7" eb="9">
      <t>シュルイ</t>
    </rPh>
    <rPh sb="9" eb="11">
      <t>タンイ</t>
    </rPh>
    <rPh sb="13" eb="15">
      <t>センタク</t>
    </rPh>
    <rPh sb="19" eb="21">
      <t>イライ</t>
    </rPh>
    <rPh sb="24" eb="26">
      <t>コテイ</t>
    </rPh>
    <phoneticPr fontId="24"/>
  </si>
  <si>
    <t>　 複数指定されていた場合は、先頭シートの選択を有効とさせていただきます。</t>
    <rPh sb="2" eb="4">
      <t>フクスウ</t>
    </rPh>
    <rPh sb="4" eb="6">
      <t>シテイ</t>
    </rPh>
    <rPh sb="11" eb="13">
      <t>バアイ</t>
    </rPh>
    <rPh sb="15" eb="17">
      <t>セントウ</t>
    </rPh>
    <rPh sb="21" eb="23">
      <t>センタク</t>
    </rPh>
    <rPh sb="24" eb="26">
      <t>ユウコウ</t>
    </rPh>
    <phoneticPr fontId="24"/>
  </si>
  <si>
    <t>　　2．基本条件の設定</t>
    <rPh sb="4" eb="6">
      <t>キホン</t>
    </rPh>
    <rPh sb="6" eb="8">
      <t>ジョウケン</t>
    </rPh>
    <rPh sb="9" eb="11">
      <t>セッテイ</t>
    </rPh>
    <phoneticPr fontId="24"/>
  </si>
  <si>
    <t>各レセプトフォーマットの1Ｐ目にある、提供形式、抽出期間及び名寄せの有無を選択してください。</t>
    <rPh sb="0" eb="1">
      <t>カク</t>
    </rPh>
    <rPh sb="14" eb="15">
      <t>メ</t>
    </rPh>
    <rPh sb="19" eb="21">
      <t>テイキョウ</t>
    </rPh>
    <rPh sb="21" eb="23">
      <t>ケイシキ</t>
    </rPh>
    <rPh sb="24" eb="26">
      <t>チュウシュツ</t>
    </rPh>
    <rPh sb="26" eb="28">
      <t>キカン</t>
    </rPh>
    <rPh sb="28" eb="29">
      <t>オヨ</t>
    </rPh>
    <rPh sb="30" eb="32">
      <t>ナヨ</t>
    </rPh>
    <rPh sb="34" eb="36">
      <t>ウム</t>
    </rPh>
    <rPh sb="37" eb="39">
      <t>センタク</t>
    </rPh>
    <phoneticPr fontId="24"/>
  </si>
  <si>
    <t>抽出期間：</t>
    <rPh sb="0" eb="2">
      <t>チュウシュツ</t>
    </rPh>
    <rPh sb="2" eb="4">
      <t>キカン</t>
    </rPh>
    <phoneticPr fontId="24"/>
  </si>
  <si>
    <t>　　</t>
  </si>
  <si>
    <r>
      <t>審査月の単位、診療月の単位のいずれで抽出するか選択してください。</t>
    </r>
    <r>
      <rPr>
        <sz val="11"/>
        <color rgb="FFFF0000"/>
        <rFont val="ＭＳ Ｐゴシック"/>
        <family val="3"/>
        <charset val="128"/>
        <scheme val="minor"/>
      </rPr>
      <t>（指定の無い場合は診療月とします）</t>
    </r>
    <rPh sb="0" eb="2">
      <t>シンサ</t>
    </rPh>
    <rPh sb="2" eb="3">
      <t>ツキ</t>
    </rPh>
    <rPh sb="4" eb="6">
      <t>タンイ</t>
    </rPh>
    <rPh sb="7" eb="9">
      <t>シンリョウ</t>
    </rPh>
    <rPh sb="9" eb="10">
      <t>ツキ</t>
    </rPh>
    <rPh sb="11" eb="13">
      <t>タンイ</t>
    </rPh>
    <rPh sb="18" eb="20">
      <t>チュウシュツ</t>
    </rPh>
    <phoneticPr fontId="24"/>
  </si>
  <si>
    <t>※特定健診・保健指導は、年度、受診月で選択します。</t>
    <rPh sb="1" eb="3">
      <t>トクテイ</t>
    </rPh>
    <rPh sb="3" eb="5">
      <t>ケンシン</t>
    </rPh>
    <rPh sb="6" eb="8">
      <t>ホケン</t>
    </rPh>
    <rPh sb="8" eb="10">
      <t>シドウ</t>
    </rPh>
    <rPh sb="12" eb="14">
      <t>ネンド</t>
    </rPh>
    <rPh sb="15" eb="17">
      <t>ジュシン</t>
    </rPh>
    <rPh sb="17" eb="18">
      <t>ツキ</t>
    </rPh>
    <rPh sb="19" eb="21">
      <t>センタク</t>
    </rPh>
    <phoneticPr fontId="24"/>
  </si>
  <si>
    <t>名寄せ：</t>
    <rPh sb="0" eb="2">
      <t>ナヨ</t>
    </rPh>
    <phoneticPr fontId="24"/>
  </si>
  <si>
    <t>一つのレセプト種類で抽出した患者ＩＤを元に、他のレセプトを抽出する場合に利用します。</t>
  </si>
  <si>
    <t>　</t>
  </si>
  <si>
    <t>名寄せのキーは、患者ＩＤ１、患者ＩＤ２の2種類があります。</t>
    <rPh sb="0" eb="2">
      <t>ナヨ</t>
    </rPh>
    <rPh sb="8" eb="10">
      <t>カンジャ</t>
    </rPh>
    <rPh sb="14" eb="16">
      <t>カンジャ</t>
    </rPh>
    <rPh sb="21" eb="23">
      <t>シュルイ</t>
    </rPh>
    <phoneticPr fontId="24"/>
  </si>
  <si>
    <t>名寄せする場合は、どちらか、もしくは両方を選択してください。</t>
    <rPh sb="0" eb="2">
      <t>ナヨ</t>
    </rPh>
    <rPh sb="5" eb="7">
      <t>バアイ</t>
    </rPh>
    <rPh sb="18" eb="20">
      <t>リョウホウ</t>
    </rPh>
    <rPh sb="21" eb="23">
      <t>センタク</t>
    </rPh>
    <phoneticPr fontId="24"/>
  </si>
  <si>
    <t>患者ＩＤ以外も名寄せの条件にしたい場合は、その他・コメント等（フリー記入欄）に記入してください。</t>
    <rPh sb="0" eb="2">
      <t>カンジャ</t>
    </rPh>
    <rPh sb="4" eb="6">
      <t>イガイ</t>
    </rPh>
    <rPh sb="7" eb="9">
      <t>ナヨ</t>
    </rPh>
    <rPh sb="11" eb="13">
      <t>ジョウケン</t>
    </rPh>
    <rPh sb="17" eb="19">
      <t>バアイ</t>
    </rPh>
    <rPh sb="39" eb="41">
      <t>キニュウ</t>
    </rPh>
    <phoneticPr fontId="24"/>
  </si>
  <si>
    <t>名寄せを「する」と記入されている、レセプト種類を軸に、名寄せ先のデータを抽出します。</t>
    <rPh sb="0" eb="2">
      <t>ナヨ</t>
    </rPh>
    <rPh sb="21" eb="23">
      <t>シュルイ</t>
    </rPh>
    <rPh sb="24" eb="25">
      <t>ジク</t>
    </rPh>
    <rPh sb="27" eb="29">
      <t>ナヨ</t>
    </rPh>
    <rPh sb="30" eb="31">
      <t>サキ</t>
    </rPh>
    <rPh sb="36" eb="38">
      <t>チュウシュツ</t>
    </rPh>
    <phoneticPr fontId="24"/>
  </si>
  <si>
    <t>（名寄せ先のフォーマットにも、必要項目、絞り込み条件等を記入ください）</t>
    <rPh sb="1" eb="3">
      <t>ナヨ</t>
    </rPh>
    <rPh sb="4" eb="5">
      <t>サキ</t>
    </rPh>
    <rPh sb="15" eb="17">
      <t>ヒツヨウ</t>
    </rPh>
    <rPh sb="17" eb="19">
      <t>コウモク</t>
    </rPh>
    <rPh sb="20" eb="21">
      <t>シボ</t>
    </rPh>
    <rPh sb="22" eb="23">
      <t>コ</t>
    </rPh>
    <rPh sb="24" eb="26">
      <t>ジョウケン</t>
    </rPh>
    <rPh sb="26" eb="27">
      <t>トウ</t>
    </rPh>
    <phoneticPr fontId="24"/>
  </si>
  <si>
    <t>名寄せをしない場合は、各レセプト種類ごとに指定されている抽出条件で、それぞれの抽出を行います。</t>
    <rPh sb="0" eb="2">
      <t>ナヨ</t>
    </rPh>
    <rPh sb="7" eb="9">
      <t>バアイ</t>
    </rPh>
    <rPh sb="11" eb="12">
      <t>カク</t>
    </rPh>
    <rPh sb="16" eb="18">
      <t>シュルイ</t>
    </rPh>
    <rPh sb="21" eb="23">
      <t>シテイ</t>
    </rPh>
    <rPh sb="28" eb="30">
      <t>チュウシュツ</t>
    </rPh>
    <rPh sb="30" eb="32">
      <t>ジョウケン</t>
    </rPh>
    <rPh sb="39" eb="41">
      <t>チュウシュツ</t>
    </rPh>
    <rPh sb="42" eb="43">
      <t>オコナ</t>
    </rPh>
    <phoneticPr fontId="24"/>
  </si>
  <si>
    <t>※患者ＩＤについて</t>
    <rPh sb="1" eb="3">
      <t>カンジャ</t>
    </rPh>
    <phoneticPr fontId="24"/>
  </si>
  <si>
    <t>　NＤＢでは、患者ＩＤを5種類用意しています。</t>
    <rPh sb="7" eb="9">
      <t>カンジャ</t>
    </rPh>
    <rPh sb="13" eb="15">
      <t>シュルイ</t>
    </rPh>
    <rPh sb="15" eb="17">
      <t>ヨウイ</t>
    </rPh>
    <phoneticPr fontId="24"/>
  </si>
  <si>
    <r>
      <t>　使用用途に応じて使い分けください。</t>
    </r>
    <r>
      <rPr>
        <u/>
        <sz val="11"/>
        <color rgb="FFFF0000"/>
        <rFont val="ＭＳ Ｐゴシック"/>
        <family val="3"/>
        <charset val="128"/>
        <scheme val="minor"/>
      </rPr>
      <t>（指定の無い場合は患者ＩＤ１ or 患者ＩＤ２とします）</t>
    </r>
    <rPh sb="1" eb="3">
      <t>シヨウ</t>
    </rPh>
    <rPh sb="3" eb="5">
      <t>ヨウト</t>
    </rPh>
    <rPh sb="6" eb="7">
      <t>オウ</t>
    </rPh>
    <rPh sb="9" eb="10">
      <t>ツカ</t>
    </rPh>
    <rPh sb="11" eb="12">
      <t>ワ</t>
    </rPh>
    <rPh sb="19" eb="21">
      <t>シテイ</t>
    </rPh>
    <rPh sb="22" eb="23">
      <t>ナ</t>
    </rPh>
    <rPh sb="24" eb="26">
      <t>バアイ</t>
    </rPh>
    <rPh sb="27" eb="29">
      <t>カンジャ</t>
    </rPh>
    <rPh sb="36" eb="38">
      <t>カンジャ</t>
    </rPh>
    <phoneticPr fontId="24"/>
  </si>
  <si>
    <t>　患者ＩＤ１：</t>
    <rPh sb="1" eb="3">
      <t>カンジャ</t>
    </rPh>
    <phoneticPr fontId="24"/>
  </si>
  <si>
    <t>保険者番号等を元に生成したＩＤ（ＩＤ１ｎ：患者ＩＤ１表記ゆれを補正したＩＤ）</t>
  </si>
  <si>
    <t>　患者ＩＤ２：</t>
    <rPh sb="1" eb="3">
      <t>カンジャ</t>
    </rPh>
    <phoneticPr fontId="24"/>
  </si>
  <si>
    <t>氏名等を元に生成したＩＤ</t>
  </si>
  <si>
    <t>　以下のＩＤは名寄せには利用できません。</t>
    <rPh sb="1" eb="3">
      <t>イカ</t>
    </rPh>
    <rPh sb="7" eb="9">
      <t>ナヨ</t>
    </rPh>
    <rPh sb="12" eb="14">
      <t>リヨウ</t>
    </rPh>
    <phoneticPr fontId="24"/>
  </si>
  <si>
    <t>　患者ＩＤ４：</t>
    <rPh sb="1" eb="3">
      <t>カンジャ</t>
    </rPh>
    <phoneticPr fontId="24"/>
  </si>
  <si>
    <t>患者ＩＤ２表記ゆれを補正したＩＤ</t>
    <phoneticPr fontId="24"/>
  </si>
  <si>
    <t>　患者ＩＤ５：</t>
    <rPh sb="1" eb="3">
      <t>カンジャ</t>
    </rPh>
    <phoneticPr fontId="24"/>
  </si>
  <si>
    <t>被保険者番号の履歴情報を元に生成したＩＤ</t>
    <phoneticPr fontId="24"/>
  </si>
  <si>
    <t>※ＩＤの桁数について</t>
    <rPh sb="4" eb="6">
      <t>ケタスウ</t>
    </rPh>
    <phoneticPr fontId="24"/>
  </si>
  <si>
    <t>　提供時のＩＤの桁数は、64桁固定です。</t>
    <rPh sb="1" eb="3">
      <t>テイキョウ</t>
    </rPh>
    <rPh sb="3" eb="4">
      <t>ジ</t>
    </rPh>
    <rPh sb="8" eb="10">
      <t>ケタスウ</t>
    </rPh>
    <rPh sb="14" eb="15">
      <t>ケタ</t>
    </rPh>
    <rPh sb="15" eb="17">
      <t>コテイ</t>
    </rPh>
    <phoneticPr fontId="24"/>
  </si>
  <si>
    <t>　ＩＤについては、依頼毎に別のＩＤに変換している為、他のご依頼データとの突合はできません。</t>
    <rPh sb="9" eb="11">
      <t>イライ</t>
    </rPh>
    <rPh sb="11" eb="12">
      <t>マイ</t>
    </rPh>
    <rPh sb="13" eb="14">
      <t>ベツ</t>
    </rPh>
    <rPh sb="18" eb="20">
      <t>ヘンカン</t>
    </rPh>
    <rPh sb="26" eb="27">
      <t>ホカ</t>
    </rPh>
    <rPh sb="29" eb="31">
      <t>イライ</t>
    </rPh>
    <rPh sb="36" eb="37">
      <t>トツ</t>
    </rPh>
    <rPh sb="37" eb="38">
      <t>ア</t>
    </rPh>
    <phoneticPr fontId="24"/>
  </si>
  <si>
    <t>　　3．二段階での抽出について</t>
    <rPh sb="4" eb="7">
      <t>ニダンカイ</t>
    </rPh>
    <rPh sb="9" eb="11">
      <t>チュウシュツ</t>
    </rPh>
    <phoneticPr fontId="24"/>
  </si>
  <si>
    <t>ある条件で抽出した患者ＩＤを使って、他のレセプトを抽出したい場合で、名寄せでは対応が難しいケースでは</t>
    <rPh sb="2" eb="4">
      <t>ジョウケン</t>
    </rPh>
    <rPh sb="5" eb="7">
      <t>チュウシュツ</t>
    </rPh>
    <rPh sb="9" eb="11">
      <t>カンジャ</t>
    </rPh>
    <rPh sb="14" eb="15">
      <t>ツカ</t>
    </rPh>
    <rPh sb="18" eb="19">
      <t>ホカ</t>
    </rPh>
    <rPh sb="25" eb="27">
      <t>チュウシュツ</t>
    </rPh>
    <rPh sb="30" eb="32">
      <t>バアイ</t>
    </rPh>
    <rPh sb="34" eb="36">
      <t>ナヨ</t>
    </rPh>
    <rPh sb="39" eb="41">
      <t>タイオウ</t>
    </rPh>
    <rPh sb="42" eb="43">
      <t>ムズカ</t>
    </rPh>
    <phoneticPr fontId="24"/>
  </si>
  <si>
    <t>二段階での抽出を行うことができます。</t>
    <rPh sb="0" eb="3">
      <t>ニダンカイ</t>
    </rPh>
    <rPh sb="5" eb="7">
      <t>チュウシュツ</t>
    </rPh>
    <rPh sb="8" eb="9">
      <t>オコナ</t>
    </rPh>
    <phoneticPr fontId="24"/>
  </si>
  <si>
    <t>この場合、シートを複製しＩＤの抽出条件を記載するシート、抽出したＩＤで実際に出力をするシートの2つを作成します。</t>
    <rPh sb="2" eb="4">
      <t>バアイ</t>
    </rPh>
    <rPh sb="9" eb="11">
      <t>フクセイ</t>
    </rPh>
    <rPh sb="15" eb="17">
      <t>チュウシュツ</t>
    </rPh>
    <rPh sb="17" eb="19">
      <t>ジョウケン</t>
    </rPh>
    <rPh sb="20" eb="22">
      <t>キサイ</t>
    </rPh>
    <rPh sb="28" eb="30">
      <t>チュウシュツ</t>
    </rPh>
    <rPh sb="35" eb="37">
      <t>ジッサイ</t>
    </rPh>
    <rPh sb="38" eb="40">
      <t>シュツリョク</t>
    </rPh>
    <rPh sb="50" eb="52">
      <t>サクセイ</t>
    </rPh>
    <phoneticPr fontId="24"/>
  </si>
  <si>
    <t>【抽出フロー図】　（例：ある傷病が記録されたことのある患者について対象期間の受診状況をみるケース）</t>
    <rPh sb="1" eb="3">
      <t>チュウシュツ</t>
    </rPh>
    <rPh sb="6" eb="7">
      <t>ズ</t>
    </rPh>
    <rPh sb="10" eb="11">
      <t>レイ</t>
    </rPh>
    <rPh sb="14" eb="16">
      <t>ショウビョウ</t>
    </rPh>
    <rPh sb="17" eb="19">
      <t>キロク</t>
    </rPh>
    <rPh sb="27" eb="29">
      <t>カンジャ</t>
    </rPh>
    <rPh sb="33" eb="35">
      <t>タイショウ</t>
    </rPh>
    <rPh sb="35" eb="37">
      <t>キカン</t>
    </rPh>
    <rPh sb="38" eb="40">
      <t>ジュシン</t>
    </rPh>
    <rPh sb="40" eb="42">
      <t>ジョウキョウ</t>
    </rPh>
    <phoneticPr fontId="24"/>
  </si>
  <si>
    <t>1段階目</t>
    <rPh sb="1" eb="3">
      <t>ダンカイ</t>
    </rPh>
    <rPh sb="3" eb="4">
      <t>メ</t>
    </rPh>
    <phoneticPr fontId="24"/>
  </si>
  <si>
    <t>医科レセプト情報①シート、ＤＰＣレセプト情報①シートの記載</t>
    <rPh sb="0" eb="2">
      <t>イカ</t>
    </rPh>
    <rPh sb="6" eb="8">
      <t>ジョウホウ</t>
    </rPh>
    <rPh sb="20" eb="22">
      <t>ジョウホウ</t>
    </rPh>
    <rPh sb="27" eb="29">
      <t>キサイ</t>
    </rPh>
    <phoneticPr fontId="24"/>
  </si>
  <si>
    <t>レコード識別名　：傷病名レコードファイル（ＳＹ）　部分</t>
    <rPh sb="4" eb="6">
      <t>シキベツ</t>
    </rPh>
    <rPh sb="25" eb="27">
      <t>ブブン</t>
    </rPh>
    <phoneticPr fontId="24"/>
  </si>
  <si>
    <t>項番</t>
    <rPh sb="1" eb="2">
      <t>バン</t>
    </rPh>
    <phoneticPr fontId="24"/>
  </si>
  <si>
    <t>データ項目名
（日本語）</t>
    <rPh sb="3" eb="5">
      <t>コウモク</t>
    </rPh>
    <rPh sb="5" eb="6">
      <t>メイ</t>
    </rPh>
    <phoneticPr fontId="24"/>
  </si>
  <si>
    <t>項目仕様</t>
    <rPh sb="0" eb="2">
      <t>コウモク</t>
    </rPh>
    <rPh sb="2" eb="4">
      <t>シヨウ</t>
    </rPh>
    <phoneticPr fontId="24"/>
  </si>
  <si>
    <t>条件等記入欄</t>
  </si>
  <si>
    <t>レコード順序</t>
  </si>
  <si>
    <t>レセプト通番</t>
  </si>
  <si>
    <t>予備</t>
  </si>
  <si>
    <t>レコード識別情報</t>
  </si>
  <si>
    <t>傷病名コード</t>
  </si>
  <si>
    <t>抽出条件</t>
    <rPh sb="0" eb="2">
      <t>チュウシュツ</t>
    </rPh>
    <rPh sb="2" eb="4">
      <t>ジョウケン</t>
    </rPh>
    <phoneticPr fontId="24"/>
  </si>
  <si>
    <t>傷病Aに関する傷病名。</t>
    <rPh sb="0" eb="2">
      <t>ショウビョウ</t>
    </rPh>
    <rPh sb="4" eb="5">
      <t>カン</t>
    </rPh>
    <rPh sb="7" eb="9">
      <t>ショウビョウ</t>
    </rPh>
    <rPh sb="9" eb="10">
      <t>メイ</t>
    </rPh>
    <phoneticPr fontId="24"/>
  </si>
  <si>
    <t>2段階目</t>
    <rPh sb="1" eb="3">
      <t>ダンカイ</t>
    </rPh>
    <rPh sb="3" eb="4">
      <t>メ</t>
    </rPh>
    <phoneticPr fontId="24"/>
  </si>
  <si>
    <t>医科レセプト情報②シート、ＤＰＣレセプト情報②シート、調剤レセプト情報シートの記載</t>
    <rPh sb="0" eb="2">
      <t>イカ</t>
    </rPh>
    <rPh sb="6" eb="8">
      <t>ジョウホウ</t>
    </rPh>
    <rPh sb="20" eb="22">
      <t>ジョウホウ</t>
    </rPh>
    <rPh sb="27" eb="29">
      <t>チョウザイ</t>
    </rPh>
    <rPh sb="33" eb="35">
      <t>ジョウホウ</t>
    </rPh>
    <rPh sb="39" eb="41">
      <t>キサイ</t>
    </rPh>
    <phoneticPr fontId="24"/>
  </si>
  <si>
    <t>レコード識別名　：　レセプト共通レコード（ＲＥ）　部分</t>
    <rPh sb="4" eb="6">
      <t>シキベツ</t>
    </rPh>
    <rPh sb="14" eb="16">
      <t>キョウツウ</t>
    </rPh>
    <rPh sb="25" eb="27">
      <t>ブブン</t>
    </rPh>
    <phoneticPr fontId="24"/>
  </si>
  <si>
    <t>・・・</t>
  </si>
  <si>
    <t>ＩＤ１</t>
    <phoneticPr fontId="24"/>
  </si>
  <si>
    <t>医科レセプト情報①、ＤＰＣレセプト情報①で抽出した患者ＩＤ</t>
    <rPh sb="0" eb="2">
      <t>イカ</t>
    </rPh>
    <rPh sb="6" eb="8">
      <t>ジョウホウ</t>
    </rPh>
    <rPh sb="17" eb="20">
      <t>ジョウホウ１</t>
    </rPh>
    <rPh sb="21" eb="23">
      <t>チュウシュツ</t>
    </rPh>
    <rPh sb="25" eb="27">
      <t>カンジャ</t>
    </rPh>
    <phoneticPr fontId="24"/>
  </si>
  <si>
    <t>ＩＤ１ｎ</t>
    <phoneticPr fontId="24"/>
  </si>
  <si>
    <t>　　4．必要項目の選択</t>
    <rPh sb="4" eb="6">
      <t>ヒツヨウ</t>
    </rPh>
    <rPh sb="6" eb="8">
      <t>コウモク</t>
    </rPh>
    <rPh sb="9" eb="11">
      <t>センタク</t>
    </rPh>
    <phoneticPr fontId="24"/>
  </si>
  <si>
    <t>別紙にあります、各レセプトフォーマットで必要な項目について、「出力」項目（リストボックス）で○を選択してください。</t>
    <rPh sb="0" eb="2">
      <t>ベッシ</t>
    </rPh>
    <rPh sb="8" eb="9">
      <t>カク</t>
    </rPh>
    <rPh sb="20" eb="22">
      <t>ヒツヨウ</t>
    </rPh>
    <rPh sb="23" eb="25">
      <t>コウモク</t>
    </rPh>
    <rPh sb="31" eb="33">
      <t>シュツリョク</t>
    </rPh>
    <rPh sb="34" eb="36">
      <t>コウモク</t>
    </rPh>
    <rPh sb="48" eb="50">
      <t>センタク</t>
    </rPh>
    <phoneticPr fontId="24"/>
  </si>
  <si>
    <t>例．医科のフォーマット</t>
    <rPh sb="0" eb="1">
      <t>レイ</t>
    </rPh>
    <rPh sb="2" eb="4">
      <t>イカ</t>
    </rPh>
    <phoneticPr fontId="24"/>
  </si>
  <si>
    <t>データ項目名（日本語）</t>
    <rPh sb="3" eb="5">
      <t>コウモク</t>
    </rPh>
    <rPh sb="5" eb="6">
      <t>メイ</t>
    </rPh>
    <phoneticPr fontId="24"/>
  </si>
  <si>
    <t>型</t>
    <rPh sb="0" eb="1">
      <t>ガタ</t>
    </rPh>
    <phoneticPr fontId="24"/>
  </si>
  <si>
    <t>ＤＢ型</t>
    <rPh sb="2" eb="3">
      <t>ガタ</t>
    </rPh>
    <phoneticPr fontId="24"/>
  </si>
  <si>
    <t>項目長</t>
    <phoneticPr fontId="24"/>
  </si>
  <si>
    <t>出力</t>
    <rPh sb="0" eb="2">
      <t>シュツリョク</t>
    </rPh>
    <phoneticPr fontId="24"/>
  </si>
  <si>
    <t>・・・・・・</t>
  </si>
  <si>
    <t>レコード順序</t>
    <rPh sb="4" eb="6">
      <t>ジュンジョ</t>
    </rPh>
    <phoneticPr fontId="9"/>
  </si>
  <si>
    <t>英数</t>
  </si>
  <si>
    <t>varchar</t>
  </si>
  <si>
    <t>-</t>
  </si>
  <si>
    <t>○</t>
  </si>
  <si>
    <t>レセプト通番</t>
    <rPh sb="4" eb="6">
      <t>ツウバン</t>
    </rPh>
    <phoneticPr fontId="9"/>
  </si>
  <si>
    <t>有効フラグ</t>
    <rPh sb="0" eb="2">
      <t>ユウコウ</t>
    </rPh>
    <phoneticPr fontId="9"/>
  </si>
  <si>
    <t>数字</t>
  </si>
  <si>
    <t>integer</t>
  </si>
  <si>
    <t>×</t>
  </si>
  <si>
    <t>公費フラグ</t>
  </si>
  <si>
    <t>年齢</t>
    <rPh sb="0" eb="2">
      <t>ネンレイ</t>
    </rPh>
    <phoneticPr fontId="9"/>
  </si>
  <si>
    <t>ＩＤ１</t>
  </si>
  <si>
    <t>ＩＤ１ｎ</t>
  </si>
  <si>
    <t>ＩＤ２</t>
  </si>
  <si>
    <t>レセプト番号</t>
  </si>
  <si>
    <t>レセプト種別</t>
  </si>
  <si>
    <t>使用量</t>
    <phoneticPr fontId="24"/>
  </si>
  <si>
    <t>decimal</t>
    <phoneticPr fontId="24"/>
  </si>
  <si>
    <t>　　　</t>
  </si>
  <si>
    <t>・共通の項目（キー情報）について</t>
    <rPh sb="1" eb="3">
      <t>キョウツウ</t>
    </rPh>
    <rPh sb="4" eb="6">
      <t>コウモク</t>
    </rPh>
    <phoneticPr fontId="24"/>
  </si>
  <si>
    <t>以下の項目を使用することで、1つのレセプトを特定する、患者を特定する事が可能です。</t>
    <rPh sb="0" eb="2">
      <t>イカ</t>
    </rPh>
    <rPh sb="3" eb="5">
      <t>コウモク</t>
    </rPh>
    <rPh sb="6" eb="8">
      <t>シヨウ</t>
    </rPh>
    <rPh sb="22" eb="24">
      <t>トクテイ</t>
    </rPh>
    <rPh sb="27" eb="29">
      <t>カンジャ</t>
    </rPh>
    <rPh sb="30" eb="32">
      <t>トクテイ</t>
    </rPh>
    <rPh sb="34" eb="35">
      <t>コト</t>
    </rPh>
    <rPh sb="36" eb="38">
      <t>カノウ</t>
    </rPh>
    <phoneticPr fontId="24"/>
  </si>
  <si>
    <t>項目名</t>
    <rPh sb="0" eb="2">
      <t>コウモク</t>
    </rPh>
    <rPh sb="2" eb="3">
      <t>メイ</t>
    </rPh>
    <phoneticPr fontId="24"/>
  </si>
  <si>
    <t>内容</t>
    <rPh sb="0" eb="2">
      <t>ナイヨウ</t>
    </rPh>
    <phoneticPr fontId="24"/>
  </si>
  <si>
    <t>レコード順序</t>
    <phoneticPr fontId="24"/>
  </si>
  <si>
    <t>1レセプト内での並び順、各行をソートする際に使用</t>
    <rPh sb="12" eb="14">
      <t>カクギョウ</t>
    </rPh>
    <rPh sb="20" eb="21">
      <t>サイ</t>
    </rPh>
    <rPh sb="22" eb="24">
      <t>シヨウ</t>
    </rPh>
    <phoneticPr fontId="24"/>
  </si>
  <si>
    <t>レセプト通番</t>
    <phoneticPr fontId="24"/>
  </si>
  <si>
    <t>全レセプトの中で一意となる通番　
（特定健診・保健指導では個票単位）</t>
    <rPh sb="13" eb="14">
      <t>ツウ</t>
    </rPh>
    <rPh sb="14" eb="15">
      <t>バン</t>
    </rPh>
    <rPh sb="18" eb="20">
      <t>トクテイ</t>
    </rPh>
    <rPh sb="20" eb="22">
      <t>ケンシン</t>
    </rPh>
    <rPh sb="23" eb="25">
      <t>ホケン</t>
    </rPh>
    <rPh sb="25" eb="27">
      <t>シドウ</t>
    </rPh>
    <rPh sb="29" eb="31">
      <t>コヒョウ</t>
    </rPh>
    <rPh sb="31" eb="33">
      <t>タンイ</t>
    </rPh>
    <phoneticPr fontId="24"/>
  </si>
  <si>
    <t>患者ＩＤ</t>
    <rPh sb="0" eb="2">
      <t>カンジャ</t>
    </rPh>
    <phoneticPr fontId="24"/>
  </si>
  <si>
    <t>2．基本条件の名寄せの項を参照ください。</t>
    <rPh sb="2" eb="4">
      <t>キホン</t>
    </rPh>
    <rPh sb="4" eb="6">
      <t>ジョウケン</t>
    </rPh>
    <rPh sb="7" eb="9">
      <t>ナヨ</t>
    </rPh>
    <rPh sb="11" eb="12">
      <t>コウ</t>
    </rPh>
    <rPh sb="13" eb="15">
      <t>サンショウ</t>
    </rPh>
    <phoneticPr fontId="24"/>
  </si>
  <si>
    <t>※出力するレコードについて</t>
    <rPh sb="1" eb="3">
      <t>シュツリョク</t>
    </rPh>
    <phoneticPr fontId="24"/>
  </si>
  <si>
    <t>　出力項目に1つでも○がある場合、当フォーマットの形で提供いたします。（×の項目は空項目として出力）</t>
    <rPh sb="1" eb="3">
      <t>シュツリョク</t>
    </rPh>
    <rPh sb="3" eb="5">
      <t>コウモク</t>
    </rPh>
    <rPh sb="14" eb="16">
      <t>バアイ</t>
    </rPh>
    <rPh sb="17" eb="18">
      <t>トウ</t>
    </rPh>
    <rPh sb="25" eb="26">
      <t>カタチ</t>
    </rPh>
    <rPh sb="27" eb="29">
      <t>テイキョウ</t>
    </rPh>
    <rPh sb="38" eb="40">
      <t>コウモク</t>
    </rPh>
    <rPh sb="41" eb="42">
      <t>カラ</t>
    </rPh>
    <rPh sb="42" eb="44">
      <t>コウモク</t>
    </rPh>
    <rPh sb="47" eb="49">
      <t>シュツリョク</t>
    </rPh>
    <phoneticPr fontId="24"/>
  </si>
  <si>
    <t>　出力項目に1つも○の無いレコードについては、出力いたしません。</t>
    <rPh sb="1" eb="3">
      <t>シュツリョク</t>
    </rPh>
    <rPh sb="3" eb="5">
      <t>コウモク</t>
    </rPh>
    <rPh sb="11" eb="12">
      <t>ナ</t>
    </rPh>
    <rPh sb="23" eb="25">
      <t>シュツリョク</t>
    </rPh>
    <phoneticPr fontId="24"/>
  </si>
  <si>
    <t>　※使用しないデータ種類のシートは削除してください。</t>
    <rPh sb="2" eb="4">
      <t>シヨウ</t>
    </rPh>
    <rPh sb="10" eb="12">
      <t>シュルイ</t>
    </rPh>
    <rPh sb="17" eb="19">
      <t>サクジョ</t>
    </rPh>
    <phoneticPr fontId="24"/>
  </si>
  <si>
    <t>※レコードへの項目追加について</t>
    <rPh sb="7" eb="9">
      <t>コウモク</t>
    </rPh>
    <rPh sb="9" eb="11">
      <t>ツイカ</t>
    </rPh>
    <phoneticPr fontId="24"/>
  </si>
  <si>
    <t>　あるレコードには予備項目が無いが項目を追加したいといった場合は、以下のように記載ください。</t>
    <rPh sb="17" eb="19">
      <t>コウモク</t>
    </rPh>
    <rPh sb="20" eb="22">
      <t>ツイカ</t>
    </rPh>
    <rPh sb="29" eb="31">
      <t>バアイ</t>
    </rPh>
    <rPh sb="33" eb="35">
      <t>イカ</t>
    </rPh>
    <rPh sb="39" eb="41">
      <t>キサイ</t>
    </rPh>
    <phoneticPr fontId="24"/>
  </si>
  <si>
    <t>　ただし、項目が追加なのか判断できるように色を付ける等の目印をつけてください。</t>
    <rPh sb="5" eb="7">
      <t>コウモク</t>
    </rPh>
    <rPh sb="8" eb="10">
      <t>ツイカ</t>
    </rPh>
    <rPh sb="13" eb="15">
      <t>ハンダン</t>
    </rPh>
    <rPh sb="21" eb="22">
      <t>イロ</t>
    </rPh>
    <rPh sb="23" eb="24">
      <t>ツ</t>
    </rPh>
    <rPh sb="26" eb="27">
      <t>トウ</t>
    </rPh>
    <rPh sb="28" eb="30">
      <t>メジルシ</t>
    </rPh>
    <phoneticPr fontId="24"/>
  </si>
  <si>
    <t>例．レコードに30項目目を追加</t>
    <rPh sb="0" eb="1">
      <t>レイ</t>
    </rPh>
    <rPh sb="9" eb="11">
      <t>コウモク</t>
    </rPh>
    <rPh sb="11" eb="12">
      <t>メ</t>
    </rPh>
    <rPh sb="13" eb="15">
      <t>ツイカ</t>
    </rPh>
    <phoneticPr fontId="24"/>
  </si>
  <si>
    <t>型</t>
    <rPh sb="0" eb="1">
      <t>カタ</t>
    </rPh>
    <phoneticPr fontId="24"/>
  </si>
  <si>
    <t>形式</t>
  </si>
  <si>
    <t>・・・・</t>
  </si>
  <si>
    <t>指定病院フラグ</t>
    <rPh sb="0" eb="2">
      <t>シテイ</t>
    </rPh>
    <rPh sb="2" eb="4">
      <t>ビョウイン</t>
    </rPh>
    <phoneticPr fontId="24"/>
  </si>
  <si>
    <t>項目追加
別添のマスターに合致する医療機関を指定病院フラグに変換する。</t>
    <rPh sb="0" eb="2">
      <t>コウモク</t>
    </rPh>
    <rPh sb="2" eb="4">
      <t>ツイカ</t>
    </rPh>
    <rPh sb="5" eb="7">
      <t>ベッテン</t>
    </rPh>
    <rPh sb="13" eb="15">
      <t>ガッチ</t>
    </rPh>
    <rPh sb="17" eb="19">
      <t>イリョウ</t>
    </rPh>
    <rPh sb="19" eb="21">
      <t>キカン</t>
    </rPh>
    <rPh sb="22" eb="24">
      <t>シテイ</t>
    </rPh>
    <rPh sb="24" eb="26">
      <t>ビョウイン</t>
    </rPh>
    <rPh sb="30" eb="32">
      <t>ヘンカン</t>
    </rPh>
    <phoneticPr fontId="24"/>
  </si>
  <si>
    <t>※NＤＢで追加している項目について</t>
  </si>
  <si>
    <t>　NＤＢでは、レセプト、特定健診・保健指導情報等に格納されている項目値を元に集計が行いやすいよう項目を追加しています。</t>
    <rPh sb="12" eb="14">
      <t>トクテイ</t>
    </rPh>
    <rPh sb="14" eb="16">
      <t>ケンシン</t>
    </rPh>
    <rPh sb="17" eb="19">
      <t>ホケン</t>
    </rPh>
    <rPh sb="19" eb="21">
      <t>シドウ</t>
    </rPh>
    <rPh sb="21" eb="23">
      <t>ジョウホウ</t>
    </rPh>
    <rPh sb="23" eb="24">
      <t>トウ</t>
    </rPh>
    <rPh sb="25" eb="27">
      <t>カクノウ</t>
    </rPh>
    <rPh sb="32" eb="34">
      <t>コウモク</t>
    </rPh>
    <rPh sb="34" eb="35">
      <t>アタイ</t>
    </rPh>
    <rPh sb="36" eb="37">
      <t>モト</t>
    </rPh>
    <phoneticPr fontId="24"/>
  </si>
  <si>
    <t>　追加されている各項目の説明については、</t>
    <rPh sb="1" eb="3">
      <t>ツイカ</t>
    </rPh>
    <rPh sb="8" eb="9">
      <t>カク</t>
    </rPh>
    <rPh sb="9" eb="11">
      <t>コウモク</t>
    </rPh>
    <rPh sb="12" eb="14">
      <t>セツメイ</t>
    </rPh>
    <phoneticPr fontId="24"/>
  </si>
  <si>
    <t>　第三者提供ＨＰの「抽出依頼テンプレート作成の注意点」別紙2．NＤＢで追加している項目についてをご参照ください。</t>
  </si>
  <si>
    <t>　　5．抽出条件及び絞り込みの記入</t>
    <rPh sb="4" eb="6">
      <t>チュウシュツ</t>
    </rPh>
    <rPh sb="6" eb="8">
      <t>ジョウケン</t>
    </rPh>
    <rPh sb="8" eb="9">
      <t>オヨ</t>
    </rPh>
    <rPh sb="10" eb="11">
      <t>シボ</t>
    </rPh>
    <rPh sb="12" eb="13">
      <t>コ</t>
    </rPh>
    <rPh sb="15" eb="17">
      <t>キニュウ</t>
    </rPh>
    <phoneticPr fontId="24"/>
  </si>
  <si>
    <t>項目仕様について</t>
    <rPh sb="0" eb="2">
      <t>コウモク</t>
    </rPh>
    <rPh sb="2" eb="4">
      <t>シヨウ</t>
    </rPh>
    <phoneticPr fontId="24"/>
  </si>
  <si>
    <t>抽出</t>
    <rPh sb="0" eb="2">
      <t>チュウシュツ</t>
    </rPh>
    <phoneticPr fontId="24"/>
  </si>
  <si>
    <t>レセプトの抽出条件を記入します。</t>
    <rPh sb="5" eb="7">
      <t>チュウシュツ</t>
    </rPh>
    <rPh sb="7" eb="9">
      <t>ジョウケン</t>
    </rPh>
    <rPh sb="10" eb="12">
      <t>キニュウ</t>
    </rPh>
    <phoneticPr fontId="24"/>
  </si>
  <si>
    <t>抽出とは、条件に合致するレセプトを抽出することです。</t>
    <rPh sb="0" eb="2">
      <t>チュウシュツ</t>
    </rPh>
    <rPh sb="5" eb="7">
      <t>ジョウケン</t>
    </rPh>
    <rPh sb="8" eb="10">
      <t>ガッチ</t>
    </rPh>
    <rPh sb="17" eb="19">
      <t>チュウシュツ</t>
    </rPh>
    <phoneticPr fontId="24"/>
  </si>
  <si>
    <t>抽出条件ついては、レセプトフォーマットの、「項目仕様」項目に、抽出条件を選択し、「条件等記入欄」項目に詳細内容を記入します。</t>
    <rPh sb="0" eb="2">
      <t>チュウシュツ</t>
    </rPh>
    <rPh sb="2" eb="4">
      <t>ジョウケン</t>
    </rPh>
    <rPh sb="31" eb="33">
      <t>チュウシュツ</t>
    </rPh>
    <rPh sb="33" eb="35">
      <t>ジョウケン</t>
    </rPh>
    <phoneticPr fontId="24"/>
  </si>
  <si>
    <t>（項目内で書ききれない場合は、別添として別シートを追加、記入していただいて構いません）</t>
    <rPh sb="1" eb="3">
      <t>コウモク</t>
    </rPh>
    <rPh sb="3" eb="4">
      <t>ナイ</t>
    </rPh>
    <rPh sb="5" eb="6">
      <t>カ</t>
    </rPh>
    <rPh sb="11" eb="13">
      <t>バアイ</t>
    </rPh>
    <rPh sb="15" eb="17">
      <t>ベッテン</t>
    </rPh>
    <rPh sb="20" eb="21">
      <t>ベツ</t>
    </rPh>
    <rPh sb="25" eb="27">
      <t>ツイカ</t>
    </rPh>
    <rPh sb="37" eb="38">
      <t>カマ</t>
    </rPh>
    <phoneticPr fontId="24"/>
  </si>
  <si>
    <t>※抽出条件は必須項目ですので、原則１シート内に一つ以上記入ください。</t>
    <rPh sb="1" eb="3">
      <t>チュウシュツ</t>
    </rPh>
    <rPh sb="3" eb="5">
      <t>ジョウケン</t>
    </rPh>
    <rPh sb="6" eb="8">
      <t>ヒッス</t>
    </rPh>
    <rPh sb="8" eb="10">
      <t>コウモク</t>
    </rPh>
    <rPh sb="15" eb="17">
      <t>ゲンソク</t>
    </rPh>
    <rPh sb="21" eb="22">
      <t>ナイ</t>
    </rPh>
    <phoneticPr fontId="24"/>
  </si>
  <si>
    <t>（名寄せ先のシートでは抽出条件は不要です）</t>
    <rPh sb="1" eb="3">
      <t>ナヨ</t>
    </rPh>
    <rPh sb="4" eb="5">
      <t>サキ</t>
    </rPh>
    <rPh sb="11" eb="13">
      <t>チュウシュツ</t>
    </rPh>
    <rPh sb="13" eb="15">
      <t>ジョウケン</t>
    </rPh>
    <rPh sb="16" eb="18">
      <t>フヨウ</t>
    </rPh>
    <phoneticPr fontId="24"/>
  </si>
  <si>
    <t>　また、複数項目を指定する場合、「or」もしくは「and」なのかわかるよう記入ください。</t>
    <rPh sb="4" eb="6">
      <t>フクスウ</t>
    </rPh>
    <rPh sb="6" eb="8">
      <t>コウモク</t>
    </rPh>
    <rPh sb="9" eb="11">
      <t>シテイ</t>
    </rPh>
    <rPh sb="13" eb="15">
      <t>バアイ</t>
    </rPh>
    <rPh sb="37" eb="39">
      <t>キニュウ</t>
    </rPh>
    <phoneticPr fontId="24"/>
  </si>
  <si>
    <t>【フォーマットへの記入例】（全レセプトの中から、指定の傷病名を持つレセプトを抽出）</t>
    <rPh sb="11" eb="12">
      <t>レイ</t>
    </rPh>
    <phoneticPr fontId="24"/>
  </si>
  <si>
    <t>レコード識別名　：傷病名レコードファイル（ＳＹ）　</t>
    <rPh sb="4" eb="6">
      <t>シキベツ</t>
    </rPh>
    <phoneticPr fontId="24"/>
  </si>
  <si>
    <t>条件等記入欄</t>
    <rPh sb="0" eb="3">
      <t>ジョウケントウ</t>
    </rPh>
    <rPh sb="3" eb="5">
      <t>キニュウ</t>
    </rPh>
    <rPh sb="5" eb="6">
      <t>ラン</t>
    </rPh>
    <phoneticPr fontId="24"/>
  </si>
  <si>
    <t>関節リウマチに関する傷病名。
抽出する為の各コードは、「別添8_関節リウマチに関する傷病名コード」で記載。
ＲＥレコードの項番〇番とはAND条件。</t>
    <rPh sb="0" eb="2">
      <t>カンセツ</t>
    </rPh>
    <rPh sb="7" eb="8">
      <t>カン</t>
    </rPh>
    <rPh sb="10" eb="12">
      <t>ショウビョウ</t>
    </rPh>
    <rPh sb="12" eb="13">
      <t>メイ</t>
    </rPh>
    <rPh sb="15" eb="17">
      <t>チュウシュツ</t>
    </rPh>
    <rPh sb="19" eb="20">
      <t>タメ</t>
    </rPh>
    <rPh sb="21" eb="22">
      <t>カク</t>
    </rPh>
    <rPh sb="28" eb="30">
      <t>ベッテン</t>
    </rPh>
    <rPh sb="32" eb="34">
      <t>カンセツ</t>
    </rPh>
    <rPh sb="39" eb="40">
      <t>カン</t>
    </rPh>
    <rPh sb="42" eb="44">
      <t>ショウビョウ</t>
    </rPh>
    <rPh sb="44" eb="45">
      <t>メイ</t>
    </rPh>
    <rPh sb="50" eb="52">
      <t>キサイ</t>
    </rPh>
    <rPh sb="61" eb="63">
      <t>コウバン</t>
    </rPh>
    <rPh sb="64" eb="65">
      <t>バン</t>
    </rPh>
    <rPh sb="70" eb="72">
      <t>ジョウケン</t>
    </rPh>
    <phoneticPr fontId="24"/>
  </si>
  <si>
    <t>別添８　関節リウマチに関する傷病名コード（依頼者様で準備）</t>
    <rPh sb="0" eb="2">
      <t>ベッテン</t>
    </rPh>
    <rPh sb="4" eb="6">
      <t>カンセツ</t>
    </rPh>
    <rPh sb="11" eb="12">
      <t>カン</t>
    </rPh>
    <rPh sb="14" eb="16">
      <t>ショウビョウ</t>
    </rPh>
    <rPh sb="16" eb="17">
      <t>メイ</t>
    </rPh>
    <rPh sb="21" eb="24">
      <t>イライシャ</t>
    </rPh>
    <rPh sb="24" eb="25">
      <t>サマ</t>
    </rPh>
    <rPh sb="26" eb="28">
      <t>ジュンビ</t>
    </rPh>
    <phoneticPr fontId="24"/>
  </si>
  <si>
    <t>コード</t>
  </si>
  <si>
    <t>名称</t>
    <rPh sb="0" eb="2">
      <t>メイショウ</t>
    </rPh>
    <phoneticPr fontId="24"/>
  </si>
  <si>
    <t>XXXX</t>
  </si>
  <si>
    <t>○○○</t>
  </si>
  <si>
    <t>絞り込み</t>
    <rPh sb="0" eb="1">
      <t>シボ</t>
    </rPh>
    <rPh sb="2" eb="3">
      <t>コ</t>
    </rPh>
    <phoneticPr fontId="24"/>
  </si>
  <si>
    <t>レセプトの絞り込み条件を記入します。</t>
    <rPh sb="5" eb="6">
      <t>シボ</t>
    </rPh>
    <rPh sb="7" eb="8">
      <t>コ</t>
    </rPh>
    <rPh sb="9" eb="11">
      <t>ジョウケン</t>
    </rPh>
    <rPh sb="12" eb="14">
      <t>キニュウ</t>
    </rPh>
    <phoneticPr fontId="24"/>
  </si>
  <si>
    <t>絞り込みは、抽出したレセプトの中から、抽出するレコードについて、必要なコードが記録されたレコードに絞って出力する場合に使用します。</t>
    <rPh sb="0" eb="1">
      <t>シボ</t>
    </rPh>
    <rPh sb="2" eb="3">
      <t>コ</t>
    </rPh>
    <rPh sb="6" eb="8">
      <t>チュウシュツ</t>
    </rPh>
    <rPh sb="15" eb="16">
      <t>ナカ</t>
    </rPh>
    <rPh sb="19" eb="21">
      <t>チュウシュツ</t>
    </rPh>
    <rPh sb="32" eb="34">
      <t>ヒツヨウ</t>
    </rPh>
    <rPh sb="39" eb="41">
      <t>キロク</t>
    </rPh>
    <rPh sb="49" eb="50">
      <t>シボ</t>
    </rPh>
    <rPh sb="52" eb="54">
      <t>シュツリョク</t>
    </rPh>
    <rPh sb="56" eb="58">
      <t>バアイ</t>
    </rPh>
    <rPh sb="59" eb="61">
      <t>シヨウ</t>
    </rPh>
    <phoneticPr fontId="24"/>
  </si>
  <si>
    <t>絞り込みについては、レセプトフォーマットの、「項目仕様」項目に、絞り込みを選択し、「条件等記入欄」項目に詳細内容を記入します。</t>
    <rPh sb="0" eb="1">
      <t>シボ</t>
    </rPh>
    <rPh sb="2" eb="3">
      <t>コ</t>
    </rPh>
    <rPh sb="32" eb="33">
      <t>シボ</t>
    </rPh>
    <rPh sb="34" eb="35">
      <t>コ</t>
    </rPh>
    <phoneticPr fontId="24"/>
  </si>
  <si>
    <t>【フォーマットへの記入例】（抽出したレセプトの中から、指定の診療行為コードのみを出力）</t>
    <rPh sb="11" eb="12">
      <t>レイ</t>
    </rPh>
    <rPh sb="14" eb="16">
      <t>チュウシュツ</t>
    </rPh>
    <rPh sb="30" eb="32">
      <t>シンリョウ</t>
    </rPh>
    <rPh sb="32" eb="34">
      <t>コウイ</t>
    </rPh>
    <rPh sb="40" eb="42">
      <t>シュツリョク</t>
    </rPh>
    <phoneticPr fontId="24"/>
  </si>
  <si>
    <t>レコード識別名　：診療行為レコードファイル（ＳＩ）　</t>
    <rPh sb="4" eb="6">
      <t>シキベツ</t>
    </rPh>
    <rPh sb="9" eb="11">
      <t>シンリョウ</t>
    </rPh>
    <rPh sb="11" eb="13">
      <t>コウイ</t>
    </rPh>
    <phoneticPr fontId="24"/>
  </si>
  <si>
    <t>診療識別</t>
  </si>
  <si>
    <t>負担区分</t>
    <rPh sb="0" eb="2">
      <t>フタン</t>
    </rPh>
    <rPh sb="2" eb="4">
      <t>クブン</t>
    </rPh>
    <phoneticPr fontId="24"/>
  </si>
  <si>
    <t>診療行為コード</t>
    <rPh sb="2" eb="4">
      <t>コウイ</t>
    </rPh>
    <phoneticPr fontId="24"/>
  </si>
  <si>
    <t>XXXに関する診療行為コードを出力。
診療行為コードは、別添で記載</t>
    <rPh sb="4" eb="5">
      <t>カン</t>
    </rPh>
    <rPh sb="7" eb="9">
      <t>シンリョウ</t>
    </rPh>
    <rPh sb="9" eb="11">
      <t>コウイ</t>
    </rPh>
    <rPh sb="15" eb="17">
      <t>シュツリョク</t>
    </rPh>
    <rPh sb="17" eb="18">
      <t>ビョウメイ</t>
    </rPh>
    <rPh sb="19" eb="21">
      <t>シンリョウ</t>
    </rPh>
    <rPh sb="21" eb="23">
      <t>コウイ</t>
    </rPh>
    <rPh sb="28" eb="30">
      <t>ベッテン</t>
    </rPh>
    <rPh sb="31" eb="33">
      <t>キサイ</t>
    </rPh>
    <phoneticPr fontId="24"/>
  </si>
  <si>
    <t>別添8　XXXに関する診療行為コード（依頼者様で準備）</t>
    <rPh sb="0" eb="2">
      <t>ベッテン</t>
    </rPh>
    <rPh sb="8" eb="9">
      <t>カン</t>
    </rPh>
    <rPh sb="11" eb="13">
      <t>シンリョウ</t>
    </rPh>
    <rPh sb="13" eb="15">
      <t>コウイ</t>
    </rPh>
    <rPh sb="15" eb="16">
      <t>ビョウメイ</t>
    </rPh>
    <phoneticPr fontId="24"/>
  </si>
  <si>
    <t>ブロック抽出</t>
    <rPh sb="4" eb="6">
      <t>チュウシュツ</t>
    </rPh>
    <phoneticPr fontId="24"/>
  </si>
  <si>
    <t>　摘要レコードにある点数や回数は、同一の「一連の行為」内であった場合、最終行にのみ合算値を格納するという</t>
  </si>
  <si>
    <t>　ルールがあります。</t>
  </si>
  <si>
    <t>　その為、点数や回数を集計しようとした場合、指定したコードのみを抽出しても空白となっている可能性があります。</t>
    <rPh sb="5" eb="7">
      <t>テンスウ</t>
    </rPh>
    <rPh sb="8" eb="10">
      <t>カイスウ</t>
    </rPh>
    <rPh sb="11" eb="13">
      <t>シュウケイ</t>
    </rPh>
    <rPh sb="19" eb="21">
      <t>バアイ</t>
    </rPh>
    <rPh sb="22" eb="24">
      <t>シテイ</t>
    </rPh>
    <rPh sb="32" eb="34">
      <t>チュウシュツ</t>
    </rPh>
    <rPh sb="37" eb="39">
      <t>クウハク</t>
    </rPh>
    <rPh sb="45" eb="48">
      <t>カノウセイ</t>
    </rPh>
    <phoneticPr fontId="24"/>
  </si>
  <si>
    <t>　特別抽出では、指定したコードを持つレセプトの全て摘要レコードを抽出することが可能です。</t>
    <rPh sb="1" eb="3">
      <t>トクベツ</t>
    </rPh>
    <rPh sb="3" eb="5">
      <t>チュウシュツ</t>
    </rPh>
    <rPh sb="8" eb="10">
      <t>シテイ</t>
    </rPh>
    <rPh sb="16" eb="17">
      <t>モ</t>
    </rPh>
    <rPh sb="25" eb="27">
      <t>テキヨウ</t>
    </rPh>
    <rPh sb="32" eb="34">
      <t>チュウシュツ</t>
    </rPh>
    <rPh sb="39" eb="41">
      <t>カノウ</t>
    </rPh>
    <phoneticPr fontId="24"/>
  </si>
  <si>
    <t>　（指定コード以外のコードはマスキング）</t>
  </si>
  <si>
    <t>　このデータを元に、依頼者様側で空白を埋めていただくことで、正しい計算及び集計が可能になります。</t>
    <rPh sb="7" eb="8">
      <t>モト</t>
    </rPh>
    <rPh sb="10" eb="13">
      <t>イライシャ</t>
    </rPh>
    <rPh sb="13" eb="14">
      <t>サマ</t>
    </rPh>
    <rPh sb="14" eb="15">
      <t>ガワ</t>
    </rPh>
    <rPh sb="16" eb="18">
      <t>クウハク</t>
    </rPh>
    <rPh sb="19" eb="20">
      <t>ウ</t>
    </rPh>
    <rPh sb="30" eb="31">
      <t>タダ</t>
    </rPh>
    <rPh sb="33" eb="35">
      <t>ケイサン</t>
    </rPh>
    <rPh sb="35" eb="36">
      <t>オヨ</t>
    </rPh>
    <rPh sb="37" eb="39">
      <t>シュウケイ</t>
    </rPh>
    <rPh sb="40" eb="42">
      <t>カノウ</t>
    </rPh>
    <phoneticPr fontId="24"/>
  </si>
  <si>
    <t>　（回数、点数を指定されていて、抽出パターンの指定がない場合は、レセプトの持つ該当のレコード種類全てを抽出します。）</t>
  </si>
  <si>
    <t>　また、NＤＢでは取込みを行う際に、点数と回数の補完を行っています。</t>
    <rPh sb="9" eb="11">
      <t>トリコ</t>
    </rPh>
    <rPh sb="13" eb="14">
      <t>オコナ</t>
    </rPh>
    <rPh sb="15" eb="16">
      <t>サイ</t>
    </rPh>
    <rPh sb="18" eb="20">
      <t>テンスウ</t>
    </rPh>
    <rPh sb="21" eb="23">
      <t>カイスウ</t>
    </rPh>
    <rPh sb="24" eb="26">
      <t>ホカン</t>
    </rPh>
    <rPh sb="27" eb="28">
      <t>オコナ</t>
    </rPh>
    <phoneticPr fontId="24"/>
  </si>
  <si>
    <t>　ご利用に合わせて、こちらもお使いください。（補完点数の計算方法は、別紙４以降をご覧ください）</t>
    <rPh sb="2" eb="4">
      <t>リヨウ</t>
    </rPh>
    <rPh sb="5" eb="6">
      <t>ア</t>
    </rPh>
    <rPh sb="15" eb="16">
      <t>ツカ</t>
    </rPh>
    <rPh sb="23" eb="25">
      <t>ホカン</t>
    </rPh>
    <rPh sb="25" eb="27">
      <t>テンスウ</t>
    </rPh>
    <rPh sb="28" eb="30">
      <t>ケイサン</t>
    </rPh>
    <rPh sb="30" eb="32">
      <t>ホウホウ</t>
    </rPh>
    <rPh sb="34" eb="36">
      <t>ベッシ</t>
    </rPh>
    <rPh sb="37" eb="39">
      <t>イコウ</t>
    </rPh>
    <rPh sb="41" eb="42">
      <t>ラン</t>
    </rPh>
    <phoneticPr fontId="24"/>
  </si>
  <si>
    <t>匿名化</t>
    <rPh sb="0" eb="2">
      <t>トクメイ</t>
    </rPh>
    <rPh sb="2" eb="3">
      <t>カ</t>
    </rPh>
    <phoneticPr fontId="24"/>
  </si>
  <si>
    <t>　個人情報保護の為、特定される可能性のある項目については、通番化もしくは階級化コードに変換して提供いたします。</t>
    <rPh sb="1" eb="3">
      <t>コジン</t>
    </rPh>
    <rPh sb="3" eb="5">
      <t>ジョウホウ</t>
    </rPh>
    <rPh sb="5" eb="7">
      <t>ホゴ</t>
    </rPh>
    <rPh sb="8" eb="9">
      <t>タメ</t>
    </rPh>
    <rPh sb="10" eb="12">
      <t>トクテイ</t>
    </rPh>
    <rPh sb="15" eb="17">
      <t>カノウ</t>
    </rPh>
    <rPh sb="17" eb="18">
      <t>セイ</t>
    </rPh>
    <rPh sb="21" eb="23">
      <t>コウモク</t>
    </rPh>
    <rPh sb="29" eb="30">
      <t>ツウ</t>
    </rPh>
    <rPh sb="30" eb="31">
      <t>バン</t>
    </rPh>
    <rPh sb="31" eb="32">
      <t>カ</t>
    </rPh>
    <rPh sb="36" eb="39">
      <t>カイキュウカ</t>
    </rPh>
    <phoneticPr fontId="24"/>
  </si>
  <si>
    <t>　各レセプトフォーマットの、「条件等記入欄」項目に編集内容を記入してください。</t>
    <rPh sb="1" eb="2">
      <t>カク</t>
    </rPh>
    <rPh sb="17" eb="18">
      <t>トウ</t>
    </rPh>
    <rPh sb="22" eb="24">
      <t>コウモク</t>
    </rPh>
    <rPh sb="25" eb="27">
      <t>ヘンシュウ</t>
    </rPh>
    <rPh sb="27" eb="29">
      <t>ナイヨウ</t>
    </rPh>
    <phoneticPr fontId="24"/>
  </si>
  <si>
    <t>　・通番化</t>
    <rPh sb="2" eb="3">
      <t>ツウ</t>
    </rPh>
    <rPh sb="3" eb="4">
      <t>バン</t>
    </rPh>
    <rPh sb="4" eb="5">
      <t>カ</t>
    </rPh>
    <phoneticPr fontId="24"/>
  </si>
  <si>
    <t>　　患者ＩＤや医療機関コードは、通番化して提供いたします。</t>
    <rPh sb="2" eb="4">
      <t>カンジャ</t>
    </rPh>
    <rPh sb="7" eb="9">
      <t>イリョウ</t>
    </rPh>
    <rPh sb="9" eb="11">
      <t>キカン</t>
    </rPh>
    <rPh sb="16" eb="17">
      <t>ツウ</t>
    </rPh>
    <rPh sb="17" eb="18">
      <t>バン</t>
    </rPh>
    <rPh sb="18" eb="19">
      <t>カ</t>
    </rPh>
    <rPh sb="21" eb="23">
      <t>テイキョウ</t>
    </rPh>
    <phoneticPr fontId="24"/>
  </si>
  <si>
    <t>　　複数のレセプト種類のデータを提供する場合は、全レセプトで共通の通番をセットいたします。</t>
    <rPh sb="2" eb="4">
      <t>フクスウ</t>
    </rPh>
    <rPh sb="9" eb="11">
      <t>シュルイ</t>
    </rPh>
    <rPh sb="16" eb="18">
      <t>テイキョウ</t>
    </rPh>
    <rPh sb="20" eb="22">
      <t>バアイ</t>
    </rPh>
    <rPh sb="24" eb="25">
      <t>ゼン</t>
    </rPh>
    <rPh sb="30" eb="32">
      <t>キョウツウ</t>
    </rPh>
    <rPh sb="33" eb="34">
      <t>ツウ</t>
    </rPh>
    <rPh sb="34" eb="35">
      <t>バン</t>
    </rPh>
    <phoneticPr fontId="24"/>
  </si>
  <si>
    <t>　　※患者ＩＤ１、患者ＩＤ２については、いずれかもしくは両方の提供が可能です。</t>
    <rPh sb="3" eb="5">
      <t>カンジャ</t>
    </rPh>
    <rPh sb="9" eb="11">
      <t>カンジャ</t>
    </rPh>
    <rPh sb="28" eb="30">
      <t>リョウホウ</t>
    </rPh>
    <rPh sb="31" eb="33">
      <t>テイキョウ</t>
    </rPh>
    <rPh sb="34" eb="36">
      <t>カノウ</t>
    </rPh>
    <phoneticPr fontId="24"/>
  </si>
  <si>
    <t>　　　 格納したい予備項目の箇所に、以下の例にある、項番8のように記入ください。</t>
    <phoneticPr fontId="24"/>
  </si>
  <si>
    <t>　・階級化</t>
    <rPh sb="2" eb="4">
      <t>カイキュウ</t>
    </rPh>
    <rPh sb="4" eb="5">
      <t>カ</t>
    </rPh>
    <phoneticPr fontId="24"/>
  </si>
  <si>
    <t>　　年齢、病床数等については、階級化コードに変換して提供いたします。</t>
    <rPh sb="2" eb="4">
      <t>ネンレイ</t>
    </rPh>
    <rPh sb="5" eb="7">
      <t>ビョウショウ</t>
    </rPh>
    <rPh sb="7" eb="8">
      <t>スウ</t>
    </rPh>
    <rPh sb="8" eb="9">
      <t>トウ</t>
    </rPh>
    <rPh sb="15" eb="18">
      <t>カイキュウカ</t>
    </rPh>
    <rPh sb="22" eb="24">
      <t>ヘンカン</t>
    </rPh>
    <rPh sb="26" eb="28">
      <t>テイキョウ</t>
    </rPh>
    <phoneticPr fontId="24"/>
  </si>
  <si>
    <t xml:space="preserve"> ・医療機関コード、保険者番号の匿名化について</t>
    <rPh sb="2" eb="4">
      <t>イリョウ</t>
    </rPh>
    <rPh sb="4" eb="6">
      <t>キカン</t>
    </rPh>
    <rPh sb="10" eb="13">
      <t>ホケンシャ</t>
    </rPh>
    <rPh sb="13" eb="15">
      <t>バンゴウ</t>
    </rPh>
    <rPh sb="16" eb="18">
      <t>トクメイ</t>
    </rPh>
    <rPh sb="18" eb="19">
      <t>カ</t>
    </rPh>
    <phoneticPr fontId="24"/>
  </si>
  <si>
    <t>　　NＤＢではコードに対して一意となる匿名化を施した項目を保持しています。</t>
    <rPh sb="11" eb="12">
      <t>タイ</t>
    </rPh>
    <rPh sb="14" eb="16">
      <t>イチイ</t>
    </rPh>
    <rPh sb="19" eb="21">
      <t>トクメイ</t>
    </rPh>
    <rPh sb="21" eb="22">
      <t>カ</t>
    </rPh>
    <rPh sb="23" eb="24">
      <t>ホドコ</t>
    </rPh>
    <rPh sb="26" eb="28">
      <t>コウモク</t>
    </rPh>
    <rPh sb="29" eb="31">
      <t>ホジ</t>
    </rPh>
    <phoneticPr fontId="24"/>
  </si>
  <si>
    <t>　　この項目以外で独自に匿名化（保険者区分に変換等）を行いたい場合は、条件等記入欄に記載ください。</t>
    <rPh sb="4" eb="6">
      <t>コウモク</t>
    </rPh>
    <rPh sb="6" eb="8">
      <t>イガイ</t>
    </rPh>
    <rPh sb="9" eb="11">
      <t>ドクジ</t>
    </rPh>
    <rPh sb="12" eb="14">
      <t>トクメイ</t>
    </rPh>
    <rPh sb="14" eb="15">
      <t>カ</t>
    </rPh>
    <rPh sb="16" eb="19">
      <t>ホケンシャ</t>
    </rPh>
    <rPh sb="19" eb="21">
      <t>クブン</t>
    </rPh>
    <rPh sb="22" eb="24">
      <t>ヘンカン</t>
    </rPh>
    <rPh sb="24" eb="25">
      <t>トウ</t>
    </rPh>
    <rPh sb="27" eb="28">
      <t>オコナ</t>
    </rPh>
    <rPh sb="31" eb="33">
      <t>バアイ</t>
    </rPh>
    <rPh sb="42" eb="44">
      <t>キサイ</t>
    </rPh>
    <phoneticPr fontId="24"/>
  </si>
  <si>
    <t>　　NＤＢの匿名化後項目とは別に、変換した区分等を他の項目に格納することも可能です。</t>
    <rPh sb="6" eb="8">
      <t>トクメイ</t>
    </rPh>
    <rPh sb="8" eb="9">
      <t>カ</t>
    </rPh>
    <rPh sb="9" eb="10">
      <t>ゴ</t>
    </rPh>
    <rPh sb="10" eb="12">
      <t>コウモク</t>
    </rPh>
    <rPh sb="14" eb="15">
      <t>ベツ</t>
    </rPh>
    <rPh sb="17" eb="19">
      <t>ヘンカン</t>
    </rPh>
    <rPh sb="21" eb="23">
      <t>クブン</t>
    </rPh>
    <rPh sb="23" eb="24">
      <t>トウ</t>
    </rPh>
    <rPh sb="25" eb="26">
      <t>ホカ</t>
    </rPh>
    <rPh sb="27" eb="29">
      <t>コウモク</t>
    </rPh>
    <rPh sb="30" eb="32">
      <t>カクノウ</t>
    </rPh>
    <rPh sb="37" eb="39">
      <t>カノウ</t>
    </rPh>
    <phoneticPr fontId="24"/>
  </si>
  <si>
    <t>フォーマットへの記入例</t>
    <rPh sb="8" eb="10">
      <t>キニュウ</t>
    </rPh>
    <rPh sb="10" eb="11">
      <t>レイ</t>
    </rPh>
    <phoneticPr fontId="24"/>
  </si>
  <si>
    <t>予備（氏名）</t>
  </si>
  <si>
    <t>匿名化　通番</t>
    <rPh sb="0" eb="2">
      <t>トクメイ</t>
    </rPh>
    <rPh sb="2" eb="3">
      <t>カ</t>
    </rPh>
    <rPh sb="4" eb="5">
      <t>ツウ</t>
    </rPh>
    <rPh sb="5" eb="6">
      <t>バン</t>
    </rPh>
    <phoneticPr fontId="24"/>
  </si>
  <si>
    <t>患者ＩＤ１をセット</t>
    <rPh sb="0" eb="2">
      <t>カンジャ</t>
    </rPh>
    <phoneticPr fontId="24"/>
  </si>
  <si>
    <t>予備（生年月日）</t>
    <rPh sb="3" eb="5">
      <t>セイネン</t>
    </rPh>
    <rPh sb="5" eb="7">
      <t>ガッピ</t>
    </rPh>
    <phoneticPr fontId="24"/>
  </si>
  <si>
    <t>匿名化　階級</t>
    <rPh sb="0" eb="2">
      <t>トクメイ</t>
    </rPh>
    <rPh sb="2" eb="3">
      <t>カ</t>
    </rPh>
    <rPh sb="4" eb="6">
      <t>カイキュウ</t>
    </rPh>
    <phoneticPr fontId="24"/>
  </si>
  <si>
    <t>別添の年齢階級コードをセット</t>
    <rPh sb="0" eb="2">
      <t>ベッテン</t>
    </rPh>
    <rPh sb="3" eb="5">
      <t>ネンレイ</t>
    </rPh>
    <rPh sb="5" eb="7">
      <t>カイキュウ</t>
    </rPh>
    <phoneticPr fontId="24"/>
  </si>
  <si>
    <t>予備（病床数）</t>
    <rPh sb="3" eb="6">
      <t>ビョウショウスウ</t>
    </rPh>
    <phoneticPr fontId="24"/>
  </si>
  <si>
    <t>別添の病床数コードをセット</t>
    <rPh sb="0" eb="2">
      <t>ベッテン</t>
    </rPh>
    <rPh sb="3" eb="6">
      <t>ビョウショウスウ</t>
    </rPh>
    <phoneticPr fontId="24"/>
  </si>
  <si>
    <t>別添8　年齢階級コード（依頼者様で準備）</t>
    <rPh sb="0" eb="2">
      <t>ベッテン</t>
    </rPh>
    <rPh sb="4" eb="6">
      <t>ネンレイ</t>
    </rPh>
    <rPh sb="6" eb="8">
      <t>カイキュウ</t>
    </rPh>
    <phoneticPr fontId="24"/>
  </si>
  <si>
    <t>別添８　病床数コード（依頼者様で準備）</t>
    <rPh sb="0" eb="2">
      <t>ベッテン</t>
    </rPh>
    <rPh sb="4" eb="7">
      <t>ビョウショウスウ</t>
    </rPh>
    <phoneticPr fontId="24"/>
  </si>
  <si>
    <t>年齢</t>
    <rPh sb="0" eb="2">
      <t>ネンレイ</t>
    </rPh>
    <phoneticPr fontId="24"/>
  </si>
  <si>
    <t>病床数</t>
    <rPh sb="0" eb="3">
      <t>ビョウショウスウ</t>
    </rPh>
    <phoneticPr fontId="24"/>
  </si>
  <si>
    <t>01</t>
  </si>
  <si>
    <t>0以上、4歳以下</t>
    <rPh sb="1" eb="3">
      <t>イジョウ</t>
    </rPh>
    <rPh sb="5" eb="6">
      <t>サイ</t>
    </rPh>
    <rPh sb="6" eb="8">
      <t>イカ</t>
    </rPh>
    <phoneticPr fontId="24"/>
  </si>
  <si>
    <t>0-○○床</t>
    <rPh sb="4" eb="5">
      <t>ユカ</t>
    </rPh>
    <phoneticPr fontId="24"/>
  </si>
  <si>
    <t>02</t>
  </si>
  <si>
    <t>5以上、9歳以下</t>
    <rPh sb="5" eb="6">
      <t>サイ</t>
    </rPh>
    <phoneticPr fontId="24"/>
  </si>
  <si>
    <t>○○-△△床</t>
    <rPh sb="5" eb="6">
      <t>ユカ</t>
    </rPh>
    <phoneticPr fontId="24"/>
  </si>
  <si>
    <t>03</t>
  </si>
  <si>
    <t>10以上、14歳以下</t>
    <rPh sb="7" eb="8">
      <t>サイ</t>
    </rPh>
    <phoneticPr fontId="24"/>
  </si>
  <si>
    <t>△△-床</t>
    <rPh sb="3" eb="4">
      <t>ユカ</t>
    </rPh>
    <phoneticPr fontId="24"/>
  </si>
  <si>
    <t>17</t>
  </si>
  <si>
    <t>80以上、84歳以下</t>
    <rPh sb="7" eb="8">
      <t>サイ</t>
    </rPh>
    <phoneticPr fontId="24"/>
  </si>
  <si>
    <t>18</t>
  </si>
  <si>
    <t>85歳以上</t>
    <rPh sb="2" eb="3">
      <t>サイ</t>
    </rPh>
    <phoneticPr fontId="24"/>
  </si>
  <si>
    <t>※以上、超過、以下、未満を記入するようお願いします。</t>
    <rPh sb="1" eb="3">
      <t>イジョウ</t>
    </rPh>
    <rPh sb="4" eb="6">
      <t>チョウカ</t>
    </rPh>
    <rPh sb="7" eb="9">
      <t>イカ</t>
    </rPh>
    <rPh sb="10" eb="12">
      <t>ミマン</t>
    </rPh>
    <rPh sb="20" eb="21">
      <t>ネガ</t>
    </rPh>
    <phoneticPr fontId="24"/>
  </si>
  <si>
    <t xml:space="preserve">   記入が無い場合、以上、以下の扱いとします。</t>
    <rPh sb="6" eb="7">
      <t>ナ</t>
    </rPh>
    <rPh sb="8" eb="10">
      <t>バアイ</t>
    </rPh>
    <rPh sb="11" eb="13">
      <t>イジョウ</t>
    </rPh>
    <rPh sb="14" eb="16">
      <t>イカ</t>
    </rPh>
    <rPh sb="17" eb="18">
      <t>アツカ</t>
    </rPh>
    <phoneticPr fontId="24"/>
  </si>
  <si>
    <t>　（上記の病床数コードのような記入の場合、0床以上、○○床以下となります）</t>
  </si>
  <si>
    <t>加工</t>
    <rPh sb="0" eb="2">
      <t>カコウ</t>
    </rPh>
    <phoneticPr fontId="24"/>
  </si>
  <si>
    <t>項目の取得方法について、特殊な取得方法が必要な場合は、「項目仕様」項目で加工を選択し、</t>
    <rPh sb="0" eb="2">
      <t>コウモク</t>
    </rPh>
    <rPh sb="3" eb="5">
      <t>シュトク</t>
    </rPh>
    <rPh sb="5" eb="7">
      <t>ホウホウ</t>
    </rPh>
    <rPh sb="12" eb="14">
      <t>トクシュ</t>
    </rPh>
    <rPh sb="15" eb="17">
      <t>シュトク</t>
    </rPh>
    <rPh sb="17" eb="19">
      <t>ホウホウ</t>
    </rPh>
    <rPh sb="20" eb="22">
      <t>ヒツヨウ</t>
    </rPh>
    <rPh sb="23" eb="25">
      <t>バアイ</t>
    </rPh>
    <rPh sb="36" eb="38">
      <t>カコウ</t>
    </rPh>
    <rPh sb="39" eb="41">
      <t>センタク</t>
    </rPh>
    <phoneticPr fontId="24"/>
  </si>
  <si>
    <t>必ず「条件等記入欄」に記入してください。</t>
  </si>
  <si>
    <t>※「項目仕様」項目について、既に絞り込み条件等を設定している場合は、「条件等記入欄」にわかるように</t>
    <rPh sb="2" eb="4">
      <t>コウモク</t>
    </rPh>
    <rPh sb="4" eb="6">
      <t>シヨウ</t>
    </rPh>
    <rPh sb="7" eb="9">
      <t>コウモク</t>
    </rPh>
    <rPh sb="14" eb="15">
      <t>スデ</t>
    </rPh>
    <rPh sb="16" eb="17">
      <t>シボ</t>
    </rPh>
    <rPh sb="18" eb="19">
      <t>コ</t>
    </rPh>
    <rPh sb="20" eb="22">
      <t>ジョウケン</t>
    </rPh>
    <rPh sb="22" eb="23">
      <t>トウ</t>
    </rPh>
    <rPh sb="24" eb="26">
      <t>セッテイ</t>
    </rPh>
    <rPh sb="30" eb="32">
      <t>バアイ</t>
    </rPh>
    <rPh sb="35" eb="37">
      <t>ジョウケン</t>
    </rPh>
    <rPh sb="37" eb="38">
      <t>トウ</t>
    </rPh>
    <rPh sb="38" eb="40">
      <t>キニュウ</t>
    </rPh>
    <rPh sb="40" eb="41">
      <t>ラン</t>
    </rPh>
    <phoneticPr fontId="24"/>
  </si>
  <si>
    <t>　　記入してください。</t>
    <rPh sb="2" eb="4">
      <t>キニュウ</t>
    </rPh>
    <phoneticPr fontId="24"/>
  </si>
  <si>
    <t>　　6．目的別ＤＢについて</t>
    <rPh sb="4" eb="6">
      <t>モクテキ</t>
    </rPh>
    <rPh sb="6" eb="7">
      <t>ベツ</t>
    </rPh>
    <phoneticPr fontId="24"/>
  </si>
  <si>
    <t>目的別ＤＢは、通常のレセプトや特定健診・保健指導のデータを使いやすい形式に、集約、編集等を行っている</t>
    <rPh sb="0" eb="2">
      <t>モクテキ</t>
    </rPh>
    <rPh sb="2" eb="3">
      <t>ベツ</t>
    </rPh>
    <rPh sb="7" eb="9">
      <t>ツウジョウ</t>
    </rPh>
    <rPh sb="15" eb="17">
      <t>トクテイ</t>
    </rPh>
    <rPh sb="17" eb="19">
      <t>ケンシン</t>
    </rPh>
    <rPh sb="20" eb="22">
      <t>ホケン</t>
    </rPh>
    <rPh sb="22" eb="24">
      <t>シドウ</t>
    </rPh>
    <rPh sb="29" eb="30">
      <t>ツカ</t>
    </rPh>
    <rPh sb="34" eb="36">
      <t>ケイシキ</t>
    </rPh>
    <rPh sb="38" eb="40">
      <t>シュウヤク</t>
    </rPh>
    <rPh sb="41" eb="43">
      <t>ヘンシュウ</t>
    </rPh>
    <rPh sb="43" eb="44">
      <t>トウ</t>
    </rPh>
    <rPh sb="45" eb="46">
      <t>オコナ</t>
    </rPh>
    <phoneticPr fontId="24"/>
  </si>
  <si>
    <t>テーブルです。</t>
  </si>
  <si>
    <t>用途に応じてご利用ください。</t>
  </si>
  <si>
    <t>また、目的別ＤＢ内のレセプト通番（一意となるキー）は、通常のレセプトや特定健診・保健指導のレセプト情報は「レセプト通番」、特定健診等は「通番1」と同じ物で</t>
    <rPh sb="3" eb="5">
      <t>モクテキ</t>
    </rPh>
    <rPh sb="5" eb="6">
      <t>ベツ</t>
    </rPh>
    <rPh sb="8" eb="9">
      <t>ナイ</t>
    </rPh>
    <rPh sb="14" eb="16">
      <t>ツウバン</t>
    </rPh>
    <rPh sb="17" eb="19">
      <t>イチイ</t>
    </rPh>
    <rPh sb="27" eb="29">
      <t>ツウジョウ</t>
    </rPh>
    <rPh sb="49" eb="51">
      <t>ジョウホウ</t>
    </rPh>
    <rPh sb="57" eb="59">
      <t>ツウバン</t>
    </rPh>
    <rPh sb="61" eb="63">
      <t>トクテイ</t>
    </rPh>
    <rPh sb="63" eb="65">
      <t>ケンシン</t>
    </rPh>
    <rPh sb="65" eb="66">
      <t>ラ</t>
    </rPh>
    <rPh sb="68" eb="70">
      <t>ツウバン</t>
    </rPh>
    <phoneticPr fontId="24"/>
  </si>
  <si>
    <t>ある為、レセプトの特定のレコード種類の項目として、目的別ＤＢの項目を出力するといった使用も可能です。</t>
    <rPh sb="9" eb="11">
      <t>トクテイ</t>
    </rPh>
    <rPh sb="16" eb="18">
      <t>シュルイ</t>
    </rPh>
    <rPh sb="19" eb="21">
      <t>コウモク</t>
    </rPh>
    <rPh sb="25" eb="27">
      <t>モクテキ</t>
    </rPh>
    <rPh sb="27" eb="28">
      <t>ベツ</t>
    </rPh>
    <rPh sb="31" eb="33">
      <t>コウモク</t>
    </rPh>
    <rPh sb="34" eb="36">
      <t>シュツリョク</t>
    </rPh>
    <rPh sb="42" eb="44">
      <t>シヨウ</t>
    </rPh>
    <rPh sb="45" eb="47">
      <t>カノウ</t>
    </rPh>
    <phoneticPr fontId="24"/>
  </si>
  <si>
    <t>※レセプトは直近2年分、特定健診・保健指導のデータは全年のデータを目的別ＤＢの保持しています。</t>
    <rPh sb="2" eb="4">
      <t>ネンブン</t>
    </rPh>
    <rPh sb="5" eb="9">
      <t>トクテイケンシン</t>
    </rPh>
    <rPh sb="10" eb="14">
      <t>ホケンシドウ</t>
    </rPh>
    <rPh sb="19" eb="20">
      <t>ゼン</t>
    </rPh>
    <rPh sb="20" eb="21">
      <t>ネン</t>
    </rPh>
    <rPh sb="26" eb="28">
      <t>ホジ</t>
    </rPh>
    <phoneticPr fontId="24"/>
  </si>
  <si>
    <t>　レセプトの目的別ＤＢの年月を指定する場合は、「直近〇か月分」の形で指定いただき、</t>
    <rPh sb="6" eb="9">
      <t>モクテキベツ</t>
    </rPh>
    <rPh sb="28" eb="29">
      <t>ゲツ</t>
    </rPh>
    <rPh sb="29" eb="30">
      <t>ブン</t>
    </rPh>
    <rPh sb="32" eb="33">
      <t>カタチ</t>
    </rPh>
    <rPh sb="34" eb="36">
      <t>シテイ</t>
    </rPh>
    <phoneticPr fontId="24"/>
  </si>
  <si>
    <t>　データ抽出時点で目的別ＤＢに格納されているデータを指定範囲分抽出いたします。</t>
    <rPh sb="4" eb="6">
      <t>チュウシュツ</t>
    </rPh>
    <rPh sb="6" eb="8">
      <t>ジテン</t>
    </rPh>
    <rPh sb="9" eb="12">
      <t>モクテキベツ</t>
    </rPh>
    <rPh sb="31" eb="33">
      <t>チュウシュツ</t>
    </rPh>
    <phoneticPr fontId="24"/>
  </si>
  <si>
    <t>　　7．注意事項</t>
    <rPh sb="4" eb="6">
      <t>チュウイ</t>
    </rPh>
    <rPh sb="6" eb="8">
      <t>ジコウ</t>
    </rPh>
    <phoneticPr fontId="24"/>
  </si>
  <si>
    <t>詳細は第三者提供ＨＰの「抽出依頼テンプレート作成の注意点」をご確認ください。</t>
  </si>
  <si>
    <t>データ抽出をご依頼の際には、以下の点にご注意ください。</t>
    <rPh sb="3" eb="5">
      <t>チュウシュツ</t>
    </rPh>
    <rPh sb="7" eb="9">
      <t>イライ</t>
    </rPh>
    <rPh sb="10" eb="11">
      <t>サイ</t>
    </rPh>
    <rPh sb="14" eb="16">
      <t>イカ</t>
    </rPh>
    <rPh sb="17" eb="18">
      <t>テン</t>
    </rPh>
    <rPh sb="20" eb="22">
      <t>チュウイ</t>
    </rPh>
    <phoneticPr fontId="24"/>
  </si>
  <si>
    <t>　・NＤＢで追加している項目について</t>
  </si>
  <si>
    <t>　　　NＤＢでは、レセプト、特定健診・保健指導情報等に格納されている項目値を元に集計が行いやすいよう</t>
  </si>
  <si>
    <t>　　　項目を追加しています。</t>
    <rPh sb="3" eb="5">
      <t>コウモク</t>
    </rPh>
    <rPh sb="6" eb="8">
      <t>ツイカ</t>
    </rPh>
    <phoneticPr fontId="24"/>
  </si>
  <si>
    <t>　　　追加されている各項目の説明については、</t>
    <rPh sb="3" eb="5">
      <t>ツイカ</t>
    </rPh>
    <rPh sb="10" eb="11">
      <t>カク</t>
    </rPh>
    <rPh sb="11" eb="13">
      <t>コウモク</t>
    </rPh>
    <rPh sb="14" eb="16">
      <t>セツメイ</t>
    </rPh>
    <phoneticPr fontId="24"/>
  </si>
  <si>
    <t>　　　第三者提供ＨＰの「抽出依頼テンプレート作成の注意点」別紙１．NＤＢで追加している項目についてをご参照ください。</t>
  </si>
  <si>
    <t>　・診療識別コードについて</t>
    <rPh sb="2" eb="4">
      <t>シンリョウ</t>
    </rPh>
    <rPh sb="4" eb="6">
      <t>シキベツ</t>
    </rPh>
    <phoneticPr fontId="24"/>
  </si>
  <si>
    <t>　　　レセプトのデータ作成ルールにより、一連の行為の場合、摘要レコードの先頭以外の診療識別は省略されて</t>
    <rPh sb="29" eb="31">
      <t>テキヨウ</t>
    </rPh>
    <rPh sb="36" eb="38">
      <t>セントウ</t>
    </rPh>
    <phoneticPr fontId="24"/>
  </si>
  <si>
    <t>　　　しまいます。</t>
  </si>
  <si>
    <t>　　　NＤＢでは、診療識別を上記ルールの空白のままの項目と、補完した項目の2項目を用意しています。</t>
    <rPh sb="9" eb="11">
      <t>シンリョウ</t>
    </rPh>
    <rPh sb="11" eb="13">
      <t>シキベツ</t>
    </rPh>
    <rPh sb="14" eb="16">
      <t>ジョウキ</t>
    </rPh>
    <rPh sb="20" eb="22">
      <t>クウハク</t>
    </rPh>
    <rPh sb="26" eb="28">
      <t>コウモク</t>
    </rPh>
    <rPh sb="30" eb="32">
      <t>ホカン</t>
    </rPh>
    <rPh sb="34" eb="36">
      <t>コウモク</t>
    </rPh>
    <rPh sb="38" eb="40">
      <t>コウモク</t>
    </rPh>
    <rPh sb="41" eb="43">
      <t>ヨウイ</t>
    </rPh>
    <phoneticPr fontId="24"/>
  </si>
  <si>
    <t>　　　必要に応じて、いずれかの項目お選びください。（両項目出すことも可能です。）</t>
    <rPh sb="3" eb="5">
      <t>ヒツヨウ</t>
    </rPh>
    <rPh sb="6" eb="7">
      <t>オウ</t>
    </rPh>
    <rPh sb="15" eb="17">
      <t>コウモク</t>
    </rPh>
    <rPh sb="18" eb="19">
      <t>エラ</t>
    </rPh>
    <rPh sb="26" eb="27">
      <t>リョウ</t>
    </rPh>
    <rPh sb="27" eb="29">
      <t>コウモク</t>
    </rPh>
    <rPh sb="29" eb="30">
      <t>ダ</t>
    </rPh>
    <rPh sb="34" eb="36">
      <t>カノウ</t>
    </rPh>
    <phoneticPr fontId="24"/>
  </si>
  <si>
    <t>診療識別：省略されたままの値を格納</t>
    <rPh sb="5" eb="7">
      <t>ショウリャク</t>
    </rPh>
    <rPh sb="13" eb="14">
      <t>アタイ</t>
    </rPh>
    <rPh sb="15" eb="17">
      <t>カクノウ</t>
    </rPh>
    <phoneticPr fontId="24"/>
  </si>
  <si>
    <t>補完後診療識別：診療識別を補完した値を格納</t>
    <rPh sb="8" eb="10">
      <t>シンリョウ</t>
    </rPh>
    <rPh sb="10" eb="12">
      <t>シキベツ</t>
    </rPh>
    <rPh sb="13" eb="15">
      <t>ホカン</t>
    </rPh>
    <rPh sb="17" eb="18">
      <t>アタイ</t>
    </rPh>
    <rPh sb="19" eb="21">
      <t>カクノウ</t>
    </rPh>
    <phoneticPr fontId="24"/>
  </si>
  <si>
    <t>　・一連の行為について</t>
    <rPh sb="2" eb="4">
      <t>イチレン</t>
    </rPh>
    <rPh sb="5" eb="7">
      <t>コウイ</t>
    </rPh>
    <phoneticPr fontId="24"/>
  </si>
  <si>
    <t>　　　診療識別コードの項に記載した、省略ルールを使う事で一連の行為を判別することが可能ですが、</t>
    <rPh sb="3" eb="5">
      <t>シンリョウ</t>
    </rPh>
    <rPh sb="5" eb="7">
      <t>シキベツ</t>
    </rPh>
    <rPh sb="11" eb="12">
      <t>コウ</t>
    </rPh>
    <rPh sb="13" eb="15">
      <t>キサイ</t>
    </rPh>
    <rPh sb="18" eb="20">
      <t>ショウリャク</t>
    </rPh>
    <rPh sb="24" eb="25">
      <t>ツカ</t>
    </rPh>
    <rPh sb="26" eb="27">
      <t>コト</t>
    </rPh>
    <rPh sb="28" eb="30">
      <t>イチレン</t>
    </rPh>
    <rPh sb="31" eb="33">
      <t>コウイ</t>
    </rPh>
    <rPh sb="34" eb="36">
      <t>ハンベツ</t>
    </rPh>
    <rPh sb="41" eb="43">
      <t>カノウ</t>
    </rPh>
    <phoneticPr fontId="24"/>
  </si>
  <si>
    <t>　　　NＤＢでは、省略ルールを使用せずに判別できるよう「一連番号」、「一連順序」という項目を用意しています。</t>
    <rPh sb="9" eb="11">
      <t>ショウリャク</t>
    </rPh>
    <rPh sb="15" eb="17">
      <t>シヨウ</t>
    </rPh>
    <rPh sb="20" eb="22">
      <t>ハンベツ</t>
    </rPh>
    <rPh sb="43" eb="45">
      <t>コウモク</t>
    </rPh>
    <rPh sb="46" eb="48">
      <t>ヨウイ</t>
    </rPh>
    <phoneticPr fontId="24"/>
  </si>
  <si>
    <t>　　　この項目により、一連の行為及び一連の行為内の順番を判別することが可能です。</t>
    <rPh sb="5" eb="7">
      <t>コウモク</t>
    </rPh>
    <rPh sb="11" eb="13">
      <t>イチレン</t>
    </rPh>
    <rPh sb="14" eb="16">
      <t>コウイ</t>
    </rPh>
    <rPh sb="16" eb="17">
      <t>オヨ</t>
    </rPh>
    <rPh sb="18" eb="20">
      <t>イチレン</t>
    </rPh>
    <rPh sb="21" eb="23">
      <t>コウイ</t>
    </rPh>
    <rPh sb="23" eb="24">
      <t>ナイ</t>
    </rPh>
    <rPh sb="25" eb="27">
      <t>ジュンバン</t>
    </rPh>
    <rPh sb="28" eb="30">
      <t>ハンベツ</t>
    </rPh>
    <rPh sb="35" eb="37">
      <t>カノウ</t>
    </rPh>
    <phoneticPr fontId="24"/>
  </si>
  <si>
    <t>　　　※詳細は、第三者提供ＨＰの「抽出依頼テンプレート作成の注意点」「別紙3．一連の行為の判別方法」を参照ください。</t>
  </si>
  <si>
    <t>　・ブロック抽出について</t>
    <rPh sb="6" eb="8">
      <t>チュウシュツ</t>
    </rPh>
    <phoneticPr fontId="24"/>
  </si>
  <si>
    <t>　　摘要レコードにある点数や回数は、同一の「一連の行為」内であった場合、最終行にのみ合算値を格納するというルールがあります。</t>
  </si>
  <si>
    <t>　　その為、点数や回数を集計しようとした場合、指定したコードのみを抽出しても空白となっている可能性があります。</t>
    <rPh sb="6" eb="8">
      <t>テンスウ</t>
    </rPh>
    <rPh sb="9" eb="11">
      <t>カイスウ</t>
    </rPh>
    <rPh sb="12" eb="14">
      <t>シュウケイ</t>
    </rPh>
    <rPh sb="20" eb="22">
      <t>バアイ</t>
    </rPh>
    <rPh sb="23" eb="25">
      <t>シテイ</t>
    </rPh>
    <rPh sb="33" eb="35">
      <t>チュウシュツ</t>
    </rPh>
    <rPh sb="38" eb="40">
      <t>クウハク</t>
    </rPh>
    <rPh sb="46" eb="49">
      <t>カノウセイ</t>
    </rPh>
    <phoneticPr fontId="24"/>
  </si>
  <si>
    <t>　　特別抽出では、指定したコードを持つレセプトの全て摘要レコードを抽出することが可能です。</t>
    <rPh sb="2" eb="4">
      <t>トクベツ</t>
    </rPh>
    <rPh sb="4" eb="6">
      <t>チュウシュツ</t>
    </rPh>
    <rPh sb="9" eb="11">
      <t>シテイ</t>
    </rPh>
    <rPh sb="17" eb="18">
      <t>モ</t>
    </rPh>
    <rPh sb="26" eb="28">
      <t>テキヨウ</t>
    </rPh>
    <rPh sb="33" eb="35">
      <t>チュウシュツ</t>
    </rPh>
    <rPh sb="40" eb="42">
      <t>カノウ</t>
    </rPh>
    <phoneticPr fontId="24"/>
  </si>
  <si>
    <t>　　（指定コード以外のコードはマスキング）</t>
  </si>
  <si>
    <t>　　このデータを元に、依頼者様側で空白を埋めていただくことで、正しい計算及び集計が可能になります。</t>
    <rPh sb="8" eb="9">
      <t>モト</t>
    </rPh>
    <rPh sb="11" eb="14">
      <t>イライシャ</t>
    </rPh>
    <rPh sb="14" eb="15">
      <t>サマ</t>
    </rPh>
    <rPh sb="15" eb="16">
      <t>ガワ</t>
    </rPh>
    <rPh sb="17" eb="19">
      <t>クウハク</t>
    </rPh>
    <rPh sb="20" eb="21">
      <t>ウ</t>
    </rPh>
    <rPh sb="31" eb="32">
      <t>タダ</t>
    </rPh>
    <rPh sb="34" eb="36">
      <t>ケイサン</t>
    </rPh>
    <rPh sb="36" eb="37">
      <t>オヨ</t>
    </rPh>
    <rPh sb="38" eb="40">
      <t>シュウケイ</t>
    </rPh>
    <rPh sb="41" eb="43">
      <t>カノウ</t>
    </rPh>
    <phoneticPr fontId="24"/>
  </si>
  <si>
    <t>　　（回数、点数を指定されていて、抽出パターンの指定がない場合は、レセプトの持つ該当のレコード種類全てを抽出します。）</t>
  </si>
  <si>
    <t>　　また、NＤＢでは取込みを行う際に、点数と回数の補完を行っています。</t>
    <rPh sb="10" eb="12">
      <t>トリコ</t>
    </rPh>
    <rPh sb="14" eb="15">
      <t>オコナ</t>
    </rPh>
    <rPh sb="16" eb="17">
      <t>サイ</t>
    </rPh>
    <rPh sb="19" eb="21">
      <t>テンスウ</t>
    </rPh>
    <rPh sb="22" eb="24">
      <t>カイスウ</t>
    </rPh>
    <rPh sb="25" eb="27">
      <t>ホカン</t>
    </rPh>
    <rPh sb="28" eb="29">
      <t>オコナ</t>
    </rPh>
    <phoneticPr fontId="24"/>
  </si>
  <si>
    <t>　　用途に合わせて、こちらもお使いください。</t>
    <rPh sb="2" eb="4">
      <t>ヨウト</t>
    </rPh>
    <rPh sb="5" eb="6">
      <t>ア</t>
    </rPh>
    <rPh sb="15" eb="16">
      <t>ツカ</t>
    </rPh>
    <phoneticPr fontId="24"/>
  </si>
  <si>
    <t>　　（補完点数の計算方法は、第三者提供ＨＰの「抽出依頼テンプレート作成の注意点」別紙4以降をご覧ください）</t>
  </si>
  <si>
    <t>　・傷病コード（ＳＹレコード）の、疑い病名を判別する為のフラグが必要か　</t>
    <rPh sb="17" eb="18">
      <t>ウタガ</t>
    </rPh>
    <rPh sb="19" eb="21">
      <t>ビョウメイ</t>
    </rPh>
    <rPh sb="22" eb="24">
      <t>ハンベツ</t>
    </rPh>
    <rPh sb="26" eb="27">
      <t>タメ</t>
    </rPh>
    <rPh sb="32" eb="34">
      <t>ヒツヨウ</t>
    </rPh>
    <phoneticPr fontId="24"/>
  </si>
  <si>
    <t>　　→同レコードの修飾語コード項目も必要となります。</t>
  </si>
  <si>
    <t>　　　修飾語コードで判別を行なわない場合、疑いとして登録されているレセプトも、指定の傷病となってしまいます。</t>
  </si>
  <si>
    <t>　・傷病コード（ＳＹレコード）の、「診療開始日」は必要か</t>
    <rPh sb="18" eb="20">
      <t>シンリョウ</t>
    </rPh>
    <rPh sb="20" eb="23">
      <t>カイシビ</t>
    </rPh>
    <rPh sb="25" eb="27">
      <t>ヒツヨウ</t>
    </rPh>
    <phoneticPr fontId="24"/>
  </si>
  <si>
    <t>　　→新規の罹患数等の集計をする場合は、必要となります。</t>
    <rPh sb="3" eb="5">
      <t>シンキ</t>
    </rPh>
    <rPh sb="6" eb="8">
      <t>リカン</t>
    </rPh>
    <rPh sb="8" eb="9">
      <t>カズ</t>
    </rPh>
    <rPh sb="9" eb="10">
      <t>トウ</t>
    </rPh>
    <rPh sb="11" eb="13">
      <t>シュウケイ</t>
    </rPh>
    <rPh sb="16" eb="18">
      <t>バアイ</t>
    </rPh>
    <rPh sb="20" eb="22">
      <t>ヒツヨウ</t>
    </rPh>
    <phoneticPr fontId="24"/>
  </si>
  <si>
    <t>　　　※ＤＰＣの傷病レコードファイル（ＳＢ）には、「診療開始日」がありません。</t>
    <rPh sb="26" eb="28">
      <t>シンリョウ</t>
    </rPh>
    <rPh sb="28" eb="31">
      <t>カイシビ</t>
    </rPh>
    <phoneticPr fontId="24"/>
  </si>
  <si>
    <t>　　　　　ＳＹも抽出する必要があるか、検討をお願いします。</t>
    <rPh sb="8" eb="10">
      <t>チュウシュツ</t>
    </rPh>
    <rPh sb="12" eb="14">
      <t>ヒツヨウ</t>
    </rPh>
    <rPh sb="19" eb="21">
      <t>ケントウ</t>
    </rPh>
    <rPh sb="23" eb="24">
      <t>ネガ</t>
    </rPh>
    <phoneticPr fontId="24"/>
  </si>
  <si>
    <t>　・入院、外来の区別は必要か</t>
    <rPh sb="2" eb="4">
      <t>ニュウイン</t>
    </rPh>
    <rPh sb="5" eb="7">
      <t>ガイライ</t>
    </rPh>
    <rPh sb="8" eb="10">
      <t>クベツ</t>
    </rPh>
    <rPh sb="11" eb="13">
      <t>ヒツヨウ</t>
    </rPh>
    <phoneticPr fontId="24"/>
  </si>
  <si>
    <t>　　区別をする為には、ＲＥレコードの「レセプト種別」が必要となります。</t>
    <rPh sb="2" eb="4">
      <t>クベツ</t>
    </rPh>
    <rPh sb="7" eb="8">
      <t>タメ</t>
    </rPh>
    <rPh sb="23" eb="25">
      <t>シュベツ</t>
    </rPh>
    <rPh sb="27" eb="29">
      <t>ヒツヨウ</t>
    </rPh>
    <phoneticPr fontId="24"/>
  </si>
  <si>
    <t>　・ＤＰＣを抽出対象とする場合の注意</t>
    <rPh sb="6" eb="8">
      <t>チュウシュツ</t>
    </rPh>
    <rPh sb="8" eb="10">
      <t>タイショウ</t>
    </rPh>
    <rPh sb="13" eb="15">
      <t>バアイ</t>
    </rPh>
    <rPh sb="16" eb="18">
      <t>チュウイ</t>
    </rPh>
    <phoneticPr fontId="24"/>
  </si>
  <si>
    <t>　　①包括されるケースは、コーディングレコード（ＣＤレコード）も必要かご検討ください。</t>
    <rPh sb="3" eb="5">
      <t>ホウカツ</t>
    </rPh>
    <rPh sb="32" eb="34">
      <t>ヒツヨウ</t>
    </rPh>
    <rPh sb="36" eb="38">
      <t>ケントウ</t>
    </rPh>
    <phoneticPr fontId="24"/>
  </si>
  <si>
    <r>
      <t>　　　　コーディングレコードの、レセプト電算処理システム用コード項目は、</t>
    </r>
    <r>
      <rPr>
        <b/>
        <sz val="11"/>
        <color indexed="8"/>
        <rFont val="ＭＳ Ｐゴシック"/>
        <family val="3"/>
        <charset val="128"/>
      </rPr>
      <t>診療行為、医薬品コード又は特定器材コード</t>
    </r>
    <r>
      <rPr>
        <sz val="11"/>
        <color indexed="8"/>
        <rFont val="ＭＳ Ｐゴシック"/>
        <family val="3"/>
        <charset val="128"/>
      </rPr>
      <t>が</t>
    </r>
    <rPh sb="32" eb="34">
      <t>コウモク</t>
    </rPh>
    <rPh sb="36" eb="38">
      <t>シンリョウ</t>
    </rPh>
    <rPh sb="38" eb="40">
      <t>コウイ</t>
    </rPh>
    <rPh sb="41" eb="44">
      <t>イヤクヒン</t>
    </rPh>
    <rPh sb="47" eb="48">
      <t>マタ</t>
    </rPh>
    <rPh sb="49" eb="53">
      <t>トクテイキザイ</t>
    </rPh>
    <phoneticPr fontId="24"/>
  </si>
  <si>
    <t>　　　　格納される仕様となっております。</t>
    <rPh sb="4" eb="6">
      <t>カクノウ</t>
    </rPh>
    <rPh sb="9" eb="11">
      <t>シヨウ</t>
    </rPh>
    <phoneticPr fontId="24"/>
  </si>
  <si>
    <t>　　　　抽出するコードについては、診療行為コード、医薬品コード、特定器材コードの指定をお願いします。</t>
    <rPh sb="4" eb="6">
      <t>チュウシュツ</t>
    </rPh>
    <rPh sb="17" eb="19">
      <t>シンリョウ</t>
    </rPh>
    <rPh sb="19" eb="21">
      <t>コウイ</t>
    </rPh>
    <rPh sb="25" eb="28">
      <t>イヤクヒン</t>
    </rPh>
    <rPh sb="32" eb="36">
      <t>トクテイキザイ</t>
    </rPh>
    <rPh sb="40" eb="42">
      <t>シテイ</t>
    </rPh>
    <rPh sb="44" eb="45">
      <t>ネガ</t>
    </rPh>
    <phoneticPr fontId="24"/>
  </si>
  <si>
    <t>　　②診療関連レコード（ＳＫレコード）にも診療行為コードが格納される仕様となっております。</t>
    <rPh sb="21" eb="23">
      <t>シンリョウ</t>
    </rPh>
    <rPh sb="23" eb="25">
      <t>コウイ</t>
    </rPh>
    <rPh sb="29" eb="31">
      <t>カクノウ</t>
    </rPh>
    <rPh sb="34" eb="36">
      <t>シヨウ</t>
    </rPh>
    <phoneticPr fontId="24"/>
  </si>
  <si>
    <t>　　　　ＳＫレコードが必要な場合、診療行為コードを指定してください。</t>
    <rPh sb="11" eb="13">
      <t>ヒツヨウ</t>
    </rPh>
    <rPh sb="14" eb="16">
      <t>バアイ</t>
    </rPh>
    <rPh sb="17" eb="19">
      <t>シンリョウ</t>
    </rPh>
    <rPh sb="19" eb="21">
      <t>コウイ</t>
    </rPh>
    <rPh sb="25" eb="27">
      <t>シテイ</t>
    </rPh>
    <phoneticPr fontId="24"/>
  </si>
  <si>
    <t>　　③ＤＰＣは、レセプト総括区分項目で、ＤＰＣレセプト、総括レセプトとを区別しています。</t>
    <rPh sb="12" eb="14">
      <t>ソウカツ</t>
    </rPh>
    <rPh sb="14" eb="16">
      <t>クブン</t>
    </rPh>
    <rPh sb="16" eb="18">
      <t>コウモク</t>
    </rPh>
    <rPh sb="28" eb="30">
      <t>ソウカツ</t>
    </rPh>
    <rPh sb="36" eb="38">
      <t>クベツ</t>
    </rPh>
    <phoneticPr fontId="24"/>
  </si>
  <si>
    <r>
      <t>　　　その為、レセプト総括区分に関しては、</t>
    </r>
    <r>
      <rPr>
        <b/>
        <sz val="11"/>
        <color indexed="8"/>
        <rFont val="ＭＳ Ｐゴシック"/>
        <family val="3"/>
        <charset val="128"/>
      </rPr>
      <t>無条件</t>
    </r>
    <r>
      <rPr>
        <sz val="11"/>
        <color indexed="8"/>
        <rFont val="ＭＳ Ｐゴシック"/>
        <family val="3"/>
        <charset val="128"/>
      </rPr>
      <t>で抽出対象としています。</t>
    </r>
    <rPh sb="5" eb="6">
      <t>タメ</t>
    </rPh>
    <rPh sb="11" eb="13">
      <t>ソウカツ</t>
    </rPh>
    <rPh sb="13" eb="15">
      <t>クブン</t>
    </rPh>
    <rPh sb="16" eb="17">
      <t>カン</t>
    </rPh>
    <rPh sb="21" eb="24">
      <t>ムジョウケン</t>
    </rPh>
    <rPh sb="25" eb="27">
      <t>チュウシュツ</t>
    </rPh>
    <rPh sb="27" eb="29">
      <t>タイショウ</t>
    </rPh>
    <phoneticPr fontId="24"/>
  </si>
  <si>
    <t xml:space="preserve"> ・摘要レコードの点数項目を使用する場合の注意</t>
    <rPh sb="2" eb="4">
      <t>テキヨウ</t>
    </rPh>
    <rPh sb="9" eb="11">
      <t>テンスウ</t>
    </rPh>
    <rPh sb="11" eb="13">
      <t>コウモク</t>
    </rPh>
    <rPh sb="14" eb="16">
      <t>シヨウ</t>
    </rPh>
    <rPh sb="18" eb="20">
      <t>バアイ</t>
    </rPh>
    <rPh sb="21" eb="23">
      <t>チュウイ</t>
    </rPh>
    <phoneticPr fontId="24"/>
  </si>
  <si>
    <t>　　　ＳＩとＩＹレコードは、レセプトの省略ルールにより、同一の一連の行為であった場合、点数を省略し、</t>
    <rPh sb="19" eb="21">
      <t>ショウリャク</t>
    </rPh>
    <rPh sb="28" eb="30">
      <t>ドウイツ</t>
    </rPh>
    <rPh sb="31" eb="33">
      <t>イチレン</t>
    </rPh>
    <rPh sb="34" eb="36">
      <t>コウイ</t>
    </rPh>
    <rPh sb="40" eb="42">
      <t>バアイ</t>
    </rPh>
    <rPh sb="43" eb="45">
      <t>テンスウ</t>
    </rPh>
    <rPh sb="46" eb="48">
      <t>ショウリャク</t>
    </rPh>
    <phoneticPr fontId="24"/>
  </si>
  <si>
    <t>　　　一連の行為の最終レコードに合算された点数が格納されます。</t>
    <rPh sb="3" eb="5">
      <t>イチレン</t>
    </rPh>
    <rPh sb="6" eb="8">
      <t>コウイ</t>
    </rPh>
    <rPh sb="9" eb="11">
      <t>サイシュウ</t>
    </rPh>
    <rPh sb="16" eb="18">
      <t>ガッサン</t>
    </rPh>
    <rPh sb="21" eb="23">
      <t>テンスウ</t>
    </rPh>
    <rPh sb="24" eb="26">
      <t>カクノウ</t>
    </rPh>
    <phoneticPr fontId="24"/>
  </si>
  <si>
    <t>　　　NＤＢでは取り込む際に、各レコード単位の点数を計算した値を別項目として追加しています。</t>
    <rPh sb="8" eb="9">
      <t>ト</t>
    </rPh>
    <rPh sb="10" eb="11">
      <t>コ</t>
    </rPh>
    <rPh sb="12" eb="13">
      <t>サイ</t>
    </rPh>
    <rPh sb="15" eb="16">
      <t>カク</t>
    </rPh>
    <rPh sb="20" eb="22">
      <t>タンイ</t>
    </rPh>
    <rPh sb="23" eb="25">
      <t>テンスウ</t>
    </rPh>
    <rPh sb="26" eb="28">
      <t>ケイサン</t>
    </rPh>
    <rPh sb="30" eb="31">
      <t>アタイ</t>
    </rPh>
    <rPh sb="32" eb="33">
      <t>ベツ</t>
    </rPh>
    <rPh sb="33" eb="35">
      <t>コウモク</t>
    </rPh>
    <rPh sb="38" eb="40">
      <t>ツイカ</t>
    </rPh>
    <phoneticPr fontId="24"/>
  </si>
  <si>
    <t>　　　省略してある点数項目、もしくはNＤＢで補完した項目を使用するかをご判断ください。</t>
    <rPh sb="3" eb="5">
      <t>ショウリャク</t>
    </rPh>
    <rPh sb="9" eb="11">
      <t>テンスウ</t>
    </rPh>
    <rPh sb="11" eb="13">
      <t>コウモク</t>
    </rPh>
    <rPh sb="22" eb="24">
      <t>ホカン</t>
    </rPh>
    <rPh sb="26" eb="28">
      <t>コウモク</t>
    </rPh>
    <rPh sb="29" eb="31">
      <t>シヨウ</t>
    </rPh>
    <rPh sb="36" eb="38">
      <t>ハンダン</t>
    </rPh>
    <phoneticPr fontId="24"/>
  </si>
  <si>
    <t>　　　両方出力することも可能です。</t>
    <rPh sb="3" eb="5">
      <t>リョウホウ</t>
    </rPh>
    <rPh sb="5" eb="7">
      <t>シュツリョク</t>
    </rPh>
    <rPh sb="12" eb="14">
      <t>カノウ</t>
    </rPh>
    <phoneticPr fontId="24"/>
  </si>
  <si>
    <t>　・特定健診・保健指導を抽出対象とする場合の注意</t>
    <rPh sb="2" eb="4">
      <t>トクテイ</t>
    </rPh>
    <rPh sb="4" eb="6">
      <t>ケンシン</t>
    </rPh>
    <rPh sb="7" eb="9">
      <t>ホケン</t>
    </rPh>
    <rPh sb="9" eb="11">
      <t>シドウ</t>
    </rPh>
    <rPh sb="12" eb="14">
      <t>チュウシュツ</t>
    </rPh>
    <rPh sb="14" eb="16">
      <t>タイショウ</t>
    </rPh>
    <rPh sb="19" eb="21">
      <t>バアイ</t>
    </rPh>
    <rPh sb="22" eb="24">
      <t>チュウイ</t>
    </rPh>
    <phoneticPr fontId="24"/>
  </si>
  <si>
    <t>　　　①</t>
  </si>
  <si>
    <t>特定健診データは、有効フラグ項目で特定健診単体で受診したか、他の検診等と一緒に受診したかが</t>
  </si>
  <si>
    <t>　　　　　</t>
  </si>
  <si>
    <t>判別可能です。</t>
  </si>
  <si>
    <t>抽出や集計の条件として必要に応じてご利用ください。</t>
  </si>
  <si>
    <r>
      <t>抽出条件として選択されていない場合は、</t>
    </r>
    <r>
      <rPr>
        <u/>
        <sz val="11"/>
        <color indexed="8"/>
        <rFont val="ＭＳ Ｐゴシック"/>
        <family val="3"/>
        <charset val="128"/>
      </rPr>
      <t>「010」以外のコードを持つデータを含めた全てが対象となります。</t>
    </r>
  </si>
  <si>
    <t>　　　②</t>
  </si>
  <si>
    <t>特定健診・保健指導のデータクリーニングについて</t>
  </si>
  <si>
    <t>特定健診・保健指導は、NＤＢに格納する際にデータクリーニングを行っています。</t>
  </si>
  <si>
    <t>　　　　　クリーニング対象となったデータの対象項目にはnullが格納され、元の値はクリーニング前項目に格納されます。</t>
    <rPh sb="11" eb="13">
      <t>タイショウ</t>
    </rPh>
    <rPh sb="21" eb="23">
      <t>タイショウ</t>
    </rPh>
    <rPh sb="23" eb="25">
      <t>コウモク</t>
    </rPh>
    <rPh sb="32" eb="34">
      <t>カクノウ</t>
    </rPh>
    <rPh sb="37" eb="38">
      <t>モト</t>
    </rPh>
    <rPh sb="39" eb="40">
      <t>アタイ</t>
    </rPh>
    <rPh sb="47" eb="48">
      <t>マエ</t>
    </rPh>
    <rPh sb="48" eb="50">
      <t>コウモク</t>
    </rPh>
    <rPh sb="51" eb="53">
      <t>カクノウ</t>
    </rPh>
    <phoneticPr fontId="24"/>
  </si>
  <si>
    <t>その為、個票データとして存在するが、項目に値が入っていないデータが存在することとなります。</t>
    <rPh sb="4" eb="6">
      <t>コヒョウ</t>
    </rPh>
    <rPh sb="12" eb="14">
      <t>ソンザイ</t>
    </rPh>
    <rPh sb="18" eb="20">
      <t>コウモク</t>
    </rPh>
    <rPh sb="21" eb="22">
      <t>アタイ</t>
    </rPh>
    <rPh sb="23" eb="24">
      <t>ハイ</t>
    </rPh>
    <rPh sb="33" eb="35">
      <t>ソンザイ</t>
    </rPh>
    <phoneticPr fontId="24"/>
  </si>
  <si>
    <t>特別抽出では、対象項目のみの提供となる為、クリーニング対象となった値は出力されません。</t>
    <rPh sb="0" eb="2">
      <t>トクベツ</t>
    </rPh>
    <rPh sb="2" eb="4">
      <t>チュウシュツ</t>
    </rPh>
    <rPh sb="7" eb="9">
      <t>タイショウ</t>
    </rPh>
    <rPh sb="9" eb="11">
      <t>コウモク</t>
    </rPh>
    <rPh sb="14" eb="16">
      <t>テイキョウ</t>
    </rPh>
    <rPh sb="27" eb="29">
      <t>タイショウ</t>
    </rPh>
    <rPh sb="33" eb="34">
      <t>アタイ</t>
    </rPh>
    <rPh sb="35" eb="37">
      <t>シュツリョク</t>
    </rPh>
    <phoneticPr fontId="24"/>
  </si>
  <si>
    <t xml:space="preserve"> ・小数点項目について</t>
    <rPh sb="2" eb="5">
      <t>ショウスウテン</t>
    </rPh>
    <rPh sb="5" eb="7">
      <t>コウモク</t>
    </rPh>
    <phoneticPr fontId="24"/>
  </si>
  <si>
    <t>　　小数点項目を出力する場合、何も指定が無い場合はテーブルに格納された小数点桁数で出力を行います。</t>
    <rPh sb="2" eb="7">
      <t>ショウスウテンコウモク</t>
    </rPh>
    <rPh sb="8" eb="10">
      <t>シュツリョク</t>
    </rPh>
    <rPh sb="12" eb="14">
      <t>バアイ</t>
    </rPh>
    <rPh sb="15" eb="16">
      <t>ナニ</t>
    </rPh>
    <rPh sb="17" eb="19">
      <t>シテイ</t>
    </rPh>
    <rPh sb="20" eb="21">
      <t>ナ</t>
    </rPh>
    <rPh sb="22" eb="24">
      <t>バアイ</t>
    </rPh>
    <rPh sb="30" eb="32">
      <t>カクノウ</t>
    </rPh>
    <rPh sb="35" eb="38">
      <t>ショウスウテン</t>
    </rPh>
    <rPh sb="38" eb="40">
      <t>ケタスウ</t>
    </rPh>
    <rPh sb="41" eb="43">
      <t>シュツリョク</t>
    </rPh>
    <rPh sb="44" eb="45">
      <t>オコナ</t>
    </rPh>
    <phoneticPr fontId="24"/>
  </si>
  <si>
    <t>　　記録条件仕様や、ご希望の小数点桁数で出力したい場合は、条件等記入欄又は、各フォーマットの最終ページにあります、</t>
    <rPh sb="2" eb="8">
      <t>キロクジョウケンシヨウ</t>
    </rPh>
    <rPh sb="11" eb="13">
      <t>キボウ</t>
    </rPh>
    <rPh sb="14" eb="17">
      <t>ショウスウテン</t>
    </rPh>
    <rPh sb="17" eb="19">
      <t>ケタスウ</t>
    </rPh>
    <rPh sb="20" eb="22">
      <t>シュツリョク</t>
    </rPh>
    <rPh sb="25" eb="27">
      <t>バアイ</t>
    </rPh>
    <phoneticPr fontId="24"/>
  </si>
  <si>
    <t>　　その他・コメント等（フリー記入欄）に記入願います。</t>
  </si>
  <si>
    <t xml:space="preserve"> ・患者ＩＤの注意</t>
    <rPh sb="2" eb="4">
      <t>カンジャ</t>
    </rPh>
    <rPh sb="7" eb="9">
      <t>チュウイ</t>
    </rPh>
    <phoneticPr fontId="24"/>
  </si>
  <si>
    <t>　　レセプトは、氏名は漢字で記述されますが、特定健診・保健指導では、カタカナで記述される関係で、</t>
    <rPh sb="8" eb="10">
      <t>シメイ</t>
    </rPh>
    <rPh sb="11" eb="13">
      <t>カンジ</t>
    </rPh>
    <rPh sb="14" eb="16">
      <t>キジュツ</t>
    </rPh>
    <rPh sb="22" eb="24">
      <t>トクテイ</t>
    </rPh>
    <rPh sb="24" eb="26">
      <t>ケンシン</t>
    </rPh>
    <rPh sb="27" eb="29">
      <t>ホケン</t>
    </rPh>
    <rPh sb="29" eb="31">
      <t>シドウ</t>
    </rPh>
    <rPh sb="39" eb="41">
      <t>キジュツ</t>
    </rPh>
    <rPh sb="44" eb="46">
      <t>カンケイ</t>
    </rPh>
    <phoneticPr fontId="24"/>
  </si>
  <si>
    <t>　　レセプトと特定健診、保健指導を名寄せする場合、患者ＩＤ2では名寄せができません。</t>
    <rPh sb="7" eb="9">
      <t>トクテイ</t>
    </rPh>
    <rPh sb="9" eb="11">
      <t>ケンシン</t>
    </rPh>
    <rPh sb="12" eb="14">
      <t>ホケン</t>
    </rPh>
    <rPh sb="14" eb="16">
      <t>シドウ</t>
    </rPh>
    <rPh sb="17" eb="19">
      <t>ナヨ</t>
    </rPh>
    <rPh sb="22" eb="24">
      <t>バアイ</t>
    </rPh>
    <rPh sb="25" eb="27">
      <t>カンジャ</t>
    </rPh>
    <rPh sb="32" eb="34">
      <t>ナヨ</t>
    </rPh>
    <phoneticPr fontId="24"/>
  </si>
  <si>
    <t>　　患者ＩＤ１ｎでの名寄せを設定してください。</t>
    <rPh sb="2" eb="4">
      <t>カンジャ</t>
    </rPh>
    <rPh sb="10" eb="12">
      <t>ナヨ</t>
    </rPh>
    <rPh sb="14" eb="16">
      <t>セッテイ</t>
    </rPh>
    <phoneticPr fontId="24"/>
  </si>
  <si>
    <t>　・使用するマスターについて</t>
    <rPh sb="2" eb="4">
      <t>シヨウ</t>
    </rPh>
    <phoneticPr fontId="24"/>
  </si>
  <si>
    <t>　　NＤＢでは標準的なマスターをご用意していますが、別のマスターをご利用されたい場合、依頼者様が用意し、</t>
    <rPh sb="7" eb="10">
      <t>ヒョウジュンテキ</t>
    </rPh>
    <rPh sb="17" eb="19">
      <t>ヨウイ</t>
    </rPh>
    <rPh sb="26" eb="27">
      <t>ベツ</t>
    </rPh>
    <rPh sb="34" eb="36">
      <t>リヨウ</t>
    </rPh>
    <rPh sb="40" eb="42">
      <t>バアイ</t>
    </rPh>
    <phoneticPr fontId="24"/>
  </si>
  <si>
    <t>　　提供いただく必要があります。</t>
    <rPh sb="2" eb="4">
      <t>テイキョウ</t>
    </rPh>
    <rPh sb="8" eb="10">
      <t>ヒツヨウ</t>
    </rPh>
    <phoneticPr fontId="24"/>
  </si>
  <si>
    <t>　　また、マスターを使うにあたって、マスターに存在しないコードがあった場合の対応方法も明記ください。</t>
    <rPh sb="10" eb="11">
      <t>ツカ</t>
    </rPh>
    <rPh sb="23" eb="25">
      <t>ソンザイ</t>
    </rPh>
    <rPh sb="35" eb="37">
      <t>バアイ</t>
    </rPh>
    <rPh sb="38" eb="40">
      <t>タイオウ</t>
    </rPh>
    <rPh sb="40" eb="42">
      <t>ホウホウ</t>
    </rPh>
    <phoneticPr fontId="24"/>
  </si>
  <si>
    <r>
      <t>　　（空で出力や、99を格納する等）　</t>
    </r>
    <r>
      <rPr>
        <sz val="11"/>
        <color rgb="FFFF0000"/>
        <rFont val="ＭＳ Ｐゴシック"/>
        <family val="3"/>
        <charset val="128"/>
        <scheme val="minor"/>
      </rPr>
      <t>指定の無い場合は、空での出力となります。</t>
    </r>
    <rPh sb="19" eb="21">
      <t>シテイ</t>
    </rPh>
    <rPh sb="22" eb="23">
      <t>ナ</t>
    </rPh>
    <rPh sb="24" eb="26">
      <t>バアイ</t>
    </rPh>
    <rPh sb="28" eb="29">
      <t>カラ</t>
    </rPh>
    <rPh sb="31" eb="33">
      <t>シュツリョク</t>
    </rPh>
    <phoneticPr fontId="24"/>
  </si>
  <si>
    <r>
      <t xml:space="preserve">    また、傷病コード、診療行為コードといったコードの種類単位で</t>
    </r>
    <r>
      <rPr>
        <sz val="11"/>
        <color indexed="10"/>
        <rFont val="ＭＳ Ｐゴシック"/>
        <family val="3"/>
        <charset val="128"/>
      </rPr>
      <t>必ずコードの重複が無いよう</t>
    </r>
    <r>
      <rPr>
        <sz val="11"/>
        <color indexed="8"/>
        <rFont val="ＭＳ Ｐゴシック"/>
        <family val="3"/>
        <charset val="128"/>
      </rPr>
      <t>にしてください。</t>
    </r>
    <rPh sb="7" eb="9">
      <t>ショウビョウ</t>
    </rPh>
    <rPh sb="13" eb="15">
      <t>シンリョウ</t>
    </rPh>
    <rPh sb="15" eb="17">
      <t>コウイ</t>
    </rPh>
    <rPh sb="28" eb="30">
      <t>シュルイ</t>
    </rPh>
    <rPh sb="30" eb="32">
      <t>タンイ</t>
    </rPh>
    <rPh sb="33" eb="34">
      <t>カナラ</t>
    </rPh>
    <rPh sb="39" eb="41">
      <t>チョウフク</t>
    </rPh>
    <rPh sb="42" eb="43">
      <t>ナ</t>
    </rPh>
    <phoneticPr fontId="24"/>
  </si>
  <si>
    <t>　　コードが重複していた場合、正しい抽出結果が得られない場合があります。</t>
    <rPh sb="6" eb="8">
      <t>チョウフク</t>
    </rPh>
    <rPh sb="12" eb="14">
      <t>バアイ</t>
    </rPh>
    <rPh sb="15" eb="16">
      <t>タダ</t>
    </rPh>
    <rPh sb="18" eb="20">
      <t>チュウシュツ</t>
    </rPh>
    <rPh sb="20" eb="22">
      <t>ケッカ</t>
    </rPh>
    <rPh sb="23" eb="24">
      <t>エ</t>
    </rPh>
    <rPh sb="28" eb="30">
      <t>バアイ</t>
    </rPh>
    <phoneticPr fontId="24"/>
  </si>
  <si>
    <t>　　※Excelで作成される場合、先頭文字が「0」を入力されると、削除されてしまう場合がございます。</t>
    <rPh sb="9" eb="11">
      <t>サクセイ</t>
    </rPh>
    <rPh sb="14" eb="16">
      <t>バアイ</t>
    </rPh>
    <rPh sb="17" eb="19">
      <t>セントウ</t>
    </rPh>
    <rPh sb="19" eb="21">
      <t>モジ</t>
    </rPh>
    <rPh sb="26" eb="28">
      <t>ニュウリョク</t>
    </rPh>
    <rPh sb="33" eb="35">
      <t>サクジョ</t>
    </rPh>
    <rPh sb="41" eb="43">
      <t>バアイ</t>
    </rPh>
    <phoneticPr fontId="24"/>
  </si>
  <si>
    <t>　　　その場合は、以下の手順を行ってから、記述をお願いします。</t>
    <rPh sb="5" eb="7">
      <t>バアイ</t>
    </rPh>
    <rPh sb="9" eb="11">
      <t>イカ</t>
    </rPh>
    <rPh sb="12" eb="14">
      <t>テジュン</t>
    </rPh>
    <rPh sb="15" eb="16">
      <t>オコナ</t>
    </rPh>
    <rPh sb="21" eb="23">
      <t>キジュツ</t>
    </rPh>
    <rPh sb="25" eb="26">
      <t>ネガ</t>
    </rPh>
    <phoneticPr fontId="24"/>
  </si>
  <si>
    <t>　　　①対象となる範囲のセル（コードを入力する行）を選択し、右クリック　　</t>
    <rPh sb="4" eb="6">
      <t>タイショウ</t>
    </rPh>
    <rPh sb="9" eb="11">
      <t>ハンイ</t>
    </rPh>
    <rPh sb="19" eb="21">
      <t>ニュウリョク</t>
    </rPh>
    <rPh sb="23" eb="24">
      <t>ギョウ</t>
    </rPh>
    <rPh sb="26" eb="28">
      <t>センタク</t>
    </rPh>
    <rPh sb="30" eb="31">
      <t>ミギ</t>
    </rPh>
    <phoneticPr fontId="24"/>
  </si>
  <si>
    <t>　　　②【セルの書式設定】を選択する。</t>
    <rPh sb="14" eb="16">
      <t>センタク</t>
    </rPh>
    <phoneticPr fontId="24"/>
  </si>
  <si>
    <t>　　　③</t>
  </si>
  <si>
    <t>【分類】を文字列に選択する。</t>
    <rPh sb="1" eb="3">
      <t>ブンルイ</t>
    </rPh>
    <rPh sb="5" eb="8">
      <t>モジレツ</t>
    </rPh>
    <rPh sb="9" eb="11">
      <t>センタク</t>
    </rPh>
    <phoneticPr fontId="24"/>
  </si>
  <si>
    <t>　　8．その他</t>
    <rPh sb="6" eb="7">
      <t>タ</t>
    </rPh>
    <phoneticPr fontId="24"/>
  </si>
  <si>
    <t>設定したフォーマットだけでは、伝わり辛い事柄、注意すべき点等、詳細に説明が必要な場合は、</t>
    <rPh sb="0" eb="2">
      <t>セッテイ</t>
    </rPh>
    <rPh sb="15" eb="16">
      <t>ツタ</t>
    </rPh>
    <rPh sb="18" eb="19">
      <t>ツラ</t>
    </rPh>
    <rPh sb="20" eb="22">
      <t>コトガラ</t>
    </rPh>
    <phoneticPr fontId="24"/>
  </si>
  <si>
    <t>各レセプトフォーマットの最終ページにあります、フリー記入欄に記入願います。</t>
    <rPh sb="0" eb="1">
      <t>カク</t>
    </rPh>
    <rPh sb="12" eb="14">
      <t>サイシュウ</t>
    </rPh>
    <phoneticPr fontId="24"/>
  </si>
  <si>
    <t>※作成する上で、こちらで理解、判別等が行えない場合、別途お問い合わせさせていただく場合があります。</t>
    <rPh sb="1" eb="3">
      <t>サクセイ</t>
    </rPh>
    <rPh sb="5" eb="6">
      <t>ウエ</t>
    </rPh>
    <rPh sb="12" eb="14">
      <t>リカイ</t>
    </rPh>
    <rPh sb="15" eb="17">
      <t>ハンベツ</t>
    </rPh>
    <rPh sb="17" eb="18">
      <t>トウ</t>
    </rPh>
    <rPh sb="19" eb="20">
      <t>オコナ</t>
    </rPh>
    <rPh sb="23" eb="25">
      <t>バアイ</t>
    </rPh>
    <rPh sb="26" eb="28">
      <t>ベット</t>
    </rPh>
    <rPh sb="29" eb="30">
      <t>ト</t>
    </rPh>
    <rPh sb="31" eb="32">
      <t>ア</t>
    </rPh>
    <rPh sb="41" eb="43">
      <t>バアイ</t>
    </rPh>
    <phoneticPr fontId="24"/>
  </si>
  <si>
    <t>　　このやり取りに、時間を要す場合がございますので、できるだけこの欄へ詳細に記入願います。</t>
    <rPh sb="6" eb="7">
      <t>ト</t>
    </rPh>
    <rPh sb="10" eb="12">
      <t>ジカン</t>
    </rPh>
    <rPh sb="13" eb="14">
      <t>ヨウ</t>
    </rPh>
    <rPh sb="15" eb="17">
      <t>バアイ</t>
    </rPh>
    <rPh sb="33" eb="34">
      <t>ラン</t>
    </rPh>
    <rPh sb="35" eb="37">
      <t>ショウサイ</t>
    </rPh>
    <rPh sb="38" eb="40">
      <t>キニュウ</t>
    </rPh>
    <rPh sb="40" eb="41">
      <t>ネガ</t>
    </rPh>
    <phoneticPr fontId="24"/>
  </si>
  <si>
    <t>第三者提供テンプレート（抽出）</t>
  </si>
  <si>
    <t>医科レセプト情報</t>
  </si>
  <si>
    <t>提供形式：　　　　</t>
    <rPh sb="0" eb="2">
      <t>テイキョウ</t>
    </rPh>
    <rPh sb="2" eb="4">
      <t>ケイシキ</t>
    </rPh>
    <phoneticPr fontId="24"/>
  </si>
  <si>
    <t>容量分割</t>
  </si>
  <si>
    <t>抽出期間：　　　　</t>
    <rPh sb="0" eb="2">
      <t>チュウシュツ</t>
    </rPh>
    <rPh sb="2" eb="4">
      <t>キカン</t>
    </rPh>
    <phoneticPr fontId="24"/>
  </si>
  <si>
    <t>年</t>
    <phoneticPr fontId="24"/>
  </si>
  <si>
    <t>月　　　</t>
    <phoneticPr fontId="24"/>
  </si>
  <si>
    <t>～</t>
    <phoneticPr fontId="24"/>
  </si>
  <si>
    <t>月</t>
    <rPh sb="0" eb="1">
      <t>ツキ</t>
    </rPh>
    <phoneticPr fontId="24"/>
  </si>
  <si>
    <t>月の単位:</t>
    <rPh sb="0" eb="1">
      <t>ツキ</t>
    </rPh>
    <rPh sb="2" eb="4">
      <t>タンイ</t>
    </rPh>
    <phoneticPr fontId="24"/>
  </si>
  <si>
    <r>
      <t>使用ＩＤ　</t>
    </r>
    <r>
      <rPr>
        <b/>
        <u/>
        <sz val="11"/>
        <rFont val="ＭＳ Ｐゴシック"/>
        <family val="3"/>
        <charset val="128"/>
      </rPr>
      <t>　　　</t>
    </r>
    <r>
      <rPr>
        <b/>
        <sz val="11"/>
        <rFont val="ＭＳ Ｐゴシック"/>
        <family val="3"/>
        <charset val="128"/>
      </rPr>
      <t>　</t>
    </r>
    <r>
      <rPr>
        <b/>
        <u/>
        <sz val="11"/>
        <rFont val="ＭＳ Ｐゴシック"/>
        <family val="3"/>
        <charset val="128"/>
      </rPr>
      <t>　　</t>
    </r>
    <rPh sb="0" eb="2">
      <t>シヨウ</t>
    </rPh>
    <phoneticPr fontId="24"/>
  </si>
  <si>
    <t>※名寄せについては「はじめにご確認ください」シートに説明がございますのでご確認ください。</t>
    <rPh sb="1" eb="3">
      <t>ナヨ</t>
    </rPh>
    <rPh sb="15" eb="17">
      <t>カクニン</t>
    </rPh>
    <rPh sb="26" eb="28">
      <t>セツメイ</t>
    </rPh>
    <rPh sb="37" eb="39">
      <t>カクニン</t>
    </rPh>
    <phoneticPr fontId="24"/>
  </si>
  <si>
    <t>名寄せ先</t>
    <phoneticPr fontId="24"/>
  </si>
  <si>
    <t>※2つ目以降は、同条件で複数のレセプト種類へ名寄せする場合に使用します。</t>
    <rPh sb="3" eb="4">
      <t>メ</t>
    </rPh>
    <rPh sb="4" eb="6">
      <t>イコウ</t>
    </rPh>
    <rPh sb="8" eb="9">
      <t>ドウ</t>
    </rPh>
    <rPh sb="9" eb="11">
      <t>ジョウケン</t>
    </rPh>
    <rPh sb="12" eb="14">
      <t>フクスウ</t>
    </rPh>
    <rPh sb="19" eb="21">
      <t>シュルイ</t>
    </rPh>
    <rPh sb="22" eb="24">
      <t>ナヨ</t>
    </rPh>
    <rPh sb="27" eb="29">
      <t>バアイ</t>
    </rPh>
    <rPh sb="30" eb="32">
      <t>シヨウ</t>
    </rPh>
    <phoneticPr fontId="24"/>
  </si>
  <si>
    <t>※条件が違う名寄せを行う場合は、当シートもしくはブックをコピーしてご使用ください。</t>
    <rPh sb="1" eb="3">
      <t>ジョウケン</t>
    </rPh>
    <rPh sb="4" eb="5">
      <t>チガ</t>
    </rPh>
    <rPh sb="6" eb="8">
      <t>ナヨ</t>
    </rPh>
    <rPh sb="10" eb="11">
      <t>オコナ</t>
    </rPh>
    <rPh sb="12" eb="14">
      <t>バアイ</t>
    </rPh>
    <rPh sb="16" eb="17">
      <t>トウ</t>
    </rPh>
    <rPh sb="34" eb="36">
      <t>シヨウ</t>
    </rPh>
    <phoneticPr fontId="24"/>
  </si>
  <si>
    <t>※特定健診・保健指導との名寄せは使用ＩＤの選択にかかわらずＩＤ１ｎで実施いたします。</t>
    <phoneticPr fontId="24"/>
  </si>
  <si>
    <t>※他ＤＢとの連結を希望する場合はＩＤ４またはＩＤ５を指定してください。</t>
    <rPh sb="1" eb="2">
      <t>ホカ</t>
    </rPh>
    <rPh sb="6" eb="8">
      <t>レンケツ</t>
    </rPh>
    <rPh sb="9" eb="11">
      <t>キボウ</t>
    </rPh>
    <rPh sb="13" eb="15">
      <t>バアイ</t>
    </rPh>
    <rPh sb="26" eb="28">
      <t>シテイ</t>
    </rPh>
    <phoneticPr fontId="24"/>
  </si>
  <si>
    <t>　　ＩＤ５は2022年3月審査分以降のデータに付与されます。</t>
    <rPh sb="9" eb="10">
      <t>ネン</t>
    </rPh>
    <rPh sb="11" eb="12">
      <t>ガツ</t>
    </rPh>
    <rPh sb="12" eb="14">
      <t>シンサ</t>
    </rPh>
    <rPh sb="14" eb="15">
      <t>ブン</t>
    </rPh>
    <rPh sb="15" eb="17">
      <t>イコウ</t>
    </rPh>
    <rPh sb="22" eb="24">
      <t>フヨ</t>
    </rPh>
    <rPh sb="23" eb="24">
      <t>クミ</t>
    </rPh>
    <phoneticPr fontId="24"/>
  </si>
  <si>
    <t>抽出項目：</t>
    <rPh sb="0" eb="2">
      <t>チュウシュツ</t>
    </rPh>
    <rPh sb="2" eb="4">
      <t>コウモク</t>
    </rPh>
    <phoneticPr fontId="24"/>
  </si>
  <si>
    <t>出力対象は■にしてください。</t>
    <rPh sb="0" eb="2">
      <t>シュツリョク</t>
    </rPh>
    <rPh sb="2" eb="4">
      <t>タイショウ</t>
    </rPh>
    <phoneticPr fontId="24"/>
  </si>
  <si>
    <t>■</t>
  </si>
  <si>
    <t>MN</t>
    <phoneticPr fontId="24"/>
  </si>
  <si>
    <t>IR</t>
    <phoneticPr fontId="24"/>
  </si>
  <si>
    <t>RE</t>
    <phoneticPr fontId="24"/>
  </si>
  <si>
    <t>HO</t>
    <phoneticPr fontId="24"/>
  </si>
  <si>
    <t>KO</t>
    <phoneticPr fontId="24"/>
  </si>
  <si>
    <t>SY</t>
    <phoneticPr fontId="6"/>
  </si>
  <si>
    <t>SI</t>
    <phoneticPr fontId="24"/>
  </si>
  <si>
    <t>IY</t>
    <phoneticPr fontId="24"/>
  </si>
  <si>
    <t>TO</t>
    <phoneticPr fontId="24"/>
  </si>
  <si>
    <t>CO</t>
    <phoneticPr fontId="24"/>
  </si>
  <si>
    <t>NI</t>
    <phoneticPr fontId="24"/>
  </si>
  <si>
    <t>SJ</t>
    <phoneticPr fontId="24"/>
  </si>
  <si>
    <r>
      <t>※NIレコードは</t>
    </r>
    <r>
      <rPr>
        <sz val="11"/>
        <rFont val="ＭＳ Ｐゴシック"/>
        <family val="3"/>
        <charset val="128"/>
      </rPr>
      <t>2012年4月以降記録されていません。</t>
    </r>
    <rPh sb="12" eb="13">
      <t>ネン</t>
    </rPh>
    <rPh sb="14" eb="15">
      <t>ガツ</t>
    </rPh>
    <rPh sb="15" eb="17">
      <t>イコウ</t>
    </rPh>
    <rPh sb="17" eb="19">
      <t>キロク</t>
    </rPh>
    <phoneticPr fontId="24"/>
  </si>
  <si>
    <t>TI</t>
    <phoneticPr fontId="24"/>
  </si>
  <si>
    <t>TR</t>
    <phoneticPr fontId="24"/>
  </si>
  <si>
    <t>TS</t>
    <phoneticPr fontId="24"/>
  </si>
  <si>
    <t>GR</t>
    <phoneticPr fontId="24"/>
  </si>
  <si>
    <t>※「※提供不可」のレコードは、データが記録されていない等により、提供対象ではございません。</t>
    <rPh sb="27" eb="28">
      <t>トウ</t>
    </rPh>
    <phoneticPr fontId="24"/>
  </si>
  <si>
    <t>SN</t>
    <phoneticPr fontId="24"/>
  </si>
  <si>
    <t>JD</t>
    <phoneticPr fontId="24"/>
  </si>
  <si>
    <t>MF</t>
    <phoneticPr fontId="24"/>
  </si>
  <si>
    <t>ON</t>
    <phoneticPr fontId="24"/>
  </si>
  <si>
    <t>レコード識別名　：　</t>
    <rPh sb="4" eb="6">
      <t>シキベツ</t>
    </rPh>
    <phoneticPr fontId="24"/>
  </si>
  <si>
    <t>レセプト管理レコード（MN）</t>
    <phoneticPr fontId="24"/>
  </si>
  <si>
    <t>★tnds_t_rcp_med_mn</t>
    <phoneticPr fontId="24"/>
  </si>
  <si>
    <t>項目名（英名）</t>
    <rPh sb="2" eb="3">
      <t>メイ</t>
    </rPh>
    <rPh sb="4" eb="6">
      <t>エイメイ</t>
    </rPh>
    <phoneticPr fontId="28"/>
  </si>
  <si>
    <t>DB型</t>
    <rPh sb="2" eb="3">
      <t>ガタ</t>
    </rPh>
    <phoneticPr fontId="24"/>
  </si>
  <si>
    <t>項目長</t>
    <rPh sb="2" eb="3">
      <t>ナガ</t>
    </rPh>
    <phoneticPr fontId="24"/>
  </si>
  <si>
    <t>レコード順序</t>
    <phoneticPr fontId="6"/>
  </si>
  <si>
    <t>seq1_no</t>
    <phoneticPr fontId="28"/>
  </si>
  <si>
    <t>レセプト通番</t>
    <phoneticPr fontId="6"/>
  </si>
  <si>
    <t>seq2_no</t>
    <phoneticPr fontId="28"/>
  </si>
  <si>
    <t>vld_flg</t>
    <phoneticPr fontId="24"/>
  </si>
  <si>
    <t>※提供不可</t>
  </si>
  <si>
    <t>ko_flg</t>
    <phoneticPr fontId="28"/>
  </si>
  <si>
    <t>rec_ident_info</t>
    <phoneticPr fontId="28"/>
  </si>
  <si>
    <t>レセプト管理番号</t>
  </si>
  <si>
    <t>rcp_mng_no</t>
    <phoneticPr fontId="28"/>
  </si>
  <si>
    <t>保険医療機関の所在地</t>
  </si>
  <si>
    <t>insu_medi_inst_addr</t>
    <phoneticPr fontId="28"/>
  </si>
  <si>
    <t>漢字</t>
  </si>
  <si>
    <t>※提供不可　格納対象外</t>
    <rPh sb="1" eb="3">
      <t>テイキョウ</t>
    </rPh>
    <rPh sb="3" eb="5">
      <t>フカ</t>
    </rPh>
    <rPh sb="6" eb="11">
      <t>カクノウタイショウガイ</t>
    </rPh>
    <phoneticPr fontId="24"/>
  </si>
  <si>
    <t>予備１</t>
  </si>
  <si>
    <t>reserve_01</t>
    <phoneticPr fontId="28"/>
  </si>
  <si>
    <t>予備２</t>
  </si>
  <si>
    <t>reserve_02</t>
    <phoneticPr fontId="28"/>
  </si>
  <si>
    <t>予備３</t>
  </si>
  <si>
    <t>reserve_03</t>
    <phoneticPr fontId="28"/>
  </si>
  <si>
    <t>予備４</t>
  </si>
  <si>
    <t>reserve_04</t>
    <phoneticPr fontId="28"/>
  </si>
  <si>
    <t>英数又は漢字</t>
    <rPh sb="2" eb="3">
      <t>マタ</t>
    </rPh>
    <rPh sb="4" eb="6">
      <t>カンジ</t>
    </rPh>
    <phoneticPr fontId="28"/>
  </si>
  <si>
    <t>診療年月</t>
  </si>
  <si>
    <t>prac_ym</t>
    <phoneticPr fontId="28"/>
  </si>
  <si>
    <t>取込年月</t>
    <rPh sb="0" eb="2">
      <t>トリコミ</t>
    </rPh>
    <rPh sb="2" eb="4">
      <t>ネンゲツ</t>
    </rPh>
    <phoneticPr fontId="9"/>
  </si>
  <si>
    <t>input_ym</t>
    <phoneticPr fontId="28"/>
  </si>
  <si>
    <t>医療機関情報レコード（IR）</t>
  </si>
  <si>
    <t>★tnds_t_rcp_med_ir</t>
    <phoneticPr fontId="24"/>
  </si>
  <si>
    <t>DB型</t>
  </si>
  <si>
    <t>※提供不可</t>
    <phoneticPr fontId="24"/>
  </si>
  <si>
    <t>数字</t>
    <phoneticPr fontId="28"/>
  </si>
  <si>
    <t>審査支払機関</t>
  </si>
  <si>
    <t>exam_pay_inst</t>
    <phoneticPr fontId="24"/>
  </si>
  <si>
    <t>都道府県</t>
  </si>
  <si>
    <t>tdfk</t>
    <phoneticPr fontId="24"/>
  </si>
  <si>
    <t>点数表</t>
  </si>
  <si>
    <t>score_list</t>
    <phoneticPr fontId="24"/>
  </si>
  <si>
    <t>医療機関コード</t>
  </si>
  <si>
    <t>medi_inst_cd_org</t>
    <phoneticPr fontId="24"/>
  </si>
  <si>
    <t>医療機関コード（匿名化後）</t>
    <rPh sb="8" eb="10">
      <t>トクメイ</t>
    </rPh>
    <rPh sb="10" eb="11">
      <t>カ</t>
    </rPh>
    <rPh sb="11" eb="12">
      <t>ゴ</t>
    </rPh>
    <phoneticPr fontId="9"/>
  </si>
  <si>
    <t>medi_inst_cd</t>
    <phoneticPr fontId="24"/>
  </si>
  <si>
    <t>予備（診療科コード）</t>
    <rPh sb="0" eb="2">
      <t>ヨビ</t>
    </rPh>
    <phoneticPr fontId="9"/>
  </si>
  <si>
    <t>prac_dept_cd</t>
    <phoneticPr fontId="24"/>
  </si>
  <si>
    <t>請求年月</t>
  </si>
  <si>
    <t>req_ym</t>
    <phoneticPr fontId="24"/>
  </si>
  <si>
    <t>マルチボリューム識別情報</t>
  </si>
  <si>
    <t>mlt_vol_ident_info</t>
    <phoneticPr fontId="24"/>
  </si>
  <si>
    <t>送付元区分</t>
    <rPh sb="0" eb="2">
      <t>ソウフ</t>
    </rPh>
    <rPh sb="2" eb="3">
      <t>モト</t>
    </rPh>
    <rPh sb="3" eb="5">
      <t>クブン</t>
    </rPh>
    <phoneticPr fontId="6"/>
  </si>
  <si>
    <t>ori_snd_div</t>
    <phoneticPr fontId="24"/>
  </si>
  <si>
    <t>prac_ym</t>
    <phoneticPr fontId="24"/>
  </si>
  <si>
    <t>input_ym</t>
    <phoneticPr fontId="24"/>
  </si>
  <si>
    <t>レセプト共通レコード（RE）</t>
  </si>
  <si>
    <t>★tnds_t_rcp_med_re</t>
    <phoneticPr fontId="24"/>
  </si>
  <si>
    <t>レコード順序</t>
    <phoneticPr fontId="9"/>
  </si>
  <si>
    <t>seq1_no</t>
  </si>
  <si>
    <t>レセプト通番</t>
    <phoneticPr fontId="9"/>
  </si>
  <si>
    <t>seq2_no</t>
  </si>
  <si>
    <t>vld_flg</t>
  </si>
  <si>
    <t>ko_flg</t>
  </si>
  <si>
    <t>rec_ident_info</t>
  </si>
  <si>
    <t>age</t>
  </si>
  <si>
    <t>id1</t>
  </si>
  <si>
    <t>id1n</t>
  </si>
  <si>
    <t>id2</t>
  </si>
  <si>
    <t>rcp_no</t>
  </si>
  <si>
    <t>rcp_cls</t>
  </si>
  <si>
    <t>prac_ym</t>
  </si>
  <si>
    <t>男女区分</t>
  </si>
  <si>
    <t>sex_div</t>
  </si>
  <si>
    <t>生年月</t>
    <phoneticPr fontId="24"/>
  </si>
  <si>
    <t>birth_ym</t>
  </si>
  <si>
    <t>給付割合</t>
  </si>
  <si>
    <t>pay_rat</t>
  </si>
  <si>
    <t>入院年月日</t>
  </si>
  <si>
    <t>hostz_ymd</t>
  </si>
  <si>
    <t>病棟区分</t>
  </si>
  <si>
    <t>ward_div</t>
  </si>
  <si>
    <t>一部負担金・食事療養費・生活療養費標準負担額区分</t>
  </si>
  <si>
    <t>stand_burd_div</t>
  </si>
  <si>
    <t>レセプト特記事項</t>
  </si>
  <si>
    <t>rcpt_imptt_noti</t>
  </si>
  <si>
    <t>病床数</t>
  </si>
  <si>
    <t>bed_capa_num</t>
  </si>
  <si>
    <t>病床階級コード</t>
    <rPh sb="0" eb="2">
      <t>ビョウショウ</t>
    </rPh>
    <rPh sb="2" eb="4">
      <t>カイキュウ</t>
    </rPh>
    <phoneticPr fontId="9"/>
  </si>
  <si>
    <t>bed_capa_hier_code</t>
  </si>
  <si>
    <t>割引点数単価</t>
  </si>
  <si>
    <t>discnt_scr_unit_price</t>
  </si>
  <si>
    <t>reserve_01</t>
  </si>
  <si>
    <t>reserve_02</t>
  </si>
  <si>
    <t>予備（旧診療科）</t>
    <rPh sb="0" eb="2">
      <t>ヨビ</t>
    </rPh>
    <rPh sb="3" eb="4">
      <t>キュウ</t>
    </rPh>
    <phoneticPr fontId="9"/>
  </si>
  <si>
    <t>indi_prac_dept</t>
  </si>
  <si>
    <t>検索番号</t>
  </si>
  <si>
    <t>srch_no</t>
  </si>
  <si>
    <t>※提供不可</t>
    <rPh sb="1" eb="3">
      <t>テイキョウ</t>
    </rPh>
    <rPh sb="3" eb="5">
      <t>フカ</t>
    </rPh>
    <phoneticPr fontId="24"/>
  </si>
  <si>
    <t>予備（記録条件仕様年月情報）</t>
    <phoneticPr fontId="24"/>
  </si>
  <si>
    <t>rec_cndtn_spec_ym_info</t>
  </si>
  <si>
    <t>請求情報</t>
  </si>
  <si>
    <t>req_info</t>
  </si>
  <si>
    <t>英数又は漢字</t>
    <rPh sb="2" eb="3">
      <t>マタ</t>
    </rPh>
    <rPh sb="4" eb="6">
      <t>カンジ</t>
    </rPh>
    <phoneticPr fontId="2"/>
  </si>
  <si>
    <t>診療科１・診療科名</t>
    <rPh sb="0" eb="3">
      <t>シンリョウカ</t>
    </rPh>
    <rPh sb="5" eb="8">
      <t>シンリョウカ</t>
    </rPh>
    <rPh sb="8" eb="9">
      <t>ナ</t>
    </rPh>
    <phoneticPr fontId="9"/>
  </si>
  <si>
    <t>prac1_name</t>
  </si>
  <si>
    <t>診療科１・人体の部位等</t>
    <rPh sb="0" eb="3">
      <t>シンリョウカ</t>
    </rPh>
    <rPh sb="5" eb="7">
      <t>ジンタイ</t>
    </rPh>
    <rPh sb="8" eb="10">
      <t>ブイ</t>
    </rPh>
    <rPh sb="10" eb="11">
      <t>トウ</t>
    </rPh>
    <phoneticPr fontId="9"/>
  </si>
  <si>
    <t>prac1_body_part</t>
  </si>
  <si>
    <t>診療科１・性別等</t>
    <rPh sb="0" eb="3">
      <t>シンリョウカ</t>
    </rPh>
    <rPh sb="5" eb="7">
      <t>セイベツ</t>
    </rPh>
    <rPh sb="7" eb="8">
      <t>トウ</t>
    </rPh>
    <phoneticPr fontId="9"/>
  </si>
  <si>
    <t>prac1_sex</t>
  </si>
  <si>
    <t>診療科１・医学的処置</t>
    <rPh sb="0" eb="3">
      <t>シンリョウカ</t>
    </rPh>
    <rPh sb="5" eb="8">
      <t>イガクテキ</t>
    </rPh>
    <rPh sb="8" eb="10">
      <t>ショチ</t>
    </rPh>
    <phoneticPr fontId="9"/>
  </si>
  <si>
    <t>prac1_medi_treat</t>
  </si>
  <si>
    <t>診療科１・特定疾病</t>
    <rPh sb="0" eb="3">
      <t>シンリョウカ</t>
    </rPh>
    <rPh sb="5" eb="7">
      <t>トクテイ</t>
    </rPh>
    <rPh sb="7" eb="9">
      <t>シッペイ</t>
    </rPh>
    <phoneticPr fontId="9"/>
  </si>
  <si>
    <t>prac1_spcfc_dise</t>
  </si>
  <si>
    <t>診療科２・診療科名</t>
    <rPh sb="0" eb="3">
      <t>シンリョウカ</t>
    </rPh>
    <rPh sb="5" eb="8">
      <t>シンリョウカ</t>
    </rPh>
    <rPh sb="8" eb="9">
      <t>ナ</t>
    </rPh>
    <phoneticPr fontId="9"/>
  </si>
  <si>
    <t>prac2_name</t>
  </si>
  <si>
    <t>診療科２・人体の部位等</t>
    <rPh sb="0" eb="3">
      <t>シンリョウカ</t>
    </rPh>
    <rPh sb="5" eb="7">
      <t>ジンタイ</t>
    </rPh>
    <rPh sb="8" eb="10">
      <t>ブイ</t>
    </rPh>
    <rPh sb="10" eb="11">
      <t>トウ</t>
    </rPh>
    <phoneticPr fontId="9"/>
  </si>
  <si>
    <t>prac2_body_part</t>
  </si>
  <si>
    <t>診療科２・性別等</t>
    <rPh sb="5" eb="7">
      <t>セイベツ</t>
    </rPh>
    <rPh sb="7" eb="8">
      <t>トウ</t>
    </rPh>
    <phoneticPr fontId="9"/>
  </si>
  <si>
    <t>prac2_sex</t>
  </si>
  <si>
    <t>診療科２・医学的処置</t>
    <rPh sb="5" eb="8">
      <t>イガクテキ</t>
    </rPh>
    <rPh sb="8" eb="10">
      <t>ショチ</t>
    </rPh>
    <phoneticPr fontId="9"/>
  </si>
  <si>
    <t>prac2_medi_treat</t>
  </si>
  <si>
    <t>診療科２・特定疾病</t>
    <rPh sb="5" eb="7">
      <t>トクテイ</t>
    </rPh>
    <rPh sb="7" eb="9">
      <t>シッペイ</t>
    </rPh>
    <phoneticPr fontId="9"/>
  </si>
  <si>
    <t>prac2_spcfc_dise</t>
  </si>
  <si>
    <t>診療科３・診療科名</t>
    <rPh sb="0" eb="3">
      <t>シンリョウカ</t>
    </rPh>
    <rPh sb="5" eb="8">
      <t>シンリョウカ</t>
    </rPh>
    <rPh sb="8" eb="9">
      <t>ナ</t>
    </rPh>
    <phoneticPr fontId="9"/>
  </si>
  <si>
    <t>prac3_name</t>
  </si>
  <si>
    <t>診療科３・人体の部位等</t>
    <rPh sb="5" eb="7">
      <t>ジンタイ</t>
    </rPh>
    <rPh sb="8" eb="10">
      <t>ブイ</t>
    </rPh>
    <rPh sb="10" eb="11">
      <t>トウ</t>
    </rPh>
    <phoneticPr fontId="9"/>
  </si>
  <si>
    <t>prac3_body_part</t>
  </si>
  <si>
    <t>診療科３・性別等</t>
    <rPh sb="5" eb="7">
      <t>セイベツ</t>
    </rPh>
    <rPh sb="7" eb="8">
      <t>トウ</t>
    </rPh>
    <phoneticPr fontId="9"/>
  </si>
  <si>
    <t>prac3_sex</t>
  </si>
  <si>
    <t>診療科３・医学的処置</t>
    <rPh sb="5" eb="8">
      <t>イガクテキ</t>
    </rPh>
    <rPh sb="8" eb="10">
      <t>ショチ</t>
    </rPh>
    <phoneticPr fontId="9"/>
  </si>
  <si>
    <t>prac3_medi_treat</t>
  </si>
  <si>
    <t>診療科３・特定疾病</t>
    <rPh sb="5" eb="7">
      <t>トクテイ</t>
    </rPh>
    <rPh sb="7" eb="9">
      <t>シッペイ</t>
    </rPh>
    <phoneticPr fontId="9"/>
  </si>
  <si>
    <t>prac3_spcfc_dise</t>
  </si>
  <si>
    <t>input_ym</t>
  </si>
  <si>
    <t>年齢階層コード１</t>
    <rPh sb="0" eb="2">
      <t>ネンレイ</t>
    </rPh>
    <rPh sb="2" eb="4">
      <t>カイソウ</t>
    </rPh>
    <phoneticPr fontId="9"/>
  </si>
  <si>
    <t>age_hier_cd1</t>
  </si>
  <si>
    <t>年齢階層コード２</t>
    <rPh sb="0" eb="2">
      <t>ネンレイ</t>
    </rPh>
    <rPh sb="2" eb="4">
      <t>カイソウ</t>
    </rPh>
    <phoneticPr fontId="9"/>
  </si>
  <si>
    <t>age_hier_cd2</t>
  </si>
  <si>
    <t>満年齢</t>
    <rPh sb="0" eb="3">
      <t>マンネンレイ</t>
    </rPh>
    <phoneticPr fontId="9"/>
  </si>
  <si>
    <t>last_birth_age</t>
  </si>
  <si>
    <t>満年齢階層コード１</t>
    <rPh sb="0" eb="3">
      <t>マンネンレイ</t>
    </rPh>
    <rPh sb="3" eb="5">
      <t>カイソウ</t>
    </rPh>
    <phoneticPr fontId="9"/>
  </si>
  <si>
    <t>last_birth_age_hier_cd1</t>
  </si>
  <si>
    <t>満年齢階層コード２</t>
    <rPh sb="0" eb="3">
      <t>マンネンレイ</t>
    </rPh>
    <rPh sb="3" eb="5">
      <t>カイソウ</t>
    </rPh>
    <phoneticPr fontId="9"/>
  </si>
  <si>
    <t>last_birth_age_hier_cd2</t>
  </si>
  <si>
    <t>ＩＤ４</t>
  </si>
  <si>
    <t>id4</t>
  </si>
  <si>
    <t>患者の状態</t>
    <rPh sb="0" eb="2">
      <t>カンジャ</t>
    </rPh>
    <rPh sb="3" eb="5">
      <t>ジョウタイ</t>
    </rPh>
    <phoneticPr fontId="9"/>
  </si>
  <si>
    <t>patient_condition</t>
  </si>
  <si>
    <t>ＩＤ５</t>
  </si>
  <si>
    <t>id5</t>
  </si>
  <si>
    <t>英数</t>
    <rPh sb="0" eb="2">
      <t>エイスウ</t>
    </rPh>
    <phoneticPr fontId="9"/>
  </si>
  <si>
    <t>郵便番号</t>
    <rPh sb="0" eb="2">
      <t>ユウビン</t>
    </rPh>
    <rPh sb="2" eb="4">
      <t>バンゴウ</t>
    </rPh>
    <phoneticPr fontId="9"/>
  </si>
  <si>
    <t>post_no</t>
  </si>
  <si>
    <t>市町村コード</t>
    <rPh sb="0" eb="3">
      <t>シチョウソン</t>
    </rPh>
    <phoneticPr fontId="9"/>
  </si>
  <si>
    <t>municipal_code</t>
  </si>
  <si>
    <t>限度額適用認定証適用区分</t>
    <rPh sb="0" eb="8">
      <t>ゲンドガクテキヨウニンテイショウ</t>
    </rPh>
    <rPh sb="8" eb="10">
      <t>テキヨウ</t>
    </rPh>
    <rPh sb="10" eb="12">
      <t>クブン</t>
    </rPh>
    <phoneticPr fontId="9"/>
  </si>
  <si>
    <t>limit_appli_certifi_appli_class</t>
  </si>
  <si>
    <t>曖昧フラグ</t>
    <rPh sb="0" eb="2">
      <t>アイマイ</t>
    </rPh>
    <phoneticPr fontId="9"/>
  </si>
  <si>
    <t>ambiguous_flg</t>
    <phoneticPr fontId="24"/>
  </si>
  <si>
    <t>数字</t>
    <phoneticPr fontId="9"/>
  </si>
  <si>
    <t>保険者レコード（HO）</t>
  </si>
  <si>
    <t>★tnds_t_rcp_med_ho</t>
    <phoneticPr fontId="24"/>
  </si>
  <si>
    <t>保険者番号</t>
  </si>
  <si>
    <t>insurer_no_org</t>
  </si>
  <si>
    <t>保険者番号（補正後）</t>
    <rPh sb="6" eb="8">
      <t>ホセイ</t>
    </rPh>
    <rPh sb="8" eb="9">
      <t>ゴ</t>
    </rPh>
    <phoneticPr fontId="9"/>
  </si>
  <si>
    <t>insurer_no_aft</t>
  </si>
  <si>
    <t>保険者番号（匿名化後）</t>
  </si>
  <si>
    <t>insurer_no</t>
  </si>
  <si>
    <t>診療実日数</t>
  </si>
  <si>
    <t>prac_true_days</t>
  </si>
  <si>
    <t>合計点数</t>
  </si>
  <si>
    <t>total_score</t>
  </si>
  <si>
    <t>予備１</t>
    <phoneticPr fontId="24"/>
  </si>
  <si>
    <t>回数（食事療養・生活療養）</t>
  </si>
  <si>
    <t>times</t>
  </si>
  <si>
    <t>合計金額（食事療養・生活療養）</t>
  </si>
  <si>
    <t>total_price</t>
  </si>
  <si>
    <t>職務上の事由</t>
  </si>
  <si>
    <t>reason_duty</t>
  </si>
  <si>
    <t>医療保険（負担金額）</t>
  </si>
  <si>
    <t>medi_insu</t>
  </si>
  <si>
    <t>減免区分（負担金額）</t>
  </si>
  <si>
    <t>rdct_tax_div</t>
  </si>
  <si>
    <t>減額割合（負担金額）</t>
  </si>
  <si>
    <t>rdct_rat</t>
  </si>
  <si>
    <t>減額金額（負担金額）</t>
  </si>
  <si>
    <t>rdct_price</t>
  </si>
  <si>
    <t>公費レコード（KO）</t>
    <rPh sb="0" eb="2">
      <t>コウヒ</t>
    </rPh>
    <phoneticPr fontId="24"/>
  </si>
  <si>
    <t>★tnds_t_rcp_med_ko</t>
    <phoneticPr fontId="24"/>
  </si>
  <si>
    <t>負担者番号（公費負担医療）</t>
  </si>
  <si>
    <t>defrayer_no</t>
  </si>
  <si>
    <t>任意給付区分（公費負担医療）</t>
  </si>
  <si>
    <t>ex_gratia_pay_div</t>
  </si>
  <si>
    <t>公費（負担金額）</t>
  </si>
  <si>
    <t>pub_money</t>
  </si>
  <si>
    <t>公費給付対象外来一部負担金（負担金額）</t>
  </si>
  <si>
    <t>pub_money_pay_outpt_burd</t>
  </si>
  <si>
    <t>公費給付対象入院一部負担金（負担金額）</t>
  </si>
  <si>
    <t>pub_money_pay_hostz_burd</t>
  </si>
  <si>
    <t>傷病名レコード（SY）</t>
  </si>
  <si>
    <t>★tnds_t_rcp_med_sy</t>
    <phoneticPr fontId="24"/>
  </si>
  <si>
    <t>skwd_name_cd</t>
  </si>
  <si>
    <t>診療開始日</t>
  </si>
  <si>
    <t>prac_str_ymd</t>
  </si>
  <si>
    <t>転帰区分</t>
  </si>
  <si>
    <t>outcm_div</t>
  </si>
  <si>
    <t>修飾語コード</t>
  </si>
  <si>
    <t>modif_cd</t>
  </si>
  <si>
    <t>修飾語疑い病名フラグ</t>
    <rPh sb="3" eb="4">
      <t>ウタガ</t>
    </rPh>
    <rPh sb="5" eb="7">
      <t>ビョウメイ</t>
    </rPh>
    <phoneticPr fontId="9"/>
  </si>
  <si>
    <t>sspct_dss_flg</t>
  </si>
  <si>
    <t>傷病名称</t>
    <phoneticPr fontId="24"/>
  </si>
  <si>
    <t>skwd_name</t>
  </si>
  <si>
    <t>主傷病</t>
  </si>
  <si>
    <t>main_skwd</t>
  </si>
  <si>
    <t>主傷病決定フラグ</t>
    <rPh sb="0" eb="1">
      <t>シュ</t>
    </rPh>
    <rPh sb="1" eb="3">
      <t>ショウビョウ</t>
    </rPh>
    <rPh sb="3" eb="5">
      <t>ケッテイ</t>
    </rPh>
    <phoneticPr fontId="9"/>
  </si>
  <si>
    <t>main_skwd_decis_flg</t>
  </si>
  <si>
    <t>主傷病決定エラーコード</t>
    <rPh sb="0" eb="1">
      <t>シュ</t>
    </rPh>
    <rPh sb="1" eb="3">
      <t>ショウビョウ</t>
    </rPh>
    <rPh sb="3" eb="5">
      <t>ケッテイ</t>
    </rPh>
    <phoneticPr fontId="9"/>
  </si>
  <si>
    <t>main_skwd_decis_err</t>
  </si>
  <si>
    <t>補足コメント</t>
    <phoneticPr fontId="24"/>
  </si>
  <si>
    <t>splmt_cmt</t>
  </si>
  <si>
    <t>診療行為レコード（SI）</t>
  </si>
  <si>
    <t>★tnds_t_rcp_med_si</t>
    <phoneticPr fontId="24"/>
  </si>
  <si>
    <t>prac_ident</t>
  </si>
  <si>
    <t>負担区分</t>
  </si>
  <si>
    <t>burd_div</t>
  </si>
  <si>
    <t>診療行為コード</t>
  </si>
  <si>
    <t>prac_act_cd</t>
  </si>
  <si>
    <t>数量データ</t>
  </si>
  <si>
    <t>qnt_dat</t>
  </si>
  <si>
    <t>点数</t>
  </si>
  <si>
    <t>score</t>
  </si>
  <si>
    <t>回数</t>
  </si>
  <si>
    <t>コメントコード１（コメント）</t>
  </si>
  <si>
    <t>cmt1_cd</t>
  </si>
  <si>
    <t>文字データ１（コメント）</t>
    <phoneticPr fontId="24"/>
  </si>
  <si>
    <t>char1_dat</t>
  </si>
  <si>
    <t>コメントコード２（コメント）</t>
  </si>
  <si>
    <t>cmt2_cd</t>
  </si>
  <si>
    <t>文字データ２（コメント）</t>
    <phoneticPr fontId="24"/>
  </si>
  <si>
    <t>char2_dat</t>
  </si>
  <si>
    <t>コメントコード３（コメント）</t>
  </si>
  <si>
    <t>cmt3_cd</t>
  </si>
  <si>
    <t>文字データ３（コメント）</t>
  </si>
  <si>
    <t>char3_dat</t>
  </si>
  <si>
    <t>１日の情報</t>
  </si>
  <si>
    <t>days01_info</t>
  </si>
  <si>
    <t>２日の情報</t>
  </si>
  <si>
    <t>days02_info</t>
  </si>
  <si>
    <t>３日の情報</t>
  </si>
  <si>
    <t>days03_info</t>
  </si>
  <si>
    <t>４日の情報</t>
  </si>
  <si>
    <t>days04_info</t>
  </si>
  <si>
    <t>５日の情報</t>
  </si>
  <si>
    <t>days05_info</t>
  </si>
  <si>
    <t>６日の情報</t>
  </si>
  <si>
    <t>days06_info</t>
  </si>
  <si>
    <t>７日の情報</t>
  </si>
  <si>
    <t>days07_info</t>
  </si>
  <si>
    <t>８日の情報</t>
  </si>
  <si>
    <t>days08_info</t>
  </si>
  <si>
    <t>９日の情報</t>
  </si>
  <si>
    <t>days09_info</t>
  </si>
  <si>
    <t>１０日の情報</t>
  </si>
  <si>
    <t>days10_info</t>
  </si>
  <si>
    <t>１１日の情報</t>
  </si>
  <si>
    <t>days11_info</t>
  </si>
  <si>
    <t>１２日の情報</t>
  </si>
  <si>
    <t>days12_info</t>
  </si>
  <si>
    <t>１３日の情報</t>
  </si>
  <si>
    <t>days13_info</t>
  </si>
  <si>
    <t>１４日の情報</t>
  </si>
  <si>
    <t>days14_info</t>
  </si>
  <si>
    <t>１５日の情報</t>
  </si>
  <si>
    <t>days15_info</t>
  </si>
  <si>
    <t>１６日の情報</t>
  </si>
  <si>
    <t>days16_info</t>
  </si>
  <si>
    <t>１７日の情報</t>
  </si>
  <si>
    <t>days17_info</t>
  </si>
  <si>
    <t>１８日の情報</t>
  </si>
  <si>
    <t>days18_info</t>
  </si>
  <si>
    <t>１９日の情報</t>
  </si>
  <si>
    <t>days19_info</t>
  </si>
  <si>
    <t>２０日の情報</t>
  </si>
  <si>
    <t>days20_info</t>
  </si>
  <si>
    <t>２１日の情報</t>
  </si>
  <si>
    <t>days21_info</t>
  </si>
  <si>
    <t>２２日の情報</t>
  </si>
  <si>
    <t>days22_info</t>
  </si>
  <si>
    <t>２３日の情報</t>
  </si>
  <si>
    <t>days23_info</t>
  </si>
  <si>
    <t>２４日の情報</t>
  </si>
  <si>
    <t>days24_info</t>
  </si>
  <si>
    <t>２５日の情報</t>
  </si>
  <si>
    <t>days25_info</t>
  </si>
  <si>
    <t>２６日の情報</t>
  </si>
  <si>
    <t>days26_info</t>
  </si>
  <si>
    <t>２７日の情報</t>
  </si>
  <si>
    <t>days27_info</t>
  </si>
  <si>
    <t>２８日の情報</t>
  </si>
  <si>
    <t>days28_info</t>
  </si>
  <si>
    <t>２９日の情報</t>
  </si>
  <si>
    <t>days29_info</t>
  </si>
  <si>
    <t>３０日の情報</t>
  </si>
  <si>
    <t>days30_info</t>
  </si>
  <si>
    <t>３１日の情報</t>
  </si>
  <si>
    <t>days31_info</t>
  </si>
  <si>
    <t>補完後診療識別</t>
  </si>
  <si>
    <t>aft_splmt_prac_ident</t>
  </si>
  <si>
    <t>一連番号</t>
    <rPh sb="0" eb="2">
      <t>イチレン</t>
    </rPh>
    <rPh sb="2" eb="4">
      <t>バンゴウ</t>
    </rPh>
    <phoneticPr fontId="9"/>
  </si>
  <si>
    <t>serl_no</t>
  </si>
  <si>
    <t>一連順序</t>
    <rPh sb="0" eb="2">
      <t>イチレン</t>
    </rPh>
    <rPh sb="2" eb="4">
      <t>ジュンジョ</t>
    </rPh>
    <phoneticPr fontId="9"/>
  </si>
  <si>
    <t>sers_odr</t>
  </si>
  <si>
    <t>補完後点数</t>
    <rPh sb="0" eb="2">
      <t>ホカン</t>
    </rPh>
    <rPh sb="2" eb="3">
      <t>ゴ</t>
    </rPh>
    <rPh sb="3" eb="5">
      <t>テンスウ</t>
    </rPh>
    <phoneticPr fontId="9"/>
  </si>
  <si>
    <t>aft_splmt_score</t>
  </si>
  <si>
    <t>※参考値</t>
    <rPh sb="1" eb="4">
      <t>サンコウチ</t>
    </rPh>
    <phoneticPr fontId="24"/>
  </si>
  <si>
    <t>補完後点数エラーコード</t>
    <rPh sb="0" eb="2">
      <t>ホカン</t>
    </rPh>
    <rPh sb="2" eb="3">
      <t>ゴ</t>
    </rPh>
    <rPh sb="3" eb="5">
      <t>テンスウ</t>
    </rPh>
    <phoneticPr fontId="9"/>
  </si>
  <si>
    <t>aft_splmt_score_err</t>
  </si>
  <si>
    <t>補完後回数</t>
    <rPh sb="0" eb="2">
      <t>ホカン</t>
    </rPh>
    <rPh sb="2" eb="3">
      <t>ゴ</t>
    </rPh>
    <rPh sb="3" eb="5">
      <t>カイスウ</t>
    </rPh>
    <phoneticPr fontId="9"/>
  </si>
  <si>
    <t>aft_splmt_times</t>
  </si>
  <si>
    <t>補完後回数エラーコード</t>
    <rPh sb="0" eb="2">
      <t>ホカン</t>
    </rPh>
    <rPh sb="2" eb="3">
      <t>ゴ</t>
    </rPh>
    <rPh sb="3" eb="5">
      <t>カイスウ</t>
    </rPh>
    <phoneticPr fontId="9"/>
  </si>
  <si>
    <t>aft_splmt_times_err</t>
  </si>
  <si>
    <t>医薬品レコード（IY）</t>
  </si>
  <si>
    <t>★tnds_t_rcp_med_iy</t>
    <phoneticPr fontId="24"/>
  </si>
  <si>
    <t>医薬品コード</t>
  </si>
  <si>
    <t>medicine_cd</t>
  </si>
  <si>
    <t>使用量</t>
  </si>
  <si>
    <t>use_amnt</t>
  </si>
  <si>
    <t>decimal</t>
  </si>
  <si>
    <t>文字データ１（コメント）</t>
  </si>
  <si>
    <t>文字データ２（コメント）</t>
  </si>
  <si>
    <t>特定器材レコード（TO）</t>
  </si>
  <si>
    <t>★tnds_t_rcp_med_to</t>
    <phoneticPr fontId="24"/>
  </si>
  <si>
    <t>特定器材コード</t>
  </si>
  <si>
    <t>spcfc_dev_cd</t>
  </si>
  <si>
    <t>数字</t>
    <phoneticPr fontId="24"/>
  </si>
  <si>
    <t>単位コード</t>
  </si>
  <si>
    <t>unit_cd</t>
  </si>
  <si>
    <t>単価</t>
  </si>
  <si>
    <t>unit_price</t>
  </si>
  <si>
    <t>予備（特定器材名称）</t>
    <rPh sb="0" eb="2">
      <t>ヨビ</t>
    </rPh>
    <rPh sb="3" eb="9">
      <t>トクテイキザイメイショウ</t>
    </rPh>
    <phoneticPr fontId="9"/>
  </si>
  <si>
    <t>spcfc_dev_name</t>
  </si>
  <si>
    <t>商品名及び規格又はサイズ</t>
  </si>
  <si>
    <t>trade_name_stand_size</t>
  </si>
  <si>
    <t>コメントレコード（CO）</t>
  </si>
  <si>
    <t>★tnds_t_rcp_med_co</t>
    <phoneticPr fontId="24"/>
  </si>
  <si>
    <t>コメントコード</t>
  </si>
  <si>
    <t>cmt_cd</t>
  </si>
  <si>
    <t>文字データ</t>
  </si>
  <si>
    <t>char_dat</t>
  </si>
  <si>
    <t>日計表レコード（NI）</t>
  </si>
  <si>
    <t>★tnds_t_rcp_med_ni</t>
    <phoneticPr fontId="24"/>
  </si>
  <si>
    <t>症状群記レコード（SJ）</t>
  </si>
  <si>
    <t>★tnds_t_rcp_med_sj</t>
    <phoneticPr fontId="24"/>
  </si>
  <si>
    <t>症状詳記区分</t>
  </si>
  <si>
    <t>symp_minu_dscpt_div</t>
  </si>
  <si>
    <t>症状詳記データ</t>
    <phoneticPr fontId="24"/>
  </si>
  <si>
    <t>symp_minu_dscpt_dat</t>
  </si>
  <si>
    <t>臓器提供医療機関情報レコード（TI）</t>
  </si>
  <si>
    <t>★tnds_t_rcp_med_ti</t>
    <phoneticPr fontId="24"/>
  </si>
  <si>
    <t>臓器提供区分</t>
  </si>
  <si>
    <t>organ_donat_div</t>
  </si>
  <si>
    <t>臓器提供医療機関区分</t>
  </si>
  <si>
    <t>organ_donat_medi_inst_div</t>
  </si>
  <si>
    <t>tdfk</t>
  </si>
  <si>
    <t>score_list</t>
  </si>
  <si>
    <t>medi_inst_cd_org</t>
  </si>
  <si>
    <t>medi_inst_cd</t>
  </si>
  <si>
    <t>予備（診療科コード）</t>
    <rPh sb="0" eb="2">
      <t>ヨビ</t>
    </rPh>
    <rPh sb="3" eb="6">
      <t>シンリョウカ</t>
    </rPh>
    <phoneticPr fontId="9"/>
  </si>
  <si>
    <t>prac_dept_cd</t>
  </si>
  <si>
    <t>臓器提供者レセプト情報レコード（TR）</t>
  </si>
  <si>
    <t>★tnds_t_rcp_med_tr</t>
    <phoneticPr fontId="24"/>
  </si>
  <si>
    <t>臓器提供者レセプト種別</t>
  </si>
  <si>
    <t>donor_rcpt_cls</t>
  </si>
  <si>
    <t>臓器提供者用診療年月</t>
    <rPh sb="0" eb="2">
      <t>ゾウキ</t>
    </rPh>
    <rPh sb="2" eb="4">
      <t>テイキョウ</t>
    </rPh>
    <rPh sb="4" eb="5">
      <t>シャ</t>
    </rPh>
    <rPh sb="5" eb="6">
      <t>ヨウ</t>
    </rPh>
    <phoneticPr fontId="9"/>
  </si>
  <si>
    <t>prac_ym_tr</t>
  </si>
  <si>
    <t>ＩＤ３</t>
  </si>
  <si>
    <t>id3</t>
  </si>
  <si>
    <t>生年月</t>
  </si>
  <si>
    <t>予備（氏名）</t>
    <rPh sb="3" eb="5">
      <t>シメイ</t>
    </rPh>
    <phoneticPr fontId="9"/>
  </si>
  <si>
    <t>name</t>
  </si>
  <si>
    <t>入院年月日</t>
    <phoneticPr fontId="24"/>
  </si>
  <si>
    <t>予備２</t>
    <rPh sb="0" eb="2">
      <t>ヨビ</t>
    </rPh>
    <phoneticPr fontId="9"/>
  </si>
  <si>
    <t>reserve_03</t>
  </si>
  <si>
    <t>reserve_04</t>
  </si>
  <si>
    <t>予備５</t>
  </si>
  <si>
    <t>reserve_05</t>
  </si>
  <si>
    <t>臓器提供者請求情報レコード（TS）</t>
  </si>
  <si>
    <t>★tnds_t_rcp_med_ts</t>
    <phoneticPr fontId="24"/>
  </si>
  <si>
    <t>包括評価対象外理由レコード（GR）</t>
  </si>
  <si>
    <t>★tnds_t_rcp_med_gr</t>
    <phoneticPr fontId="24"/>
  </si>
  <si>
    <t>医科点数表算定理由</t>
    <rPh sb="0" eb="2">
      <t>イカ</t>
    </rPh>
    <rPh sb="2" eb="4">
      <t>テンスウ</t>
    </rPh>
    <rPh sb="4" eb="5">
      <t>ヒョウ</t>
    </rPh>
    <rPh sb="5" eb="7">
      <t>サンテイ</t>
    </rPh>
    <rPh sb="7" eb="9">
      <t>リユウ</t>
    </rPh>
    <phoneticPr fontId="9"/>
  </si>
  <si>
    <t>yield_calc_reason</t>
  </si>
  <si>
    <t>ＤＰＣコード</t>
  </si>
  <si>
    <t>diag_grp_cls_no</t>
  </si>
  <si>
    <t>資格確認レコード（SN）</t>
  </si>
  <si>
    <t>★tnds_t_rcp_med_sn</t>
    <phoneticPr fontId="24"/>
  </si>
  <si>
    <t>負担者種別</t>
    <rPh sb="0" eb="3">
      <t>フタンシャ</t>
    </rPh>
    <rPh sb="3" eb="5">
      <t>シュベツ</t>
    </rPh>
    <phoneticPr fontId="9"/>
  </si>
  <si>
    <t>defrayer_cls</t>
  </si>
  <si>
    <t>確認区分</t>
    <rPh sb="0" eb="2">
      <t>カクニン</t>
    </rPh>
    <rPh sb="2" eb="4">
      <t>クブン</t>
    </rPh>
    <phoneticPr fontId="9"/>
  </si>
  <si>
    <t>chk_div</t>
  </si>
  <si>
    <t>取込年月</t>
    <rPh sb="0" eb="4">
      <t>トリコミネンゲツ</t>
    </rPh>
    <phoneticPr fontId="9"/>
  </si>
  <si>
    <t>受診日等レコード（JD）</t>
  </si>
  <si>
    <t>★tnds_t_rcp_med_jd</t>
    <phoneticPr fontId="24"/>
  </si>
  <si>
    <t>１日の情報</t>
    <rPh sb="1" eb="2">
      <t>ニチ</t>
    </rPh>
    <rPh sb="3" eb="5">
      <t>ジョウホウ</t>
    </rPh>
    <phoneticPr fontId="9"/>
  </si>
  <si>
    <t>２日の情報</t>
    <rPh sb="1" eb="2">
      <t>ニチ</t>
    </rPh>
    <rPh sb="3" eb="5">
      <t>ジョウホウ</t>
    </rPh>
    <phoneticPr fontId="9"/>
  </si>
  <si>
    <t>３日の情報</t>
    <rPh sb="1" eb="2">
      <t>ニチ</t>
    </rPh>
    <rPh sb="3" eb="5">
      <t>ジョウホウ</t>
    </rPh>
    <phoneticPr fontId="9"/>
  </si>
  <si>
    <t>４日の情報</t>
    <rPh sb="1" eb="2">
      <t>ニチ</t>
    </rPh>
    <rPh sb="3" eb="5">
      <t>ジョウホウ</t>
    </rPh>
    <phoneticPr fontId="9"/>
  </si>
  <si>
    <t>５日の情報</t>
    <rPh sb="1" eb="2">
      <t>ニチ</t>
    </rPh>
    <rPh sb="3" eb="5">
      <t>ジョウホウ</t>
    </rPh>
    <phoneticPr fontId="9"/>
  </si>
  <si>
    <t>６日の情報</t>
    <rPh sb="1" eb="2">
      <t>ニチ</t>
    </rPh>
    <rPh sb="3" eb="5">
      <t>ジョウホウ</t>
    </rPh>
    <phoneticPr fontId="9"/>
  </si>
  <si>
    <t>７日の情報</t>
    <rPh sb="1" eb="2">
      <t>ニチ</t>
    </rPh>
    <rPh sb="3" eb="5">
      <t>ジョウホウ</t>
    </rPh>
    <phoneticPr fontId="9"/>
  </si>
  <si>
    <t>８日の情報</t>
    <rPh sb="1" eb="2">
      <t>ニチ</t>
    </rPh>
    <rPh sb="3" eb="5">
      <t>ジョウホウ</t>
    </rPh>
    <phoneticPr fontId="9"/>
  </si>
  <si>
    <t>９日の情報</t>
    <rPh sb="1" eb="2">
      <t>ニチ</t>
    </rPh>
    <rPh sb="3" eb="5">
      <t>ジョウホウ</t>
    </rPh>
    <phoneticPr fontId="9"/>
  </si>
  <si>
    <t>１０日の情報</t>
    <rPh sb="2" eb="3">
      <t>ニチ</t>
    </rPh>
    <rPh sb="4" eb="6">
      <t>ジョウホウ</t>
    </rPh>
    <phoneticPr fontId="9"/>
  </si>
  <si>
    <t>１１日の情報</t>
    <rPh sb="2" eb="3">
      <t>ニチ</t>
    </rPh>
    <rPh sb="4" eb="6">
      <t>ジョウホウ</t>
    </rPh>
    <phoneticPr fontId="9"/>
  </si>
  <si>
    <t>１２日の情報</t>
    <rPh sb="2" eb="3">
      <t>ニチ</t>
    </rPh>
    <rPh sb="4" eb="6">
      <t>ジョウホウ</t>
    </rPh>
    <phoneticPr fontId="9"/>
  </si>
  <si>
    <t>１３日の情報</t>
    <rPh sb="2" eb="3">
      <t>ニチ</t>
    </rPh>
    <rPh sb="4" eb="6">
      <t>ジョウホウ</t>
    </rPh>
    <phoneticPr fontId="9"/>
  </si>
  <si>
    <t>１４日の情報</t>
    <rPh sb="2" eb="3">
      <t>ニチ</t>
    </rPh>
    <rPh sb="4" eb="6">
      <t>ジョウホウ</t>
    </rPh>
    <phoneticPr fontId="9"/>
  </si>
  <si>
    <t>１５日の情報</t>
    <rPh sb="2" eb="3">
      <t>ニチ</t>
    </rPh>
    <rPh sb="4" eb="6">
      <t>ジョウホウ</t>
    </rPh>
    <phoneticPr fontId="9"/>
  </si>
  <si>
    <t>１６日の情報</t>
    <rPh sb="2" eb="3">
      <t>ニチ</t>
    </rPh>
    <rPh sb="4" eb="6">
      <t>ジョウホウ</t>
    </rPh>
    <phoneticPr fontId="9"/>
  </si>
  <si>
    <t>１７日の情報</t>
    <rPh sb="2" eb="3">
      <t>ニチ</t>
    </rPh>
    <rPh sb="4" eb="6">
      <t>ジョウホウ</t>
    </rPh>
    <phoneticPr fontId="9"/>
  </si>
  <si>
    <t>１８日の情報</t>
    <rPh sb="2" eb="3">
      <t>ニチ</t>
    </rPh>
    <rPh sb="4" eb="6">
      <t>ジョウホウ</t>
    </rPh>
    <phoneticPr fontId="9"/>
  </si>
  <si>
    <t>１９日の情報</t>
    <rPh sb="2" eb="3">
      <t>ニチ</t>
    </rPh>
    <rPh sb="4" eb="6">
      <t>ジョウホウ</t>
    </rPh>
    <phoneticPr fontId="9"/>
  </si>
  <si>
    <t>２０日の情報</t>
    <rPh sb="2" eb="3">
      <t>ニチ</t>
    </rPh>
    <rPh sb="4" eb="6">
      <t>ジョウホウ</t>
    </rPh>
    <phoneticPr fontId="9"/>
  </si>
  <si>
    <t>２１日の情報</t>
    <rPh sb="2" eb="3">
      <t>ニチ</t>
    </rPh>
    <rPh sb="4" eb="6">
      <t>ジョウホウ</t>
    </rPh>
    <phoneticPr fontId="9"/>
  </si>
  <si>
    <t>２２日の情報</t>
    <rPh sb="2" eb="3">
      <t>ニチ</t>
    </rPh>
    <rPh sb="4" eb="6">
      <t>ジョウホウ</t>
    </rPh>
    <phoneticPr fontId="9"/>
  </si>
  <si>
    <t>２３日の情報</t>
    <rPh sb="2" eb="3">
      <t>ニチ</t>
    </rPh>
    <rPh sb="4" eb="6">
      <t>ジョウホウ</t>
    </rPh>
    <phoneticPr fontId="9"/>
  </si>
  <si>
    <t>２４日の情報</t>
    <rPh sb="2" eb="3">
      <t>ニチ</t>
    </rPh>
    <rPh sb="4" eb="6">
      <t>ジョウホウ</t>
    </rPh>
    <phoneticPr fontId="9"/>
  </si>
  <si>
    <t>２５日の情報</t>
    <rPh sb="2" eb="3">
      <t>ニチ</t>
    </rPh>
    <rPh sb="4" eb="6">
      <t>ジョウホウ</t>
    </rPh>
    <phoneticPr fontId="9"/>
  </si>
  <si>
    <t>２６日の情報</t>
    <rPh sb="2" eb="3">
      <t>ニチ</t>
    </rPh>
    <rPh sb="4" eb="6">
      <t>ジョウホウ</t>
    </rPh>
    <phoneticPr fontId="9"/>
  </si>
  <si>
    <t>２７日の情報</t>
    <rPh sb="2" eb="3">
      <t>ニチ</t>
    </rPh>
    <rPh sb="4" eb="6">
      <t>ジョウホウ</t>
    </rPh>
    <phoneticPr fontId="9"/>
  </si>
  <si>
    <t>２８日の情報</t>
    <rPh sb="2" eb="3">
      <t>ニチ</t>
    </rPh>
    <rPh sb="4" eb="6">
      <t>ジョウホウ</t>
    </rPh>
    <phoneticPr fontId="9"/>
  </si>
  <si>
    <t>２９日の情報</t>
    <rPh sb="2" eb="3">
      <t>ニチ</t>
    </rPh>
    <rPh sb="4" eb="6">
      <t>ジョウホウ</t>
    </rPh>
    <phoneticPr fontId="9"/>
  </si>
  <si>
    <t>３０日の情報</t>
    <rPh sb="2" eb="3">
      <t>ニチ</t>
    </rPh>
    <rPh sb="4" eb="6">
      <t>ジョウホウ</t>
    </rPh>
    <phoneticPr fontId="9"/>
  </si>
  <si>
    <t>３１日の情報</t>
    <rPh sb="2" eb="3">
      <t>ニチ</t>
    </rPh>
    <rPh sb="4" eb="6">
      <t>ジョウホウ</t>
    </rPh>
    <phoneticPr fontId="9"/>
  </si>
  <si>
    <t>診療年月</t>
    <rPh sb="0" eb="2">
      <t>シンリョウ</t>
    </rPh>
    <rPh sb="2" eb="4">
      <t>ネンゲツ</t>
    </rPh>
    <phoneticPr fontId="9"/>
  </si>
  <si>
    <t>窓口負担額レコード（MF）</t>
  </si>
  <si>
    <t>★tnds_t_rcp_med_mf</t>
    <phoneticPr fontId="24"/>
  </si>
  <si>
    <t>窓口負担額区分</t>
    <rPh sb="0" eb="2">
      <t>マドグチ</t>
    </rPh>
    <rPh sb="2" eb="7">
      <t>フタンガククブン</t>
    </rPh>
    <phoneticPr fontId="9"/>
  </si>
  <si>
    <t>counter_burd_div</t>
  </si>
  <si>
    <t>予備１</t>
    <rPh sb="0" eb="2">
      <t>ヨビ</t>
    </rPh>
    <phoneticPr fontId="9"/>
  </si>
  <si>
    <t>予備３</t>
    <rPh sb="0" eb="2">
      <t>ヨビ</t>
    </rPh>
    <phoneticPr fontId="9"/>
  </si>
  <si>
    <t>予備４</t>
    <rPh sb="0" eb="2">
      <t>ヨビ</t>
    </rPh>
    <phoneticPr fontId="9"/>
  </si>
  <si>
    <t>予備５</t>
    <rPh sb="0" eb="2">
      <t>ヨビ</t>
    </rPh>
    <phoneticPr fontId="9"/>
  </si>
  <si>
    <t>予備６</t>
    <rPh sb="0" eb="2">
      <t>ヨビ</t>
    </rPh>
    <phoneticPr fontId="9"/>
  </si>
  <si>
    <t>reserve_06</t>
  </si>
  <si>
    <t>予備７</t>
    <rPh sb="0" eb="2">
      <t>ヨビ</t>
    </rPh>
    <phoneticPr fontId="9"/>
  </si>
  <si>
    <t>reserve_07</t>
  </si>
  <si>
    <t>予備８</t>
    <rPh sb="0" eb="2">
      <t>ヨビ</t>
    </rPh>
    <phoneticPr fontId="9"/>
  </si>
  <si>
    <t>reserve_08</t>
  </si>
  <si>
    <t>予備９</t>
    <rPh sb="0" eb="2">
      <t>ヨビ</t>
    </rPh>
    <phoneticPr fontId="9"/>
  </si>
  <si>
    <t>reserve_09</t>
  </si>
  <si>
    <t>予備１０</t>
    <rPh sb="0" eb="2">
      <t>ヨビ</t>
    </rPh>
    <phoneticPr fontId="9"/>
  </si>
  <si>
    <t>reserve_10</t>
  </si>
  <si>
    <t>予備１１</t>
    <rPh sb="0" eb="2">
      <t>ヨビ</t>
    </rPh>
    <phoneticPr fontId="9"/>
  </si>
  <si>
    <t>reserve_11</t>
  </si>
  <si>
    <t>予備１２</t>
    <rPh sb="0" eb="2">
      <t>ヨビ</t>
    </rPh>
    <phoneticPr fontId="9"/>
  </si>
  <si>
    <t>reserve_12</t>
  </si>
  <si>
    <t>予備１３</t>
    <rPh sb="0" eb="2">
      <t>ヨビ</t>
    </rPh>
    <phoneticPr fontId="9"/>
  </si>
  <si>
    <t>reserve_13</t>
  </si>
  <si>
    <t>予備１４</t>
    <rPh sb="0" eb="2">
      <t>ヨビ</t>
    </rPh>
    <phoneticPr fontId="9"/>
  </si>
  <si>
    <t>reserve_14</t>
  </si>
  <si>
    <t>予備１５</t>
    <rPh sb="0" eb="2">
      <t>ヨビ</t>
    </rPh>
    <phoneticPr fontId="9"/>
  </si>
  <si>
    <t>reserve_15</t>
  </si>
  <si>
    <t>予備１６</t>
    <rPh sb="0" eb="2">
      <t>ヨビ</t>
    </rPh>
    <phoneticPr fontId="9"/>
  </si>
  <si>
    <t>reserve_16</t>
  </si>
  <si>
    <t>予備１７</t>
    <rPh sb="0" eb="2">
      <t>ヨビ</t>
    </rPh>
    <phoneticPr fontId="9"/>
  </si>
  <si>
    <t>reserve_17</t>
  </si>
  <si>
    <t>予備１８</t>
    <rPh sb="0" eb="2">
      <t>ヨビ</t>
    </rPh>
    <phoneticPr fontId="9"/>
  </si>
  <si>
    <t>reserve_18</t>
  </si>
  <si>
    <t>予備１９</t>
    <rPh sb="0" eb="2">
      <t>ヨビ</t>
    </rPh>
    <phoneticPr fontId="9"/>
  </si>
  <si>
    <t>reserve_19</t>
  </si>
  <si>
    <t>予備２０</t>
    <rPh sb="0" eb="2">
      <t>ヨビ</t>
    </rPh>
    <phoneticPr fontId="9"/>
  </si>
  <si>
    <t>reserve_20</t>
  </si>
  <si>
    <t>予備２１</t>
    <rPh sb="0" eb="2">
      <t>ヨビ</t>
    </rPh>
    <phoneticPr fontId="9"/>
  </si>
  <si>
    <t>reserve_21</t>
  </si>
  <si>
    <t>予備２２</t>
    <rPh sb="0" eb="2">
      <t>ヨビ</t>
    </rPh>
    <phoneticPr fontId="9"/>
  </si>
  <si>
    <t>reserve_22</t>
  </si>
  <si>
    <t>予備２３</t>
    <rPh sb="0" eb="2">
      <t>ヨビ</t>
    </rPh>
    <phoneticPr fontId="9"/>
  </si>
  <si>
    <t>reserve_23</t>
  </si>
  <si>
    <t>予備２４</t>
    <rPh sb="0" eb="2">
      <t>ヨビ</t>
    </rPh>
    <phoneticPr fontId="9"/>
  </si>
  <si>
    <t>reserve_24</t>
  </si>
  <si>
    <t>予備２５</t>
    <rPh sb="0" eb="2">
      <t>ヨビ</t>
    </rPh>
    <phoneticPr fontId="9"/>
  </si>
  <si>
    <t>reserve_25</t>
  </si>
  <si>
    <t>予備２６</t>
    <rPh sb="0" eb="2">
      <t>ヨビ</t>
    </rPh>
    <phoneticPr fontId="9"/>
  </si>
  <si>
    <t>reserve_26</t>
  </si>
  <si>
    <t>予備２７</t>
    <rPh sb="0" eb="2">
      <t>ヨビ</t>
    </rPh>
    <phoneticPr fontId="9"/>
  </si>
  <si>
    <t>reserve_27</t>
  </si>
  <si>
    <t>予備２８</t>
    <rPh sb="0" eb="2">
      <t>ヨビ</t>
    </rPh>
    <phoneticPr fontId="9"/>
  </si>
  <si>
    <t>reserve_28</t>
  </si>
  <si>
    <t>予備２９</t>
    <rPh sb="0" eb="2">
      <t>ヨビ</t>
    </rPh>
    <phoneticPr fontId="9"/>
  </si>
  <si>
    <t>reserve_29</t>
  </si>
  <si>
    <t>予備３０</t>
    <rPh sb="0" eb="2">
      <t>ヨビ</t>
    </rPh>
    <phoneticPr fontId="9"/>
  </si>
  <si>
    <t>reserve_30</t>
  </si>
  <si>
    <t>予備３１</t>
    <rPh sb="0" eb="2">
      <t>ヨビ</t>
    </rPh>
    <phoneticPr fontId="9"/>
  </si>
  <si>
    <t>reserve_31</t>
  </si>
  <si>
    <t>資格確認運用レコード（ON）</t>
  </si>
  <si>
    <t>★tnds_t_rcp_med_on</t>
    <phoneticPr fontId="24"/>
  </si>
  <si>
    <t>資格有効期間（終了）</t>
    <rPh sb="0" eb="6">
      <t>シカクユウコウキカン</t>
    </rPh>
    <rPh sb="7" eb="9">
      <t>シュウリョウ</t>
    </rPh>
    <phoneticPr fontId="9"/>
  </si>
  <si>
    <t>quals_term_end</t>
  </si>
  <si>
    <t>資格有効期間（開始）</t>
    <rPh sb="0" eb="6">
      <t>シカクユウコウキカン</t>
    </rPh>
    <rPh sb="7" eb="9">
      <t>カイシ</t>
    </rPh>
    <phoneticPr fontId="9"/>
  </si>
  <si>
    <t>quals_term_str</t>
  </si>
  <si>
    <t>資格確認マスタ作成日時</t>
    <rPh sb="0" eb="4">
      <t>シカクカクニン</t>
    </rPh>
    <rPh sb="7" eb="11">
      <t>サクセイニチジ</t>
    </rPh>
    <phoneticPr fontId="9"/>
  </si>
  <si>
    <t>quals_mst_date</t>
  </si>
  <si>
    <t>仮払請求等理由</t>
    <rPh sb="0" eb="2">
      <t>カリハラ</t>
    </rPh>
    <rPh sb="2" eb="4">
      <t>セイキュウ</t>
    </rPh>
    <rPh sb="4" eb="5">
      <t>トウ</t>
    </rPh>
    <rPh sb="5" eb="7">
      <t>リユウ</t>
    </rPh>
    <phoneticPr fontId="9"/>
  </si>
  <si>
    <t>request_reason</t>
  </si>
  <si>
    <t>電子資格確認実施医療機関等</t>
    <rPh sb="0" eb="2">
      <t>デンシ</t>
    </rPh>
    <rPh sb="2" eb="6">
      <t>シカクカクニン</t>
    </rPh>
    <rPh sb="6" eb="8">
      <t>ジッシ</t>
    </rPh>
    <rPh sb="8" eb="12">
      <t>イリョウキカン</t>
    </rPh>
    <rPh sb="12" eb="13">
      <t>トウ</t>
    </rPh>
    <phoneticPr fontId="9"/>
  </si>
  <si>
    <t>quals_chk_med</t>
  </si>
  <si>
    <t>審査区分</t>
    <rPh sb="0" eb="2">
      <t>シンサ</t>
    </rPh>
    <rPh sb="2" eb="4">
      <t>クブン</t>
    </rPh>
    <phoneticPr fontId="9"/>
  </si>
  <si>
    <t>license_kbn</t>
    <phoneticPr fontId="24"/>
  </si>
  <si>
    <t>資格喪失前合計点数</t>
    <rPh sb="0" eb="5">
      <t>シカクソウシツマエ</t>
    </rPh>
    <rPh sb="5" eb="9">
      <t>ゴウケイテンスウ</t>
    </rPh>
    <phoneticPr fontId="9"/>
  </si>
  <si>
    <t>bef_disquals_score</t>
  </si>
  <si>
    <t>資格喪失前食事療養・生活療養合計金額</t>
    <rPh sb="0" eb="7">
      <t>シカクソウシツマエショクジ</t>
    </rPh>
    <rPh sb="7" eb="9">
      <t>リョウヨウ</t>
    </rPh>
    <rPh sb="10" eb="14">
      <t>セイカツリョウヨウ</t>
    </rPh>
    <rPh sb="14" eb="18">
      <t>ゴウケイキンガク</t>
    </rPh>
    <phoneticPr fontId="9"/>
  </si>
  <si>
    <t>bef_disquals_amnt</t>
  </si>
  <si>
    <t>資格喪失前食事療養・生活療養標準負担額</t>
    <rPh sb="0" eb="9">
      <t>シカクソウシツマエショクジリョウヨウ</t>
    </rPh>
    <rPh sb="10" eb="16">
      <t>セイカツリョウヨウヒョウジュン</t>
    </rPh>
    <rPh sb="16" eb="19">
      <t>フタンガク</t>
    </rPh>
    <phoneticPr fontId="9"/>
  </si>
  <si>
    <t>bef_disquals_burd</t>
  </si>
  <si>
    <t>資格喪失後合計点数</t>
    <rPh sb="0" eb="9">
      <t>シカクソウシツゴゴウケイテンスウ</t>
    </rPh>
    <phoneticPr fontId="9"/>
  </si>
  <si>
    <t>aft_disquals_score</t>
  </si>
  <si>
    <t>資格喪失後食事療養・生活療養合計金額</t>
    <rPh sb="0" eb="5">
      <t>シカクソウシツゴ</t>
    </rPh>
    <rPh sb="5" eb="9">
      <t>ショクジリョウヨウ</t>
    </rPh>
    <rPh sb="10" eb="12">
      <t>セイカツ</t>
    </rPh>
    <rPh sb="12" eb="18">
      <t>リョウヨウゴウケイキンガク</t>
    </rPh>
    <phoneticPr fontId="9"/>
  </si>
  <si>
    <t>aft_disquals_amnt</t>
  </si>
  <si>
    <t>資格喪失後食事療養・生活療養標準負担額</t>
    <rPh sb="0" eb="9">
      <t>シカクソウシツゴショクジリョウヨウ</t>
    </rPh>
    <rPh sb="10" eb="19">
      <t>セイカツリョウヨウヒョウジュンフタンガク</t>
    </rPh>
    <phoneticPr fontId="9"/>
  </si>
  <si>
    <t>aft_disquals_burd</t>
  </si>
  <si>
    <t>資格確認使用欄</t>
    <rPh sb="0" eb="4">
      <t>シカクカクニン</t>
    </rPh>
    <rPh sb="4" eb="7">
      <t>シヨウラン</t>
    </rPh>
    <phoneticPr fontId="9"/>
  </si>
  <si>
    <t>quals_chk</t>
  </si>
  <si>
    <t>診療年月</t>
    <rPh sb="0" eb="4">
      <t>シンリョウネンゲツ</t>
    </rPh>
    <phoneticPr fontId="9"/>
  </si>
  <si>
    <t>EOF</t>
  </si>
  <si>
    <t>その他・コメント等（フリー記入欄）</t>
    <rPh sb="2" eb="3">
      <t>タ</t>
    </rPh>
    <rPh sb="8" eb="9">
      <t>トウ</t>
    </rPh>
    <rPh sb="13" eb="15">
      <t>キニュウ</t>
    </rPh>
    <rPh sb="15" eb="16">
      <t>ラン</t>
    </rPh>
    <phoneticPr fontId="24"/>
  </si>
  <si>
    <t>提供形式</t>
    <rPh sb="0" eb="2">
      <t>テイキョウ</t>
    </rPh>
    <rPh sb="2" eb="4">
      <t>ケイシキ</t>
    </rPh>
    <phoneticPr fontId="23"/>
  </si>
  <si>
    <t>単位</t>
    <rPh sb="0" eb="2">
      <t>タンイ</t>
    </rPh>
    <phoneticPr fontId="23"/>
  </si>
  <si>
    <t>項目仕様</t>
    <rPh sb="0" eb="2">
      <t>コウモク</t>
    </rPh>
    <rPh sb="2" eb="4">
      <t>シヨウ</t>
    </rPh>
    <phoneticPr fontId="23"/>
  </si>
  <si>
    <t>名寄せの有無</t>
    <rPh sb="0" eb="2">
      <t>ナヨ</t>
    </rPh>
    <rPh sb="4" eb="6">
      <t>ウム</t>
    </rPh>
    <phoneticPr fontId="23"/>
  </si>
  <si>
    <t>名寄せID</t>
    <rPh sb="0" eb="2">
      <t>ナヨ</t>
    </rPh>
    <phoneticPr fontId="23"/>
  </si>
  <si>
    <t>名寄せ先</t>
    <rPh sb="0" eb="2">
      <t>ナヨ</t>
    </rPh>
    <rPh sb="3" eb="4">
      <t>サキ</t>
    </rPh>
    <phoneticPr fontId="23"/>
  </si>
  <si>
    <t>診療月</t>
    <rPh sb="0" eb="2">
      <t>シンリョウ</t>
    </rPh>
    <rPh sb="2" eb="3">
      <t>ツキ</t>
    </rPh>
    <phoneticPr fontId="23"/>
  </si>
  <si>
    <t>しない</t>
  </si>
  <si>
    <t>ID１</t>
  </si>
  <si>
    <t>医科</t>
    <rPh sb="0" eb="2">
      <t>イカ</t>
    </rPh>
    <phoneticPr fontId="23"/>
  </si>
  <si>
    <t>○</t>
    <phoneticPr fontId="24"/>
  </si>
  <si>
    <t>分割しない</t>
    <rPh sb="0" eb="2">
      <t>ブンカツ</t>
    </rPh>
    <phoneticPr fontId="23"/>
  </si>
  <si>
    <t>審査月（請求月）</t>
    <rPh sb="0" eb="2">
      <t>シンサ</t>
    </rPh>
    <rPh sb="2" eb="3">
      <t>ツキ</t>
    </rPh>
    <rPh sb="4" eb="6">
      <t>セイキュウ</t>
    </rPh>
    <rPh sb="6" eb="7">
      <t>ツキ</t>
    </rPh>
    <phoneticPr fontId="23"/>
  </si>
  <si>
    <t>絞り込み</t>
    <phoneticPr fontId="24"/>
  </si>
  <si>
    <t>する</t>
  </si>
  <si>
    <t>ID２</t>
  </si>
  <si>
    <t>DPC</t>
  </si>
  <si>
    <t>×</t>
    <phoneticPr fontId="24"/>
  </si>
  <si>
    <t>レセプト分割</t>
  </si>
  <si>
    <t>匿名化　通番</t>
    <phoneticPr fontId="24"/>
  </si>
  <si>
    <t>ID１ or ID２</t>
  </si>
  <si>
    <t>調剤</t>
    <rPh sb="0" eb="2">
      <t>チョウザイ</t>
    </rPh>
    <phoneticPr fontId="23"/>
  </si>
  <si>
    <t>匿名化　階級</t>
    <phoneticPr fontId="24"/>
  </si>
  <si>
    <t>ID１n</t>
    <phoneticPr fontId="24"/>
  </si>
  <si>
    <t>歯科</t>
    <rPh sb="0" eb="2">
      <t>シカ</t>
    </rPh>
    <phoneticPr fontId="23"/>
  </si>
  <si>
    <t>特定健診</t>
    <rPh sb="0" eb="2">
      <t>トクテイ</t>
    </rPh>
    <rPh sb="2" eb="4">
      <t>ケンシン</t>
    </rPh>
    <phoneticPr fontId="23"/>
  </si>
  <si>
    <t>保健指導</t>
    <rPh sb="0" eb="2">
      <t>ホケン</t>
    </rPh>
    <rPh sb="2" eb="4">
      <t>シドウ</t>
    </rPh>
    <phoneticPr fontId="23"/>
  </si>
  <si>
    <t>【目的別DB】医科基本</t>
  </si>
  <si>
    <t>【目的別DB】DPC基本</t>
  </si>
  <si>
    <t>【目的別DB】歯科基本</t>
  </si>
  <si>
    <t>【目的別DB】調剤基本</t>
  </si>
  <si>
    <t>【目的別DB】特定健診</t>
  </si>
  <si>
    <t>【目的別DB】特定保健指導</t>
  </si>
  <si>
    <t>【目的別DB】医科個人別医療費</t>
  </si>
  <si>
    <t>【目的別DB】DPC個人別医療費</t>
  </si>
  <si>
    <t>【目的別DB】歯科個人別医療費</t>
  </si>
  <si>
    <t>【目的別DB】調剤個人別医療費</t>
  </si>
  <si>
    <t>DPCレセプト情報</t>
    <phoneticPr fontId="24"/>
  </si>
  <si>
    <r>
      <t>使用ID　</t>
    </r>
    <r>
      <rPr>
        <b/>
        <u/>
        <sz val="11"/>
        <rFont val="ＭＳ Ｐゴシック"/>
        <family val="3"/>
        <charset val="128"/>
      </rPr>
      <t>　　　</t>
    </r>
    <r>
      <rPr>
        <b/>
        <sz val="11"/>
        <rFont val="ＭＳ Ｐゴシック"/>
        <family val="3"/>
        <charset val="128"/>
      </rPr>
      <t>　</t>
    </r>
    <r>
      <rPr>
        <b/>
        <u/>
        <sz val="11"/>
        <rFont val="ＭＳ Ｐゴシック"/>
        <family val="3"/>
        <charset val="128"/>
      </rPr>
      <t>　　</t>
    </r>
    <rPh sb="0" eb="2">
      <t>シヨウ</t>
    </rPh>
    <phoneticPr fontId="24"/>
  </si>
  <si>
    <t>BU</t>
    <phoneticPr fontId="24"/>
  </si>
  <si>
    <t>SB</t>
    <phoneticPr fontId="24"/>
  </si>
  <si>
    <t>SY</t>
    <phoneticPr fontId="24"/>
  </si>
  <si>
    <t>KK</t>
    <phoneticPr fontId="24"/>
  </si>
  <si>
    <t>SK</t>
    <phoneticPr fontId="24"/>
  </si>
  <si>
    <t>GA</t>
    <phoneticPr fontId="24"/>
  </si>
  <si>
    <t>HH</t>
    <phoneticPr fontId="24"/>
  </si>
  <si>
    <t>GT</t>
    <phoneticPr fontId="24"/>
  </si>
  <si>
    <t>CD</t>
    <phoneticPr fontId="24"/>
  </si>
  <si>
    <t>レセプト管理レコード（MN）</t>
  </si>
  <si>
    <t>★tnds_t_rcp_dpc_mn</t>
    <phoneticPr fontId="24"/>
  </si>
  <si>
    <t>DB型</t>
    <phoneticPr fontId="24"/>
  </si>
  <si>
    <t>rcp_mng_no</t>
  </si>
  <si>
    <t>insu_medi_inst_addr</t>
  </si>
  <si>
    <t>★tnds_t_rcp_dpc_ir</t>
    <phoneticPr fontId="24"/>
  </si>
  <si>
    <t>exam_pay_inst</t>
  </si>
  <si>
    <t>req_ym</t>
  </si>
  <si>
    <t>mlt_vol_ident_info</t>
  </si>
  <si>
    <t>ori_snd_div</t>
  </si>
  <si>
    <t>★tnds_t_rcp_dpc_re</t>
    <phoneticPr fontId="24"/>
  </si>
  <si>
    <t>一部負担金・食事療養費・生活療養費標準負担額区分</t>
    <phoneticPr fontId="24"/>
  </si>
  <si>
    <t>予備（旧診療科）</t>
    <rPh sb="0" eb="2">
      <t>ヨビ</t>
    </rPh>
    <rPh sb="3" eb="4">
      <t>キュウ</t>
    </rPh>
    <rPh sb="4" eb="7">
      <t>シンリョウカ</t>
    </rPh>
    <phoneticPr fontId="9"/>
  </si>
  <si>
    <t>レセプト総括区分</t>
  </si>
  <si>
    <t>rcpt_gnrlz_div</t>
  </si>
  <si>
    <t>明細情報数</t>
  </si>
  <si>
    <t>detl_info_num</t>
  </si>
  <si>
    <t>予備（記録条件仕様年月情報）</t>
  </si>
  <si>
    <t>請求情報</t>
    <phoneticPr fontId="24"/>
  </si>
  <si>
    <t>レセプト総括区分番号</t>
    <rPh sb="4" eb="6">
      <t>ソウカツ</t>
    </rPh>
    <rPh sb="6" eb="8">
      <t>クブン</t>
    </rPh>
    <rPh sb="8" eb="10">
      <t>バンゴウ</t>
    </rPh>
    <phoneticPr fontId="9"/>
  </si>
  <si>
    <t>rcpt_gnrlz_div_no</t>
  </si>
  <si>
    <t>★tnds_t_rcp_dpc_ho</t>
    <phoneticPr fontId="24"/>
  </si>
  <si>
    <t>保険者番号（匿名化後）</t>
    <rPh sb="6" eb="8">
      <t>トクメイ</t>
    </rPh>
    <rPh sb="8" eb="9">
      <t>カ</t>
    </rPh>
    <rPh sb="9" eb="10">
      <t>ゴ</t>
    </rPh>
    <phoneticPr fontId="9"/>
  </si>
  <si>
    <t>標準負担額（食事療養・生活療養）</t>
  </si>
  <si>
    <t>stand_burd_price</t>
  </si>
  <si>
    <t>合計行フラグ</t>
  </si>
  <si>
    <t>ttl_flg</t>
  </si>
  <si>
    <t>★tnds_t_rcp_dpc_ko</t>
    <phoneticPr fontId="24"/>
  </si>
  <si>
    <t>診療実日数</t>
    <phoneticPr fontId="24"/>
  </si>
  <si>
    <t>予備１（負担金額）</t>
    <phoneticPr fontId="24"/>
  </si>
  <si>
    <t>予備２</t>
    <phoneticPr fontId="24"/>
  </si>
  <si>
    <t>★tnds_t_rcp_dpc_co</t>
    <phoneticPr fontId="24"/>
  </si>
  <si>
    <t>★tnds_t_rcp_dpc_sj</t>
    <phoneticPr fontId="24"/>
  </si>
  <si>
    <t>診断群分類レコード（BU）</t>
    <phoneticPr fontId="24"/>
  </si>
  <si>
    <t>★tnds_t_rcp_dpc_bu</t>
    <phoneticPr fontId="24"/>
  </si>
  <si>
    <t>診断群分類番号</t>
  </si>
  <si>
    <t>今回入院年月日</t>
  </si>
  <si>
    <t>this_hostz_ymd</t>
  </si>
  <si>
    <t>今回退院年月日</t>
  </si>
  <si>
    <t>this_dschg_ymd</t>
  </si>
  <si>
    <t>ＤＰＣ転帰区分</t>
  </si>
  <si>
    <t>dpc_outcm_div</t>
  </si>
  <si>
    <t>死因</t>
    <phoneticPr fontId="24"/>
  </si>
  <si>
    <t>cause_death</t>
  </si>
  <si>
    <t>傷病レコード（SB）</t>
    <phoneticPr fontId="24"/>
  </si>
  <si>
    <t>★tnds_t_rcp_dpc_sb</t>
    <phoneticPr fontId="24"/>
  </si>
  <si>
    <t>傷病名称</t>
  </si>
  <si>
    <t>ＩＣＤ１０コード</t>
  </si>
  <si>
    <t>icd10_cd</t>
  </si>
  <si>
    <t>傷病名区分</t>
  </si>
  <si>
    <t>skwd_name_div</t>
  </si>
  <si>
    <t>死因</t>
  </si>
  <si>
    <t>補足コメント</t>
  </si>
  <si>
    <t>英字</t>
    <rPh sb="0" eb="2">
      <t>エイジ</t>
    </rPh>
    <phoneticPr fontId="9"/>
  </si>
  <si>
    <t>傷病名レコード（SY）</t>
    <phoneticPr fontId="24"/>
  </si>
  <si>
    <t>★tnds_t_rcp_dpc_sy</t>
    <phoneticPr fontId="24"/>
  </si>
  <si>
    <t>患者基礎レコード（KK）</t>
    <phoneticPr fontId="24"/>
  </si>
  <si>
    <t>★tnds_t_rcp_dpc_kk</t>
    <phoneticPr fontId="24"/>
  </si>
  <si>
    <t>予備（入退院情報）（転科の有無）</t>
    <rPh sb="0" eb="2">
      <t>ヨビ</t>
    </rPh>
    <rPh sb="3" eb="6">
      <t>ニュウタイイン</t>
    </rPh>
    <rPh sb="6" eb="8">
      <t>ジョウホウ</t>
    </rPh>
    <rPh sb="10" eb="11">
      <t>テン</t>
    </rPh>
    <rPh sb="11" eb="12">
      <t>カ</t>
    </rPh>
    <rPh sb="13" eb="15">
      <t>ウム</t>
    </rPh>
    <phoneticPr fontId="9"/>
  </si>
  <si>
    <t>chg_dept_yon</t>
  </si>
  <si>
    <t>一般病棟以外の病棟移動の有無（入退院情報）</t>
    <phoneticPr fontId="24"/>
  </si>
  <si>
    <t>excpt_pub_ward_move_yon</t>
  </si>
  <si>
    <t>予定・緊急入院区分（入退院情報）</t>
  </si>
  <si>
    <t>plan_emgcy_hostz_div</t>
  </si>
  <si>
    <t>前回退院年月日（入退院情報）</t>
  </si>
  <si>
    <t>last_dschg_ymd</t>
  </si>
  <si>
    <t>前回同一傷病での入院の有無（入退院情報）</t>
  </si>
  <si>
    <t>last_same_skwd_hostz_yon</t>
  </si>
  <si>
    <t>入院時年齢（診療関連情報）</t>
  </si>
  <si>
    <t>hostz_age</t>
  </si>
  <si>
    <t>出生時体重（診療関連情報）</t>
  </si>
  <si>
    <t>birth_wt</t>
  </si>
  <si>
    <t>ＪＣＳ（診療関連情報）</t>
    <rPh sb="4" eb="6">
      <t>シンリョウ</t>
    </rPh>
    <rPh sb="6" eb="8">
      <t>カンレン</t>
    </rPh>
    <rPh sb="8" eb="10">
      <t>ジョウホウ</t>
    </rPh>
    <phoneticPr fontId="9"/>
  </si>
  <si>
    <t>jcs</t>
  </si>
  <si>
    <t>予備１（診療関連情報）</t>
  </si>
  <si>
    <t>Ｂｕｒｎ Ｉｎｄｅｘ（診療関連情報）</t>
  </si>
  <si>
    <t>burn_idx</t>
  </si>
  <si>
    <t>重症度等（診療関連情報）</t>
  </si>
  <si>
    <t>severity</t>
  </si>
  <si>
    <t>予備（ＧＡＦ（診療関連情報））</t>
    <rPh sb="7" eb="9">
      <t>シンリョウ</t>
    </rPh>
    <rPh sb="9" eb="11">
      <t>カンレン</t>
    </rPh>
    <rPh sb="11" eb="13">
      <t>ジョウホウ</t>
    </rPh>
    <phoneticPr fontId="9"/>
  </si>
  <si>
    <t>gaf</t>
  </si>
  <si>
    <t>予備（入院時月齢（診療関連情報））</t>
    <rPh sb="0" eb="2">
      <t>ヨビ</t>
    </rPh>
    <rPh sb="9" eb="11">
      <t>シンリョウ</t>
    </rPh>
    <rPh sb="11" eb="13">
      <t>カンレン</t>
    </rPh>
    <rPh sb="13" eb="15">
      <t>ジョウホウ</t>
    </rPh>
    <phoneticPr fontId="9"/>
  </si>
  <si>
    <t>hostz_month_age</t>
  </si>
  <si>
    <t>妊娠週数</t>
  </si>
  <si>
    <t>pregnancy_weeks</t>
  </si>
  <si>
    <t>分娩時出血量</t>
    <rPh sb="0" eb="2">
      <t>ブンベン</t>
    </rPh>
    <rPh sb="2" eb="3">
      <t>ジ</t>
    </rPh>
    <rPh sb="3" eb="6">
      <t>シュッケツリョウ</t>
    </rPh>
    <phoneticPr fontId="9"/>
  </si>
  <si>
    <t>bleeding_volume_labor</t>
    <phoneticPr fontId="24"/>
  </si>
  <si>
    <t>診療関連レコード（SK）</t>
    <phoneticPr fontId="24"/>
  </si>
  <si>
    <t>★tnds_t_rcp_dpc_sk</t>
    <phoneticPr fontId="24"/>
  </si>
  <si>
    <t>区分番号</t>
  </si>
  <si>
    <t>div_no</t>
  </si>
  <si>
    <t>実施（予定）年月日</t>
  </si>
  <si>
    <t>oprtn_plan_ymd</t>
  </si>
  <si>
    <t>診療区分コード</t>
  </si>
  <si>
    <t>prac_div_cd</t>
  </si>
  <si>
    <t>診療名称</t>
  </si>
  <si>
    <t>prac_name</t>
  </si>
  <si>
    <t>漢字</t>
    <rPh sb="0" eb="2">
      <t>カンジ</t>
    </rPh>
    <phoneticPr fontId="9"/>
  </si>
  <si>
    <t>外泊レコード（GA）</t>
  </si>
  <si>
    <t>★tnds_t_rcp_dpc_ga</t>
    <phoneticPr fontId="24"/>
  </si>
  <si>
    <t>外泊用診療年月</t>
    <rPh sb="0" eb="2">
      <t>ガイハク</t>
    </rPh>
    <rPh sb="2" eb="3">
      <t>ヨウ</t>
    </rPh>
    <phoneticPr fontId="9"/>
  </si>
  <si>
    <t>prac_ym_ga</t>
  </si>
  <si>
    <t>請求調整区分</t>
  </si>
  <si>
    <t>req_adjst_div</t>
  </si>
  <si>
    <t>外泊等</t>
  </si>
  <si>
    <t>stay_out</t>
  </si>
  <si>
    <t>医療機関別係数</t>
  </si>
  <si>
    <t>medi_inst_cfcnt</t>
  </si>
  <si>
    <t>翌月再入院（転棟）予定の有無</t>
    <rPh sb="6" eb="7">
      <t>テン</t>
    </rPh>
    <rPh sb="7" eb="8">
      <t>トウ</t>
    </rPh>
    <phoneticPr fontId="9"/>
  </si>
  <si>
    <t>next_hostz_plan_yon</t>
  </si>
  <si>
    <t>包括評価レコード（HH）</t>
  </si>
  <si>
    <t>★tnds_t_rcp_dpc_hh</t>
    <phoneticPr fontId="24"/>
  </si>
  <si>
    <t>包括評価用診療年月</t>
    <rPh sb="0" eb="2">
      <t>ホウカツ</t>
    </rPh>
    <rPh sb="2" eb="4">
      <t>ヒョウカ</t>
    </rPh>
    <rPh sb="4" eb="5">
      <t>ヨウ</t>
    </rPh>
    <phoneticPr fontId="9"/>
  </si>
  <si>
    <t>prac_ym_hh</t>
  </si>
  <si>
    <t>自他保険区分</t>
  </si>
  <si>
    <t>self_other_insu_div</t>
  </si>
  <si>
    <t>入院期間区分</t>
  </si>
  <si>
    <t>hostz_prd_div</t>
  </si>
  <si>
    <t>入院期間区分別点数</t>
  </si>
  <si>
    <t>hostz_prd_div_score</t>
  </si>
  <si>
    <t>入院期間区分別入院日数</t>
  </si>
  <si>
    <t>hostz_prd_div_days</t>
  </si>
  <si>
    <t>包括小計点数</t>
  </si>
  <si>
    <t>incsn_sbttl_score</t>
  </si>
  <si>
    <t>合計調整レコード（GT）</t>
    <phoneticPr fontId="24"/>
  </si>
  <si>
    <t>★tnds_t_rcp_dpc_gt</t>
    <phoneticPr fontId="24"/>
  </si>
  <si>
    <t>合計調整用診療年月</t>
    <rPh sb="0" eb="2">
      <t>ゴウケイ</t>
    </rPh>
    <rPh sb="2" eb="4">
      <t>チョウセイ</t>
    </rPh>
    <rPh sb="4" eb="5">
      <t>ヨウ</t>
    </rPh>
    <phoneticPr fontId="9"/>
  </si>
  <si>
    <t>prac_ym_gt</t>
  </si>
  <si>
    <t>包括小計点数合算</t>
  </si>
  <si>
    <t>incsn_sbttl_score_sum</t>
  </si>
  <si>
    <t>包括評価点数</t>
    <rPh sb="5" eb="6">
      <t>スウ</t>
    </rPh>
    <phoneticPr fontId="9"/>
  </si>
  <si>
    <t>incsn_evalu_score</t>
  </si>
  <si>
    <t>調整点数</t>
  </si>
  <si>
    <t>adjst_score</t>
  </si>
  <si>
    <t>今月包括合計点数</t>
  </si>
  <si>
    <t>this_incsn_ttl_score</t>
  </si>
  <si>
    <t>変更年月日（保険変更）</t>
  </si>
  <si>
    <t>change_ymd</t>
  </si>
  <si>
    <t>文字データ（保険変更）</t>
  </si>
  <si>
    <t>診療行為レコード（SI）</t>
    <phoneticPr fontId="24"/>
  </si>
  <si>
    <t>★tnds_t_rcp_dpc_si</t>
    <phoneticPr fontId="24"/>
  </si>
  <si>
    <t>★tnds_t_rcp_dpc_iy</t>
    <phoneticPr fontId="24"/>
  </si>
  <si>
    <t>★tnds_t_rcp_dpc_to</t>
    <phoneticPr fontId="24"/>
  </si>
  <si>
    <t>★tnds_t_rcp_dpc_ni</t>
    <phoneticPr fontId="24"/>
  </si>
  <si>
    <t>★tnds_t_rcp_dpc_ti</t>
    <phoneticPr fontId="24"/>
  </si>
  <si>
    <t>★tnds_t_rcp_dpc_tr</t>
    <phoneticPr fontId="24"/>
  </si>
  <si>
    <t>臓器提供者レセプト種別</t>
    <rPh sb="0" eb="2">
      <t>ゾウキ</t>
    </rPh>
    <rPh sb="2" eb="4">
      <t>テイキョウ</t>
    </rPh>
    <rPh sb="4" eb="5">
      <t>シャ</t>
    </rPh>
    <phoneticPr fontId="9"/>
  </si>
  <si>
    <t>★tnds_t_rcp_dpc_ts</t>
    <phoneticPr fontId="24"/>
  </si>
  <si>
    <t>コーディングレコード（CD）</t>
    <phoneticPr fontId="24"/>
  </si>
  <si>
    <t>★tnds_t_rcp_dpc_cd</t>
    <phoneticPr fontId="24"/>
  </si>
  <si>
    <t>実施年月日</t>
  </si>
  <si>
    <t>oprtn_ymd</t>
  </si>
  <si>
    <t>順序番号</t>
  </si>
  <si>
    <t>order_no</t>
  </si>
  <si>
    <t>行為明細番号</t>
  </si>
  <si>
    <t>act_detl_no</t>
  </si>
  <si>
    <t>レセプト電算処理システム用コード</t>
    <phoneticPr fontId="24"/>
  </si>
  <si>
    <t>rcpt_comp_sys_rec</t>
  </si>
  <si>
    <t>重複フラグ</t>
    <rPh sb="0" eb="2">
      <t>チョウフク</t>
    </rPh>
    <phoneticPr fontId="9"/>
  </si>
  <si>
    <t>dup_flg</t>
  </si>
  <si>
    <t>★tnds_t_rcp_dpc_gr</t>
    <phoneticPr fontId="24"/>
  </si>
  <si>
    <t>★tnds_t_rcp_dpc_sn</t>
    <phoneticPr fontId="24"/>
  </si>
  <si>
    <t>確認区分</t>
    <rPh sb="0" eb="4">
      <t>カクニンクブン</t>
    </rPh>
    <phoneticPr fontId="9"/>
  </si>
  <si>
    <t>varchar</t>
    <phoneticPr fontId="24"/>
  </si>
  <si>
    <t>★tnds_t_rcp_dpc_jd</t>
    <phoneticPr fontId="24"/>
  </si>
  <si>
    <t>★tnds_t_rcp_dpc_mf</t>
    <phoneticPr fontId="24"/>
  </si>
  <si>
    <t>★tnds_t_rcp_dpc_on</t>
    <phoneticPr fontId="24"/>
  </si>
  <si>
    <t>EOF</t>
    <phoneticPr fontId="24"/>
  </si>
  <si>
    <t>歯科レセプト情報</t>
    <rPh sb="0" eb="2">
      <t>シカ</t>
    </rPh>
    <phoneticPr fontId="24"/>
  </si>
  <si>
    <t>HS</t>
    <phoneticPr fontId="24"/>
  </si>
  <si>
    <t>SS</t>
    <phoneticPr fontId="24"/>
  </si>
  <si>
    <t>★tnds_t_rcp_den_mn</t>
    <phoneticPr fontId="24"/>
  </si>
  <si>
    <t>医療機関情報レコード（IR）</t>
    <phoneticPr fontId="24"/>
  </si>
  <si>
    <t>★tnds_t_rcp_den_ir</t>
    <phoneticPr fontId="24"/>
  </si>
  <si>
    <t>予備（診療科コード）</t>
    <rPh sb="3" eb="6">
      <t>シンリョウカ</t>
    </rPh>
    <phoneticPr fontId="9"/>
  </si>
  <si>
    <t>届出</t>
  </si>
  <si>
    <t>notification</t>
  </si>
  <si>
    <t>★tnds_t_rcp_den_re</t>
    <phoneticPr fontId="24"/>
  </si>
  <si>
    <t>診察開始日</t>
  </si>
  <si>
    <t>cnslt_str_ymd</t>
  </si>
  <si>
    <t>請求情報1</t>
  </si>
  <si>
    <t>req_info1</t>
  </si>
  <si>
    <t>未来院請求</t>
  </si>
  <si>
    <t>non_hsptl_visit_req</t>
  </si>
  <si>
    <t>検索番号</t>
    <rPh sb="0" eb="2">
      <t>ケンサク</t>
    </rPh>
    <rPh sb="2" eb="4">
      <t>バンゴウ</t>
    </rPh>
    <phoneticPr fontId="9"/>
  </si>
  <si>
    <t>予備（記録条件仕様年月情報）</t>
    <phoneticPr fontId="9"/>
  </si>
  <si>
    <t>請求情報2</t>
    <rPh sb="0" eb="2">
      <t>セイキュウ</t>
    </rPh>
    <rPh sb="2" eb="4">
      <t>ジョウホウ</t>
    </rPh>
    <phoneticPr fontId="9"/>
  </si>
  <si>
    <t>req_info2</t>
  </si>
  <si>
    <t>ＩＤ４</t>
    <phoneticPr fontId="24"/>
  </si>
  <si>
    <t>数字</t>
    <rPh sb="0" eb="2">
      <t>スウジ</t>
    </rPh>
    <phoneticPr fontId="9"/>
  </si>
  <si>
    <t>★tnds_t_rcp_den_ho</t>
    <phoneticPr fontId="24"/>
  </si>
  <si>
    <t>公費レコード（KO）</t>
  </si>
  <si>
    <t>★tnds_t_rcp_den_ko</t>
    <phoneticPr fontId="24"/>
  </si>
  <si>
    <t>任意給付区分</t>
  </si>
  <si>
    <t>公費給付対象一部負担金（負担金額）</t>
  </si>
  <si>
    <t>pub_money_pay_burd</t>
  </si>
  <si>
    <t>傷病名部位レコード（HS）</t>
    <phoneticPr fontId="24"/>
  </si>
  <si>
    <t>★tnds_t_rcp_den_hs</t>
    <phoneticPr fontId="24"/>
  </si>
  <si>
    <t>歯式（傷病名）</t>
  </si>
  <si>
    <t>skwd_name_df</t>
  </si>
  <si>
    <t>併存傷病名数</t>
    <rPh sb="0" eb="1">
      <t>ヘイ</t>
    </rPh>
    <phoneticPr fontId="9"/>
  </si>
  <si>
    <t>coex_skwd_num</t>
  </si>
  <si>
    <t>病態移行</t>
    <rPh sb="0" eb="2">
      <t>ビョウタイ</t>
    </rPh>
    <rPh sb="2" eb="4">
      <t>イコウ</t>
    </rPh>
    <phoneticPr fontId="9"/>
  </si>
  <si>
    <t>pathl_trans</t>
  </si>
  <si>
    <t>歯式（補足コメント）</t>
  </si>
  <si>
    <t>splmt_cmt_df</t>
  </si>
  <si>
    <t>主傷病決定フラグ</t>
  </si>
  <si>
    <t>主傷病決定エラーコード</t>
  </si>
  <si>
    <t>歯科診療行為レコード（SS）</t>
    <phoneticPr fontId="24"/>
  </si>
  <si>
    <t>★tnds_t_rcp_den_ss</t>
    <phoneticPr fontId="24"/>
  </si>
  <si>
    <t>診療行為数量データ1</t>
    <rPh sb="0" eb="2">
      <t>シンリョウ</t>
    </rPh>
    <rPh sb="2" eb="4">
      <t>コウイ</t>
    </rPh>
    <phoneticPr fontId="9"/>
  </si>
  <si>
    <t>prac_act_amnt1_dat</t>
  </si>
  <si>
    <t>診療行為数量データ2</t>
    <rPh sb="0" eb="2">
      <t>シンリョウ</t>
    </rPh>
    <rPh sb="2" eb="4">
      <t>コウイ</t>
    </rPh>
    <phoneticPr fontId="9"/>
  </si>
  <si>
    <t>prac_act_amnt2_dat</t>
  </si>
  <si>
    <t>加算コード1</t>
    <rPh sb="0" eb="2">
      <t>カサン</t>
    </rPh>
    <phoneticPr fontId="9"/>
  </si>
  <si>
    <t>add01_cd</t>
  </si>
  <si>
    <t>加算数量データ1</t>
    <rPh sb="0" eb="2">
      <t>カサン</t>
    </rPh>
    <rPh sb="2" eb="4">
      <t>スウリョウ</t>
    </rPh>
    <phoneticPr fontId="9"/>
  </si>
  <si>
    <t>add01_amnt_dat</t>
  </si>
  <si>
    <t>加算コード2</t>
    <rPh sb="0" eb="2">
      <t>カサン</t>
    </rPh>
    <phoneticPr fontId="9"/>
  </si>
  <si>
    <t>add02_cd</t>
  </si>
  <si>
    <t>加算数量データ2</t>
    <rPh sb="0" eb="2">
      <t>カサン</t>
    </rPh>
    <rPh sb="2" eb="4">
      <t>スウリョウ</t>
    </rPh>
    <phoneticPr fontId="9"/>
  </si>
  <si>
    <t>add02_amnt_dat</t>
  </si>
  <si>
    <t>加算コード3</t>
    <rPh sb="0" eb="2">
      <t>カサン</t>
    </rPh>
    <phoneticPr fontId="9"/>
  </si>
  <si>
    <t>add03_cd</t>
  </si>
  <si>
    <t>加算数量データ3</t>
    <rPh sb="0" eb="2">
      <t>カサン</t>
    </rPh>
    <rPh sb="2" eb="4">
      <t>スウリョウ</t>
    </rPh>
    <phoneticPr fontId="9"/>
  </si>
  <si>
    <t>add03_amnt_dat</t>
  </si>
  <si>
    <t>加算コード4</t>
    <rPh sb="0" eb="2">
      <t>カサン</t>
    </rPh>
    <phoneticPr fontId="9"/>
  </si>
  <si>
    <t>add04_cd</t>
  </si>
  <si>
    <t>加算数量データ4</t>
    <rPh sb="0" eb="2">
      <t>カサン</t>
    </rPh>
    <rPh sb="2" eb="4">
      <t>スウリョウ</t>
    </rPh>
    <phoneticPr fontId="9"/>
  </si>
  <si>
    <t>add04_amnt_dat</t>
  </si>
  <si>
    <t>加算コード5</t>
    <rPh sb="0" eb="2">
      <t>カサン</t>
    </rPh>
    <phoneticPr fontId="9"/>
  </si>
  <si>
    <t>add05_cd</t>
  </si>
  <si>
    <t>加算数量データ5</t>
    <rPh sb="0" eb="2">
      <t>カサン</t>
    </rPh>
    <rPh sb="2" eb="4">
      <t>スウリョウ</t>
    </rPh>
    <phoneticPr fontId="9"/>
  </si>
  <si>
    <t>add05_amnt_dat</t>
  </si>
  <si>
    <t>加算コード6</t>
    <rPh sb="0" eb="2">
      <t>カサン</t>
    </rPh>
    <phoneticPr fontId="9"/>
  </si>
  <si>
    <t>add06_cd</t>
  </si>
  <si>
    <t>加算数量データ6</t>
    <rPh sb="0" eb="2">
      <t>カサン</t>
    </rPh>
    <rPh sb="2" eb="4">
      <t>スウリョウ</t>
    </rPh>
    <phoneticPr fontId="9"/>
  </si>
  <si>
    <t>add06_amnt_dat</t>
  </si>
  <si>
    <t>加算コード7</t>
    <rPh sb="0" eb="2">
      <t>カサン</t>
    </rPh>
    <phoneticPr fontId="9"/>
  </si>
  <si>
    <t>add07_cd</t>
  </si>
  <si>
    <t>加算数量データ7</t>
    <rPh sb="0" eb="2">
      <t>カサン</t>
    </rPh>
    <rPh sb="2" eb="4">
      <t>スウリョウ</t>
    </rPh>
    <phoneticPr fontId="9"/>
  </si>
  <si>
    <t>add07_amnt_dat</t>
  </si>
  <si>
    <t>加算コード8</t>
    <rPh sb="0" eb="2">
      <t>カサン</t>
    </rPh>
    <phoneticPr fontId="9"/>
  </si>
  <si>
    <t>add08_cd</t>
  </si>
  <si>
    <t>加算数量データ8</t>
    <rPh sb="0" eb="2">
      <t>カサン</t>
    </rPh>
    <rPh sb="2" eb="4">
      <t>スウリョウ</t>
    </rPh>
    <phoneticPr fontId="9"/>
  </si>
  <si>
    <t>add08_amnt_dat</t>
  </si>
  <si>
    <t>加算コード9</t>
    <rPh sb="0" eb="2">
      <t>カサン</t>
    </rPh>
    <phoneticPr fontId="9"/>
  </si>
  <si>
    <t>add09_cd</t>
  </si>
  <si>
    <t>加算数量データ9</t>
    <rPh sb="0" eb="2">
      <t>カサン</t>
    </rPh>
    <rPh sb="2" eb="4">
      <t>スウリョウ</t>
    </rPh>
    <phoneticPr fontId="9"/>
  </si>
  <si>
    <t>add09_amnt_dat</t>
  </si>
  <si>
    <t>加算コード10</t>
    <rPh sb="0" eb="2">
      <t>カサン</t>
    </rPh>
    <phoneticPr fontId="9"/>
  </si>
  <si>
    <t>add10_cd</t>
  </si>
  <si>
    <t>加算数量データ10</t>
    <rPh sb="0" eb="2">
      <t>カサン</t>
    </rPh>
    <rPh sb="2" eb="4">
      <t>スウリョウ</t>
    </rPh>
    <phoneticPr fontId="9"/>
  </si>
  <si>
    <t>add10_amnt_dat</t>
  </si>
  <si>
    <t>加算コード11</t>
    <rPh sb="0" eb="2">
      <t>カサン</t>
    </rPh>
    <phoneticPr fontId="9"/>
  </si>
  <si>
    <t>add11_cd</t>
  </si>
  <si>
    <t>加算数量データ11</t>
    <rPh sb="0" eb="2">
      <t>カサン</t>
    </rPh>
    <rPh sb="2" eb="4">
      <t>スウリョウ</t>
    </rPh>
    <phoneticPr fontId="9"/>
  </si>
  <si>
    <t>add11_amnt_dat</t>
  </si>
  <si>
    <t>加算コード12</t>
    <rPh sb="0" eb="2">
      <t>カサン</t>
    </rPh>
    <phoneticPr fontId="9"/>
  </si>
  <si>
    <t>add12_cd</t>
  </si>
  <si>
    <t>加算数量データ12</t>
    <rPh sb="0" eb="2">
      <t>カサン</t>
    </rPh>
    <rPh sb="2" eb="4">
      <t>スウリョウ</t>
    </rPh>
    <phoneticPr fontId="9"/>
  </si>
  <si>
    <t>add12_amnt_dat</t>
  </si>
  <si>
    <t>加算コード13</t>
    <rPh sb="0" eb="2">
      <t>カサン</t>
    </rPh>
    <phoneticPr fontId="9"/>
  </si>
  <si>
    <t>add13_cd</t>
  </si>
  <si>
    <t>加算数量データ13</t>
    <rPh sb="0" eb="2">
      <t>カサン</t>
    </rPh>
    <rPh sb="2" eb="4">
      <t>スウリョウ</t>
    </rPh>
    <phoneticPr fontId="9"/>
  </si>
  <si>
    <t>add13_amnt_dat</t>
  </si>
  <si>
    <t>加算コード14</t>
    <rPh sb="0" eb="2">
      <t>カサン</t>
    </rPh>
    <phoneticPr fontId="9"/>
  </si>
  <si>
    <t>add14_cd</t>
  </si>
  <si>
    <t>加算数量データ14</t>
    <rPh sb="0" eb="2">
      <t>カサン</t>
    </rPh>
    <rPh sb="2" eb="4">
      <t>スウリョウ</t>
    </rPh>
    <phoneticPr fontId="9"/>
  </si>
  <si>
    <t>add14_amnt_dat</t>
  </si>
  <si>
    <t>加算コード15</t>
    <rPh sb="0" eb="2">
      <t>カサン</t>
    </rPh>
    <phoneticPr fontId="9"/>
  </si>
  <si>
    <t>add15_cd</t>
  </si>
  <si>
    <t>加算数量データ15</t>
    <rPh sb="0" eb="2">
      <t>カサン</t>
    </rPh>
    <rPh sb="2" eb="4">
      <t>スウリョウ</t>
    </rPh>
    <phoneticPr fontId="9"/>
  </si>
  <si>
    <t>add15_amnt_dat</t>
  </si>
  <si>
    <t>加算コード16</t>
    <rPh sb="0" eb="2">
      <t>カサン</t>
    </rPh>
    <phoneticPr fontId="9"/>
  </si>
  <si>
    <t>add16_cd</t>
  </si>
  <si>
    <t>加算数量データ16</t>
    <rPh sb="0" eb="2">
      <t>カサン</t>
    </rPh>
    <rPh sb="2" eb="4">
      <t>スウリョウ</t>
    </rPh>
    <phoneticPr fontId="9"/>
  </si>
  <si>
    <t>add16_amnt_dat</t>
  </si>
  <si>
    <t>加算コード17</t>
    <rPh sb="0" eb="2">
      <t>カサン</t>
    </rPh>
    <phoneticPr fontId="9"/>
  </si>
  <si>
    <t>add17_cd</t>
  </si>
  <si>
    <t>加算数量データ17</t>
    <rPh sb="0" eb="2">
      <t>カサン</t>
    </rPh>
    <rPh sb="2" eb="4">
      <t>スウリョウ</t>
    </rPh>
    <phoneticPr fontId="9"/>
  </si>
  <si>
    <t>add17_amnt_dat</t>
  </si>
  <si>
    <t>加算コード18</t>
    <rPh sb="0" eb="2">
      <t>カサン</t>
    </rPh>
    <phoneticPr fontId="9"/>
  </si>
  <si>
    <t>add18_cd</t>
  </si>
  <si>
    <t>加算数量データ18</t>
    <rPh sb="0" eb="2">
      <t>カサン</t>
    </rPh>
    <rPh sb="2" eb="4">
      <t>スウリョウ</t>
    </rPh>
    <phoneticPr fontId="9"/>
  </si>
  <si>
    <t>add18_amnt_dat</t>
  </si>
  <si>
    <t>加算コード19</t>
    <rPh sb="0" eb="2">
      <t>カサン</t>
    </rPh>
    <phoneticPr fontId="9"/>
  </si>
  <si>
    <t>add19_cd</t>
  </si>
  <si>
    <t>加算数量データ19</t>
    <rPh sb="0" eb="2">
      <t>カサン</t>
    </rPh>
    <rPh sb="2" eb="4">
      <t>スウリョウ</t>
    </rPh>
    <phoneticPr fontId="9"/>
  </si>
  <si>
    <t>add19_amnt_dat</t>
  </si>
  <si>
    <t>加算コード20</t>
    <rPh sb="0" eb="2">
      <t>カサン</t>
    </rPh>
    <phoneticPr fontId="9"/>
  </si>
  <si>
    <t>add20_cd</t>
  </si>
  <si>
    <t>加算数量データ20</t>
    <rPh sb="0" eb="2">
      <t>カサン</t>
    </rPh>
    <rPh sb="2" eb="4">
      <t>スウリョウ</t>
    </rPh>
    <phoneticPr fontId="9"/>
  </si>
  <si>
    <t>add20_amnt_dat</t>
  </si>
  <si>
    <t>加算コード21</t>
    <rPh sb="0" eb="2">
      <t>カサン</t>
    </rPh>
    <phoneticPr fontId="9"/>
  </si>
  <si>
    <t>add21_cd</t>
  </si>
  <si>
    <t>加算数量データ21</t>
    <rPh sb="0" eb="2">
      <t>カサン</t>
    </rPh>
    <rPh sb="2" eb="4">
      <t>スウリョウ</t>
    </rPh>
    <phoneticPr fontId="9"/>
  </si>
  <si>
    <t>add21_amnt_dat</t>
  </si>
  <si>
    <t>加算コード22</t>
    <rPh sb="0" eb="2">
      <t>カサン</t>
    </rPh>
    <phoneticPr fontId="9"/>
  </si>
  <si>
    <t>add22_cd</t>
  </si>
  <si>
    <t>加算数量データ22</t>
    <rPh sb="0" eb="2">
      <t>カサン</t>
    </rPh>
    <rPh sb="2" eb="4">
      <t>スウリョウ</t>
    </rPh>
    <phoneticPr fontId="9"/>
  </si>
  <si>
    <t>add22_amnt_dat</t>
  </si>
  <si>
    <t>加算コード23</t>
    <rPh sb="0" eb="2">
      <t>カサン</t>
    </rPh>
    <phoneticPr fontId="9"/>
  </si>
  <si>
    <t>add23_cd</t>
  </si>
  <si>
    <t>加算数量データ23</t>
    <rPh sb="0" eb="2">
      <t>カサン</t>
    </rPh>
    <rPh sb="2" eb="4">
      <t>スウリョウ</t>
    </rPh>
    <phoneticPr fontId="9"/>
  </si>
  <si>
    <t>add23_amnt_dat</t>
  </si>
  <si>
    <t>加算コード24</t>
    <rPh sb="0" eb="2">
      <t>カサン</t>
    </rPh>
    <phoneticPr fontId="9"/>
  </si>
  <si>
    <t>add24_cd</t>
  </si>
  <si>
    <t>加算数量データ24</t>
    <rPh sb="0" eb="2">
      <t>カサン</t>
    </rPh>
    <rPh sb="2" eb="4">
      <t>スウリョウ</t>
    </rPh>
    <phoneticPr fontId="9"/>
  </si>
  <si>
    <t>add24_amnt_dat</t>
  </si>
  <si>
    <t>加算コード25</t>
    <rPh sb="0" eb="2">
      <t>カサン</t>
    </rPh>
    <phoneticPr fontId="9"/>
  </si>
  <si>
    <t>add25_cd</t>
  </si>
  <si>
    <t>加算数量データ25</t>
    <rPh sb="0" eb="2">
      <t>カサン</t>
    </rPh>
    <rPh sb="2" eb="4">
      <t>スウリョウ</t>
    </rPh>
    <phoneticPr fontId="9"/>
  </si>
  <si>
    <t>add25_amnt_dat</t>
  </si>
  <si>
    <t>加算コード26</t>
    <rPh sb="0" eb="2">
      <t>カサン</t>
    </rPh>
    <phoneticPr fontId="9"/>
  </si>
  <si>
    <t>add26_cd</t>
  </si>
  <si>
    <t>加算数量データ26</t>
    <rPh sb="0" eb="2">
      <t>カサン</t>
    </rPh>
    <rPh sb="2" eb="4">
      <t>スウリョウ</t>
    </rPh>
    <phoneticPr fontId="9"/>
  </si>
  <si>
    <t>add26_amnt_dat</t>
  </si>
  <si>
    <t>加算コード27</t>
    <rPh sb="0" eb="2">
      <t>カサン</t>
    </rPh>
    <phoneticPr fontId="9"/>
  </si>
  <si>
    <t>add27_cd</t>
  </si>
  <si>
    <t>加算数量データ27</t>
    <rPh sb="0" eb="2">
      <t>カサン</t>
    </rPh>
    <rPh sb="2" eb="4">
      <t>スウリョウ</t>
    </rPh>
    <phoneticPr fontId="9"/>
  </si>
  <si>
    <t>add27_amnt_dat</t>
  </si>
  <si>
    <t>加算コード28</t>
    <rPh sb="0" eb="2">
      <t>カサン</t>
    </rPh>
    <phoneticPr fontId="9"/>
  </si>
  <si>
    <t>add28_cd</t>
  </si>
  <si>
    <t>加算数量データ28</t>
    <rPh sb="0" eb="2">
      <t>カサン</t>
    </rPh>
    <rPh sb="2" eb="4">
      <t>スウリョウ</t>
    </rPh>
    <phoneticPr fontId="9"/>
  </si>
  <si>
    <t>add28_amnt_dat</t>
  </si>
  <si>
    <t>加算コード29</t>
    <rPh sb="0" eb="2">
      <t>カサン</t>
    </rPh>
    <phoneticPr fontId="9"/>
  </si>
  <si>
    <t>add29_cd</t>
  </si>
  <si>
    <t>加算数量データ29</t>
    <rPh sb="0" eb="2">
      <t>カサン</t>
    </rPh>
    <rPh sb="2" eb="4">
      <t>スウリョウ</t>
    </rPh>
    <phoneticPr fontId="9"/>
  </si>
  <si>
    <t>add29_amnt_dat</t>
  </si>
  <si>
    <t>加算コード30</t>
    <rPh sb="0" eb="2">
      <t>カサン</t>
    </rPh>
    <phoneticPr fontId="9"/>
  </si>
  <si>
    <t>add30_cd</t>
  </si>
  <si>
    <t>加算数量データ30</t>
    <rPh sb="0" eb="2">
      <t>カサン</t>
    </rPh>
    <rPh sb="2" eb="4">
      <t>スウリョウ</t>
    </rPh>
    <phoneticPr fontId="9"/>
  </si>
  <si>
    <t>add30_amnt_dat</t>
  </si>
  <si>
    <t>加算コード31</t>
    <rPh sb="0" eb="2">
      <t>カサン</t>
    </rPh>
    <phoneticPr fontId="9"/>
  </si>
  <si>
    <t>add31_cd</t>
  </si>
  <si>
    <t>加算数量データ31</t>
    <rPh sb="0" eb="2">
      <t>カサン</t>
    </rPh>
    <rPh sb="2" eb="4">
      <t>スウリョウ</t>
    </rPh>
    <phoneticPr fontId="9"/>
  </si>
  <si>
    <t>add31_amnt_dat</t>
  </si>
  <si>
    <t>加算コード32</t>
    <rPh sb="0" eb="2">
      <t>カサン</t>
    </rPh>
    <phoneticPr fontId="9"/>
  </si>
  <si>
    <t>add32_cd</t>
  </si>
  <si>
    <t>加算数量データ32</t>
    <rPh sb="0" eb="2">
      <t>カサン</t>
    </rPh>
    <rPh sb="2" eb="4">
      <t>スウリョウ</t>
    </rPh>
    <phoneticPr fontId="9"/>
  </si>
  <si>
    <t>add32_amnt_dat</t>
  </si>
  <si>
    <t>加算コード33</t>
    <rPh sb="0" eb="2">
      <t>カサン</t>
    </rPh>
    <phoneticPr fontId="9"/>
  </si>
  <si>
    <t>add33_cd</t>
  </si>
  <si>
    <t>加算数量データ33</t>
    <rPh sb="0" eb="2">
      <t>カサン</t>
    </rPh>
    <rPh sb="2" eb="4">
      <t>スウリョウ</t>
    </rPh>
    <phoneticPr fontId="9"/>
  </si>
  <si>
    <t>add33_amnt_dat</t>
  </si>
  <si>
    <t>加算コード34</t>
    <rPh sb="0" eb="2">
      <t>カサン</t>
    </rPh>
    <phoneticPr fontId="9"/>
  </si>
  <si>
    <t>add34_cd</t>
  </si>
  <si>
    <t>加算数量データ34</t>
    <rPh sb="0" eb="2">
      <t>カサン</t>
    </rPh>
    <rPh sb="2" eb="4">
      <t>スウリョウ</t>
    </rPh>
    <phoneticPr fontId="9"/>
  </si>
  <si>
    <t>add34_amnt_dat</t>
  </si>
  <si>
    <t>加算コード35</t>
    <rPh sb="0" eb="2">
      <t>カサン</t>
    </rPh>
    <phoneticPr fontId="9"/>
  </si>
  <si>
    <t>add35_cd</t>
  </si>
  <si>
    <t>加算数量データ35</t>
    <rPh sb="0" eb="2">
      <t>カサン</t>
    </rPh>
    <rPh sb="2" eb="4">
      <t>スウリョウ</t>
    </rPh>
    <phoneticPr fontId="9"/>
  </si>
  <si>
    <t>add35_amnt_dat</t>
  </si>
  <si>
    <t>補完後回数</t>
  </si>
  <si>
    <t>補完後回数エラーコード</t>
  </si>
  <si>
    <t>★tnds_t_rcp_den_si</t>
    <phoneticPr fontId="24"/>
  </si>
  <si>
    <t>一連番号</t>
  </si>
  <si>
    <t>一連順序</t>
  </si>
  <si>
    <t>補完後点数</t>
  </si>
  <si>
    <t>補完後点数エラーコード</t>
  </si>
  <si>
    <t>★tnds_t_rcp_den_iy</t>
    <phoneticPr fontId="24"/>
  </si>
  <si>
    <t>医薬品区分</t>
  </si>
  <si>
    <t>medicine_div</t>
  </si>
  <si>
    <t>※参考値</t>
    <rPh sb="0" eb="4">
      <t>コメサンコウチ</t>
    </rPh>
    <phoneticPr fontId="24"/>
  </si>
  <si>
    <t>★tnds_t_rcp_den_to</t>
    <phoneticPr fontId="24"/>
  </si>
  <si>
    <t>特定器材加算等コード1</t>
  </si>
  <si>
    <t>spcfc_dev_add1_cd</t>
  </si>
  <si>
    <t>特定器材加算等数量データ1</t>
  </si>
  <si>
    <t>spcfc_dev_add_amnt1_dat</t>
  </si>
  <si>
    <t>特定器材加算等コード2</t>
  </si>
  <si>
    <t>spcfc_dev_add2_cd</t>
  </si>
  <si>
    <t>特定器材加算等数量データ2</t>
  </si>
  <si>
    <t>spcfc_dev_add_amnt2_dat</t>
  </si>
  <si>
    <t>spcfc_dev_trd_name_std_sz</t>
  </si>
  <si>
    <t>コメントレコード（CO）</t>
    <phoneticPr fontId="24"/>
  </si>
  <si>
    <t>★tnds_t_rcp_den_co</t>
    <phoneticPr fontId="24"/>
  </si>
  <si>
    <t>歯式（コメント）</t>
  </si>
  <si>
    <t>cmt_df</t>
  </si>
  <si>
    <t>★tnds_t_rcp_den_ni</t>
    <phoneticPr fontId="24"/>
  </si>
  <si>
    <t>★tnds_t_rcp_den_sj</t>
    <phoneticPr fontId="24"/>
  </si>
  <si>
    <t>症状詳記データ</t>
  </si>
  <si>
    <t>★tnds_t_rcp_den_sn</t>
    <phoneticPr fontId="24"/>
  </si>
  <si>
    <t>★tnds_t_rcp_den_jd</t>
    <phoneticPr fontId="24"/>
  </si>
  <si>
    <t>★tnds_t_rcp_den_mf</t>
    <phoneticPr fontId="24"/>
  </si>
  <si>
    <t>★tnds_t_rcp_den_on</t>
    <phoneticPr fontId="24"/>
  </si>
  <si>
    <t>調剤レセプト情報</t>
    <rPh sb="0" eb="2">
      <t>チョウザイ</t>
    </rPh>
    <phoneticPr fontId="24"/>
  </si>
  <si>
    <t>YK</t>
    <phoneticPr fontId="24"/>
  </si>
  <si>
    <t>SH</t>
    <phoneticPr fontId="24"/>
  </si>
  <si>
    <t>CZ</t>
    <phoneticPr fontId="24"/>
  </si>
  <si>
    <t>TK</t>
    <phoneticPr fontId="24"/>
  </si>
  <si>
    <t>KI</t>
    <phoneticPr fontId="24"/>
  </si>
  <si>
    <t>ST</t>
    <phoneticPr fontId="24"/>
  </si>
  <si>
    <t>★tnds_t_rcp_pha_mn</t>
    <phoneticPr fontId="24"/>
  </si>
  <si>
    <t>調剤年月</t>
  </si>
  <si>
    <t>★tnds_t_rcp_pha_yk</t>
    <phoneticPr fontId="24"/>
  </si>
  <si>
    <t>調剤薬局コード</t>
    <rPh sb="0" eb="2">
      <t>チョウザイ</t>
    </rPh>
    <phoneticPr fontId="9"/>
  </si>
  <si>
    <t>drgst_cd_org</t>
  </si>
  <si>
    <t>調剤薬局コード（匿名化後）</t>
    <rPh sb="0" eb="2">
      <t>チョウザイ</t>
    </rPh>
    <rPh sb="8" eb="10">
      <t>トクメイ</t>
    </rPh>
    <rPh sb="10" eb="11">
      <t>カ</t>
    </rPh>
    <rPh sb="11" eb="12">
      <t>ゴ</t>
    </rPh>
    <phoneticPr fontId="9"/>
  </si>
  <si>
    <t>drgst_cd</t>
  </si>
  <si>
    <t>★tnds_t_rcp_pha_re</t>
    <phoneticPr fontId="24"/>
  </si>
  <si>
    <t>都道府県（医療機関名称・所在地）</t>
  </si>
  <si>
    <t>点数表（医療機関名称・所在地）</t>
  </si>
  <si>
    <t>医療機関（医療機関名称・所在地）</t>
  </si>
  <si>
    <t>medi_inst_org</t>
  </si>
  <si>
    <t>医療機関（医療機関名称・所在地）（匿名化後）</t>
    <rPh sb="17" eb="19">
      <t>トクメイ</t>
    </rPh>
    <rPh sb="19" eb="20">
      <t>カ</t>
    </rPh>
    <rPh sb="20" eb="21">
      <t>ゴ</t>
    </rPh>
    <phoneticPr fontId="9"/>
  </si>
  <si>
    <t>medi_inst</t>
  </si>
  <si>
    <t>一部負担金区分</t>
  </si>
  <si>
    <t>part_burd_div</t>
  </si>
  <si>
    <t>取込年月</t>
  </si>
  <si>
    <t>★tnds_t_rcp_pha_ho</t>
    <phoneticPr fontId="24"/>
  </si>
  <si>
    <t>処方箋受付回数</t>
  </si>
  <si>
    <t>prspt_rcptn_times</t>
  </si>
  <si>
    <t>一部負担金</t>
  </si>
  <si>
    <t>part_burd</t>
  </si>
  <si>
    <t>★tnds_t_rcp_pha_ko</t>
    <phoneticPr fontId="24"/>
  </si>
  <si>
    <t>一部負担金額</t>
  </si>
  <si>
    <t>pub_money_pay_part_burd</t>
  </si>
  <si>
    <t>処方基本レコード（SH）</t>
    <phoneticPr fontId="24"/>
  </si>
  <si>
    <t>★tnds_t_rcp_pha_sh</t>
    <phoneticPr fontId="24"/>
  </si>
  <si>
    <t>Ｎｏ</t>
  </si>
  <si>
    <t>no</t>
  </si>
  <si>
    <t>剤形コード</t>
  </si>
  <si>
    <t>dsg_frm_cd</t>
  </si>
  <si>
    <t>用法コード（用法）</t>
  </si>
  <si>
    <t>drctn_use_cd</t>
  </si>
  <si>
    <t>特別指示（用法）</t>
  </si>
  <si>
    <t>spcl_isrcn</t>
  </si>
  <si>
    <t>合計（単位薬剤料）</t>
  </si>
  <si>
    <t>total</t>
  </si>
  <si>
    <t>第一公費（単位薬剤料）</t>
  </si>
  <si>
    <t>pub_money01</t>
  </si>
  <si>
    <t>第二公費（単位薬剤料）</t>
  </si>
  <si>
    <t>pub_money02</t>
  </si>
  <si>
    <t>第三公費（単位薬剤料）</t>
    <rPh sb="0" eb="1">
      <t>ダイ</t>
    </rPh>
    <rPh sb="1" eb="2">
      <t>サン</t>
    </rPh>
    <rPh sb="2" eb="4">
      <t>コウヒ</t>
    </rPh>
    <rPh sb="5" eb="7">
      <t>タンイ</t>
    </rPh>
    <rPh sb="7" eb="9">
      <t>ヤクザイ</t>
    </rPh>
    <rPh sb="9" eb="10">
      <t>リョウ</t>
    </rPh>
    <phoneticPr fontId="9"/>
  </si>
  <si>
    <t>pub_money03</t>
  </si>
  <si>
    <t>第四公費（単位薬剤料）</t>
  </si>
  <si>
    <t>pub_money04</t>
  </si>
  <si>
    <t>処方番号</t>
  </si>
  <si>
    <t>prspt_no</t>
  </si>
  <si>
    <t>処方内番号</t>
  </si>
  <si>
    <t>prspt_sub_no</t>
  </si>
  <si>
    <t>調剤情報レコード（CZ）</t>
    <phoneticPr fontId="24"/>
  </si>
  <si>
    <t>★tnds_t_rcp_pha_cz</t>
    <phoneticPr fontId="24"/>
  </si>
  <si>
    <t>処方月日</t>
    <rPh sb="0" eb="2">
      <t>ショホウ</t>
    </rPh>
    <rPh sb="2" eb="4">
      <t>ガッピ</t>
    </rPh>
    <phoneticPr fontId="9"/>
  </si>
  <si>
    <t>prspt_ymd</t>
  </si>
  <si>
    <t>調剤月日</t>
    <rPh sb="0" eb="2">
      <t>チョウザイ</t>
    </rPh>
    <rPh sb="2" eb="4">
      <t>ガッピ</t>
    </rPh>
    <phoneticPr fontId="9"/>
  </si>
  <si>
    <t>dspng_ymd</t>
  </si>
  <si>
    <t>処方箋受付回</t>
  </si>
  <si>
    <t>prspt_rcptn_time</t>
  </si>
  <si>
    <t>調剤数量</t>
    <rPh sb="0" eb="2">
      <t>チョウザイ</t>
    </rPh>
    <rPh sb="2" eb="4">
      <t>スウリョウ</t>
    </rPh>
    <phoneticPr fontId="9"/>
  </si>
  <si>
    <t>dspng_amnt</t>
  </si>
  <si>
    <t>負担区分（薬剤調製料）</t>
  </si>
  <si>
    <t>dsc_burd_div</t>
  </si>
  <si>
    <t>算定区分（薬剤調製料）</t>
  </si>
  <si>
    <t>dsc_calc_div</t>
  </si>
  <si>
    <t>算定先No（薬剤調製料）</t>
  </si>
  <si>
    <t>dsc_calc_no</t>
  </si>
  <si>
    <t>コード（薬剤調製料）</t>
  </si>
  <si>
    <t>dsc_cd</t>
  </si>
  <si>
    <t>点数（薬剤調製料）</t>
  </si>
  <si>
    <t>dsc_score</t>
  </si>
  <si>
    <t>分割区分（分割調剤）</t>
    <rPh sb="0" eb="2">
      <t>ブンカツ</t>
    </rPh>
    <rPh sb="2" eb="4">
      <t>クブン</t>
    </rPh>
    <rPh sb="5" eb="7">
      <t>ブンカツ</t>
    </rPh>
    <rPh sb="7" eb="9">
      <t>チョウザイ</t>
    </rPh>
    <phoneticPr fontId="9"/>
  </si>
  <si>
    <t>dvd_dvsn_div</t>
  </si>
  <si>
    <t>前回までの数量（分割調剤）</t>
    <rPh sb="0" eb="2">
      <t>ゼンカイ</t>
    </rPh>
    <rPh sb="5" eb="7">
      <t>スウリョウ</t>
    </rPh>
    <rPh sb="8" eb="10">
      <t>ブンカツ</t>
    </rPh>
    <rPh sb="10" eb="12">
      <t>チョウザイ</t>
    </rPh>
    <phoneticPr fontId="9"/>
  </si>
  <si>
    <t>dvd_last_amnt</t>
  </si>
  <si>
    <t>点数（薬剤料）</t>
    <rPh sb="0" eb="2">
      <t>テンスウ</t>
    </rPh>
    <rPh sb="3" eb="5">
      <t>ヤクザイ</t>
    </rPh>
    <rPh sb="5" eb="6">
      <t>リョウ</t>
    </rPh>
    <phoneticPr fontId="9"/>
  </si>
  <si>
    <t>drc_score</t>
  </si>
  <si>
    <t>負担区分1（加算料）</t>
    <rPh sb="0" eb="2">
      <t>フタン</t>
    </rPh>
    <rPh sb="2" eb="4">
      <t>クブン</t>
    </rPh>
    <rPh sb="6" eb="8">
      <t>カサン</t>
    </rPh>
    <rPh sb="8" eb="9">
      <t>リョウ</t>
    </rPh>
    <phoneticPr fontId="9"/>
  </si>
  <si>
    <t>adc01_burd_div</t>
  </si>
  <si>
    <t>コード1（加算料）</t>
    <rPh sb="5" eb="7">
      <t>カサン</t>
    </rPh>
    <rPh sb="7" eb="8">
      <t>リョウ</t>
    </rPh>
    <phoneticPr fontId="9"/>
  </si>
  <si>
    <t>adc01_cd</t>
  </si>
  <si>
    <t>点数1（加算料）</t>
    <rPh sb="0" eb="2">
      <t>テンスウ</t>
    </rPh>
    <rPh sb="4" eb="6">
      <t>カサン</t>
    </rPh>
    <rPh sb="6" eb="7">
      <t>リョウ</t>
    </rPh>
    <phoneticPr fontId="9"/>
  </si>
  <si>
    <t>adc01_score</t>
  </si>
  <si>
    <t>負担区分2（加算料）</t>
    <rPh sb="0" eb="2">
      <t>フタン</t>
    </rPh>
    <rPh sb="2" eb="4">
      <t>クブン</t>
    </rPh>
    <rPh sb="6" eb="8">
      <t>カサン</t>
    </rPh>
    <rPh sb="8" eb="9">
      <t>リョウ</t>
    </rPh>
    <phoneticPr fontId="9"/>
  </si>
  <si>
    <t>adc02_burd_div</t>
  </si>
  <si>
    <t>コード2（加算料）</t>
    <rPh sb="5" eb="7">
      <t>カサン</t>
    </rPh>
    <rPh sb="7" eb="8">
      <t>リョウ</t>
    </rPh>
    <phoneticPr fontId="9"/>
  </si>
  <si>
    <t>adc02_cd</t>
  </si>
  <si>
    <t>点数2（加算料）</t>
    <rPh sb="0" eb="2">
      <t>テンスウ</t>
    </rPh>
    <rPh sb="4" eb="6">
      <t>カサン</t>
    </rPh>
    <rPh sb="6" eb="7">
      <t>リョウ</t>
    </rPh>
    <phoneticPr fontId="9"/>
  </si>
  <si>
    <t>adc02_score</t>
  </si>
  <si>
    <t>負担区分3（加算料）</t>
    <rPh sb="0" eb="2">
      <t>フタン</t>
    </rPh>
    <rPh sb="2" eb="4">
      <t>クブン</t>
    </rPh>
    <rPh sb="6" eb="8">
      <t>カサン</t>
    </rPh>
    <rPh sb="8" eb="9">
      <t>リョウ</t>
    </rPh>
    <phoneticPr fontId="9"/>
  </si>
  <si>
    <t>adc03_burd_div</t>
  </si>
  <si>
    <t>コード3（加算料）</t>
    <rPh sb="5" eb="7">
      <t>カサン</t>
    </rPh>
    <rPh sb="7" eb="8">
      <t>リョウ</t>
    </rPh>
    <phoneticPr fontId="9"/>
  </si>
  <si>
    <t>adc03_cd</t>
  </si>
  <si>
    <t>点数3（加算料）</t>
    <rPh sb="0" eb="2">
      <t>テンスウ</t>
    </rPh>
    <rPh sb="4" eb="6">
      <t>カサン</t>
    </rPh>
    <rPh sb="6" eb="7">
      <t>リョウ</t>
    </rPh>
    <phoneticPr fontId="9"/>
  </si>
  <si>
    <t>adc03_score</t>
  </si>
  <si>
    <t>負担区分4（加算料）</t>
    <rPh sb="0" eb="2">
      <t>フタン</t>
    </rPh>
    <rPh sb="2" eb="4">
      <t>クブン</t>
    </rPh>
    <rPh sb="6" eb="8">
      <t>カサン</t>
    </rPh>
    <rPh sb="8" eb="9">
      <t>リョウ</t>
    </rPh>
    <phoneticPr fontId="9"/>
  </si>
  <si>
    <t>adc04_burd_div</t>
  </si>
  <si>
    <t>コード4（加算料）</t>
    <rPh sb="5" eb="7">
      <t>カサン</t>
    </rPh>
    <rPh sb="7" eb="8">
      <t>リョウ</t>
    </rPh>
    <phoneticPr fontId="9"/>
  </si>
  <si>
    <t>adc04_cd</t>
  </si>
  <si>
    <t>点数4（加算料）</t>
    <rPh sb="0" eb="2">
      <t>テンスウ</t>
    </rPh>
    <rPh sb="4" eb="6">
      <t>カサン</t>
    </rPh>
    <rPh sb="6" eb="7">
      <t>リョウ</t>
    </rPh>
    <phoneticPr fontId="9"/>
  </si>
  <si>
    <t>adc04_score</t>
  </si>
  <si>
    <t>負担区分5（加算料）</t>
    <rPh sb="0" eb="2">
      <t>フタン</t>
    </rPh>
    <rPh sb="2" eb="4">
      <t>クブン</t>
    </rPh>
    <rPh sb="6" eb="8">
      <t>カサン</t>
    </rPh>
    <rPh sb="8" eb="9">
      <t>リョウ</t>
    </rPh>
    <phoneticPr fontId="9"/>
  </si>
  <si>
    <t>adc05_burd_div</t>
  </si>
  <si>
    <t>コード5（加算料）</t>
    <rPh sb="5" eb="7">
      <t>カサン</t>
    </rPh>
    <rPh sb="7" eb="8">
      <t>リョウ</t>
    </rPh>
    <phoneticPr fontId="9"/>
  </si>
  <si>
    <t>adc05_cd</t>
  </si>
  <si>
    <t>点数5（加算料）</t>
    <rPh sb="0" eb="2">
      <t>テンスウ</t>
    </rPh>
    <rPh sb="4" eb="6">
      <t>カサン</t>
    </rPh>
    <rPh sb="6" eb="7">
      <t>リョウ</t>
    </rPh>
    <phoneticPr fontId="9"/>
  </si>
  <si>
    <t>adc05_score</t>
  </si>
  <si>
    <t>負担区分6（加算料）</t>
    <rPh sb="0" eb="2">
      <t>フタン</t>
    </rPh>
    <rPh sb="2" eb="4">
      <t>クブン</t>
    </rPh>
    <rPh sb="6" eb="8">
      <t>カサン</t>
    </rPh>
    <rPh sb="8" eb="9">
      <t>リョウ</t>
    </rPh>
    <phoneticPr fontId="9"/>
  </si>
  <si>
    <t>adc06_burd_div</t>
  </si>
  <si>
    <t>コード6（加算料）</t>
    <rPh sb="5" eb="7">
      <t>カサン</t>
    </rPh>
    <rPh sb="7" eb="8">
      <t>リョウ</t>
    </rPh>
    <phoneticPr fontId="9"/>
  </si>
  <si>
    <t>adc06_cd</t>
  </si>
  <si>
    <t>点数6（加算料）</t>
    <rPh sb="0" eb="2">
      <t>テンスウ</t>
    </rPh>
    <rPh sb="4" eb="6">
      <t>カサン</t>
    </rPh>
    <rPh sb="6" eb="7">
      <t>リョウ</t>
    </rPh>
    <phoneticPr fontId="9"/>
  </si>
  <si>
    <t>adc06_score</t>
  </si>
  <si>
    <t>負担区分7（加算料）</t>
    <rPh sb="0" eb="2">
      <t>フタン</t>
    </rPh>
    <rPh sb="2" eb="4">
      <t>クブン</t>
    </rPh>
    <rPh sb="6" eb="8">
      <t>カサン</t>
    </rPh>
    <rPh sb="8" eb="9">
      <t>リョウ</t>
    </rPh>
    <phoneticPr fontId="9"/>
  </si>
  <si>
    <t>adc07_burd_div</t>
  </si>
  <si>
    <t>コード7（加算料）</t>
    <rPh sb="5" eb="7">
      <t>カサン</t>
    </rPh>
    <rPh sb="7" eb="8">
      <t>リョウ</t>
    </rPh>
    <phoneticPr fontId="9"/>
  </si>
  <si>
    <t>adc07_cd</t>
  </si>
  <si>
    <t>点数7（加算料）</t>
    <rPh sb="0" eb="2">
      <t>テンスウ</t>
    </rPh>
    <rPh sb="4" eb="6">
      <t>カサン</t>
    </rPh>
    <rPh sb="6" eb="7">
      <t>リョウ</t>
    </rPh>
    <phoneticPr fontId="9"/>
  </si>
  <si>
    <t>adc07_score</t>
  </si>
  <si>
    <t>負担区分8（加算料）</t>
    <rPh sb="0" eb="2">
      <t>フタン</t>
    </rPh>
    <rPh sb="2" eb="4">
      <t>クブン</t>
    </rPh>
    <rPh sb="6" eb="8">
      <t>カサン</t>
    </rPh>
    <rPh sb="8" eb="9">
      <t>リョウ</t>
    </rPh>
    <phoneticPr fontId="9"/>
  </si>
  <si>
    <t>adc08_burd_div</t>
  </si>
  <si>
    <t>コード8（加算料）</t>
    <rPh sb="5" eb="7">
      <t>カサン</t>
    </rPh>
    <rPh sb="7" eb="8">
      <t>リョウ</t>
    </rPh>
    <phoneticPr fontId="9"/>
  </si>
  <si>
    <t>adc08_cd</t>
  </si>
  <si>
    <t>点数8（加算料）</t>
    <rPh sb="0" eb="2">
      <t>テンスウ</t>
    </rPh>
    <rPh sb="4" eb="6">
      <t>カサン</t>
    </rPh>
    <rPh sb="6" eb="7">
      <t>リョウ</t>
    </rPh>
    <phoneticPr fontId="9"/>
  </si>
  <si>
    <t>adc08_score</t>
  </si>
  <si>
    <t>負担区分9（加算料）</t>
    <rPh sb="0" eb="2">
      <t>フタン</t>
    </rPh>
    <rPh sb="2" eb="4">
      <t>クブン</t>
    </rPh>
    <rPh sb="6" eb="8">
      <t>カサン</t>
    </rPh>
    <rPh sb="8" eb="9">
      <t>リョウ</t>
    </rPh>
    <phoneticPr fontId="9"/>
  </si>
  <si>
    <t>adc09_burd_div</t>
  </si>
  <si>
    <t>コード9（加算料）</t>
    <rPh sb="5" eb="7">
      <t>カサン</t>
    </rPh>
    <rPh sb="7" eb="8">
      <t>リョウ</t>
    </rPh>
    <phoneticPr fontId="9"/>
  </si>
  <si>
    <t>adc09_cd</t>
  </si>
  <si>
    <t>点数9（加算料）</t>
    <rPh sb="0" eb="2">
      <t>テンスウ</t>
    </rPh>
    <rPh sb="4" eb="6">
      <t>カサン</t>
    </rPh>
    <rPh sb="6" eb="7">
      <t>リョウ</t>
    </rPh>
    <phoneticPr fontId="9"/>
  </si>
  <si>
    <t>adc09_score</t>
  </si>
  <si>
    <t>負担区分10（加算料）</t>
    <rPh sb="0" eb="2">
      <t>フタン</t>
    </rPh>
    <rPh sb="2" eb="4">
      <t>クブン</t>
    </rPh>
    <rPh sb="7" eb="9">
      <t>カサン</t>
    </rPh>
    <rPh sb="9" eb="10">
      <t>リョウ</t>
    </rPh>
    <phoneticPr fontId="9"/>
  </si>
  <si>
    <t>adc10_burd_div</t>
  </si>
  <si>
    <t>コード10（加算料）</t>
    <rPh sb="6" eb="8">
      <t>カサン</t>
    </rPh>
    <rPh sb="8" eb="9">
      <t>リョウ</t>
    </rPh>
    <phoneticPr fontId="9"/>
  </si>
  <si>
    <t>adc10_cd</t>
  </si>
  <si>
    <t>点数10（加算料）</t>
    <rPh sb="0" eb="2">
      <t>テンスウ</t>
    </rPh>
    <rPh sb="5" eb="7">
      <t>カサン</t>
    </rPh>
    <rPh sb="7" eb="8">
      <t>リョウ</t>
    </rPh>
    <phoneticPr fontId="9"/>
  </si>
  <si>
    <t>adc10_score</t>
  </si>
  <si>
    <t>一包化日数</t>
    <rPh sb="0" eb="1">
      <t>イチ</t>
    </rPh>
    <rPh sb="1" eb="2">
      <t>ホウ</t>
    </rPh>
    <rPh sb="2" eb="3">
      <t>カ</t>
    </rPh>
    <rPh sb="3" eb="5">
      <t>ニッスウ</t>
    </rPh>
    <phoneticPr fontId="9"/>
  </si>
  <si>
    <t>pkg_days</t>
  </si>
  <si>
    <t>分割調剤種類</t>
    <rPh sb="0" eb="2">
      <t>ブンカツ</t>
    </rPh>
    <rPh sb="2" eb="4">
      <t>チョウザイ</t>
    </rPh>
    <rPh sb="4" eb="6">
      <t>シュルイ</t>
    </rPh>
    <phoneticPr fontId="9"/>
  </si>
  <si>
    <t>dvsn_dspng_type</t>
  </si>
  <si>
    <t>前回までの一包化日数</t>
    <rPh sb="0" eb="2">
      <t>ゼンカイ</t>
    </rPh>
    <rPh sb="5" eb="6">
      <t>イチ</t>
    </rPh>
    <rPh sb="6" eb="7">
      <t>ホウ</t>
    </rPh>
    <rPh sb="7" eb="8">
      <t>カ</t>
    </rPh>
    <rPh sb="8" eb="10">
      <t>ニッスウ</t>
    </rPh>
    <phoneticPr fontId="9"/>
  </si>
  <si>
    <t>last_pkg_days</t>
  </si>
  <si>
    <t>コード（医師の指示による分割調剤）</t>
    <rPh sb="4" eb="6">
      <t>イシ</t>
    </rPh>
    <rPh sb="7" eb="9">
      <t>シジ</t>
    </rPh>
    <rPh sb="12" eb="14">
      <t>ブンカツ</t>
    </rPh>
    <rPh sb="14" eb="16">
      <t>チョウザイ</t>
    </rPh>
    <phoneticPr fontId="9"/>
  </si>
  <si>
    <t>div_dispensation_cd</t>
  </si>
  <si>
    <t>分割区分</t>
    <rPh sb="0" eb="2">
      <t>ブンカツ</t>
    </rPh>
    <rPh sb="2" eb="4">
      <t>クブン</t>
    </rPh>
    <phoneticPr fontId="9"/>
  </si>
  <si>
    <t xml:space="preserve">div_dispensation_div </t>
  </si>
  <si>
    <t>分割対象調剤数量</t>
    <rPh sb="0" eb="2">
      <t>ブンカツ</t>
    </rPh>
    <rPh sb="2" eb="4">
      <t>タイショウ</t>
    </rPh>
    <rPh sb="4" eb="6">
      <t>チョウザイ</t>
    </rPh>
    <rPh sb="6" eb="8">
      <t>スウリョウ</t>
    </rPh>
    <phoneticPr fontId="9"/>
  </si>
  <si>
    <t>div_target_disp_quantity</t>
  </si>
  <si>
    <t>分割対象一包化日数</t>
    <rPh sb="0" eb="2">
      <t>ブンカツ</t>
    </rPh>
    <rPh sb="2" eb="4">
      <t>タイショウ</t>
    </rPh>
    <rPh sb="4" eb="7">
      <t>イッポウカ</t>
    </rPh>
    <rPh sb="7" eb="9">
      <t>ニッスウ</t>
    </rPh>
    <phoneticPr fontId="9"/>
  </si>
  <si>
    <t>package_div_num_days</t>
  </si>
  <si>
    <t>包括管理料等</t>
    <rPh sb="0" eb="2">
      <t>ホウカツ</t>
    </rPh>
    <rPh sb="2" eb="4">
      <t>カンリ</t>
    </rPh>
    <rPh sb="4" eb="5">
      <t>リョウ</t>
    </rPh>
    <rPh sb="5" eb="6">
      <t>ナド</t>
    </rPh>
    <phoneticPr fontId="9"/>
  </si>
  <si>
    <t>inclusion_management_charges</t>
  </si>
  <si>
    <t>他医療機関受診に係る処方箋受付</t>
  </si>
  <si>
    <t>pre_reception_other_med</t>
  </si>
  <si>
    <t>処方番号</t>
    <rPh sb="0" eb="2">
      <t>ショホウ</t>
    </rPh>
    <rPh sb="2" eb="4">
      <t>バンゴウ</t>
    </rPh>
    <phoneticPr fontId="9"/>
  </si>
  <si>
    <t>処方内番号</t>
    <rPh sb="0" eb="2">
      <t>ショホウ</t>
    </rPh>
    <rPh sb="2" eb="3">
      <t>ナイ</t>
    </rPh>
    <rPh sb="3" eb="5">
      <t>バンゴウ</t>
    </rPh>
    <phoneticPr fontId="9"/>
  </si>
  <si>
    <t>負担区分（外来服薬支援料2）</t>
  </si>
  <si>
    <t>foreign_med_sup_burd_div</t>
  </si>
  <si>
    <t>コード（外来服薬支援料2）</t>
  </si>
  <si>
    <t>foreign_med_sup_burd_cd</t>
  </si>
  <si>
    <t>点数（外来服薬支援料2）</t>
  </si>
  <si>
    <t>foreign_med_sup_burd_score</t>
  </si>
  <si>
    <t>負担区分（調剤管理料）</t>
  </si>
  <si>
    <t>compo_man_charges_div</t>
  </si>
  <si>
    <t>算定区分（調剤管理料）</t>
  </si>
  <si>
    <t>compo_man_charges_calc_div</t>
  </si>
  <si>
    <t>算定先No（調剤管理料）</t>
  </si>
  <si>
    <t>compo_man_charges_no</t>
  </si>
  <si>
    <t>コード（調剤管理料）</t>
  </si>
  <si>
    <t>compo_man_charges_cd</t>
  </si>
  <si>
    <t>点数（調剤管理料）</t>
  </si>
  <si>
    <t>compo_man_charges_score</t>
  </si>
  <si>
    <t>負担区分（調剤管理料　時間外等加算）</t>
  </si>
  <si>
    <t>compo_man_charges_overtime_div</t>
  </si>
  <si>
    <t>コード（調剤管理料　時間外等加算）</t>
  </si>
  <si>
    <t>compo_man_charges_overtime_cd</t>
  </si>
  <si>
    <t>点数（調剤管理料　時間外等加算）</t>
  </si>
  <si>
    <t>compo_man_charges_overtime_score</t>
  </si>
  <si>
    <t>★tnds_t_rcp_pha_iy</t>
    <phoneticPr fontId="24"/>
  </si>
  <si>
    <t>コード（混合区分）</t>
  </si>
  <si>
    <t>mix_div_cd</t>
  </si>
  <si>
    <t>枝（混合区分）</t>
  </si>
  <si>
    <t>mix_div_brnch</t>
  </si>
  <si>
    <t>配合不適区分</t>
  </si>
  <si>
    <t>cmpnd_inapr_div</t>
  </si>
  <si>
    <t>1回用量</t>
  </si>
  <si>
    <t>dose</t>
  </si>
  <si>
    <t>★tnds_t_rcp_pha_to</t>
    <phoneticPr fontId="24"/>
  </si>
  <si>
    <t>★tnds_t_rcp_pha_co</t>
    <phoneticPr fontId="24"/>
  </si>
  <si>
    <t>摘要欄レコード（TK）</t>
    <phoneticPr fontId="24"/>
  </si>
  <si>
    <t>★tnds_t_rcp_pha_tk</t>
    <phoneticPr fontId="24"/>
  </si>
  <si>
    <t>基本料・薬学管理料レコード（KI）</t>
    <phoneticPr fontId="24"/>
  </si>
  <si>
    <t>★tnds_t_rcp_pha_ki</t>
    <phoneticPr fontId="24"/>
  </si>
  <si>
    <t>算定日</t>
  </si>
  <si>
    <t>calc_ymd</t>
  </si>
  <si>
    <t>負担区分（調剤基本料）</t>
    <rPh sb="0" eb="2">
      <t>フタン</t>
    </rPh>
    <rPh sb="2" eb="4">
      <t>クブン</t>
    </rPh>
    <rPh sb="5" eb="7">
      <t>チョウザイ</t>
    </rPh>
    <rPh sb="7" eb="9">
      <t>キホン</t>
    </rPh>
    <rPh sb="9" eb="10">
      <t>リョウ</t>
    </rPh>
    <phoneticPr fontId="9"/>
  </si>
  <si>
    <t>dbc_burd_div</t>
  </si>
  <si>
    <t>コード（調剤基本料）</t>
    <rPh sb="4" eb="6">
      <t>チョウザイ</t>
    </rPh>
    <rPh sb="6" eb="8">
      <t>キホン</t>
    </rPh>
    <rPh sb="8" eb="9">
      <t>リョウ</t>
    </rPh>
    <phoneticPr fontId="9"/>
  </si>
  <si>
    <t>dbc_cd</t>
  </si>
  <si>
    <t>点数（調剤基本料）</t>
    <rPh sb="0" eb="2">
      <t>テンスウ</t>
    </rPh>
    <rPh sb="3" eb="5">
      <t>チョウザイ</t>
    </rPh>
    <rPh sb="5" eb="7">
      <t>キホン</t>
    </rPh>
    <rPh sb="7" eb="8">
      <t>リョウ</t>
    </rPh>
    <phoneticPr fontId="9"/>
  </si>
  <si>
    <t>dbc_score</t>
  </si>
  <si>
    <t>負担区分1（薬学管理料）</t>
    <rPh sb="0" eb="2">
      <t>フタン</t>
    </rPh>
    <rPh sb="2" eb="4">
      <t>クブン</t>
    </rPh>
    <rPh sb="6" eb="8">
      <t>ヤクガク</t>
    </rPh>
    <rPh sb="8" eb="11">
      <t>カンリリョウ</t>
    </rPh>
    <phoneticPr fontId="9"/>
  </si>
  <si>
    <t>pmc_burd_div</t>
  </si>
  <si>
    <t>コード1（薬学管理料）</t>
  </si>
  <si>
    <t>pmc01_cd</t>
  </si>
  <si>
    <t>回数1（薬学管理料）</t>
    <rPh sb="0" eb="2">
      <t>カイスウ</t>
    </rPh>
    <phoneticPr fontId="9"/>
  </si>
  <si>
    <t>pmc01_times</t>
  </si>
  <si>
    <t>点数1（薬学管理料）</t>
    <rPh sb="0" eb="2">
      <t>テンスウ</t>
    </rPh>
    <phoneticPr fontId="9"/>
  </si>
  <si>
    <t>pmc01_score</t>
  </si>
  <si>
    <t>負担区分2（薬学管理料）</t>
    <rPh sb="0" eb="2">
      <t>フタン</t>
    </rPh>
    <rPh sb="2" eb="4">
      <t>クブン</t>
    </rPh>
    <rPh sb="6" eb="8">
      <t>ヤクガク</t>
    </rPh>
    <rPh sb="8" eb="11">
      <t>カンリリョウ</t>
    </rPh>
    <phoneticPr fontId="9"/>
  </si>
  <si>
    <t>pmc02_burd_div</t>
  </si>
  <si>
    <t>コード2（薬学管理料）</t>
  </si>
  <si>
    <t>pmc02_cd</t>
  </si>
  <si>
    <t>回数2（薬学管理料）</t>
    <rPh sb="0" eb="2">
      <t>カイスウ</t>
    </rPh>
    <phoneticPr fontId="9"/>
  </si>
  <si>
    <t>pmc02_times</t>
  </si>
  <si>
    <t>点数2（薬学管理料）</t>
    <rPh sb="0" eb="2">
      <t>テンスウ</t>
    </rPh>
    <phoneticPr fontId="9"/>
  </si>
  <si>
    <t>pmc02_score</t>
  </si>
  <si>
    <t>負担区分3（薬学管理料）</t>
    <rPh sb="0" eb="2">
      <t>フタン</t>
    </rPh>
    <rPh sb="2" eb="4">
      <t>クブン</t>
    </rPh>
    <rPh sb="6" eb="8">
      <t>ヤクガク</t>
    </rPh>
    <rPh sb="8" eb="11">
      <t>カンリリョウ</t>
    </rPh>
    <phoneticPr fontId="9"/>
  </si>
  <si>
    <t>pmc03_burd_div</t>
  </si>
  <si>
    <t>コード3（薬学管理料）</t>
  </si>
  <si>
    <t>pmc03_cd</t>
  </si>
  <si>
    <t>回数3（薬学管理料）</t>
    <rPh sb="0" eb="2">
      <t>カイスウ</t>
    </rPh>
    <phoneticPr fontId="9"/>
  </si>
  <si>
    <t>pmc03_times</t>
  </si>
  <si>
    <t>点数3（薬学管理料）</t>
    <rPh sb="0" eb="2">
      <t>テンスウ</t>
    </rPh>
    <phoneticPr fontId="9"/>
  </si>
  <si>
    <t>pmc03_score</t>
  </si>
  <si>
    <t>負担区分4（薬学管理料）</t>
    <rPh sb="0" eb="2">
      <t>フタン</t>
    </rPh>
    <rPh sb="2" eb="4">
      <t>クブン</t>
    </rPh>
    <rPh sb="6" eb="8">
      <t>ヤクガク</t>
    </rPh>
    <rPh sb="8" eb="11">
      <t>カンリリョウ</t>
    </rPh>
    <phoneticPr fontId="9"/>
  </si>
  <si>
    <t>pmc04_burd_div</t>
  </si>
  <si>
    <t>コード4（薬学管理料）</t>
  </si>
  <si>
    <t>pmc04_cd</t>
  </si>
  <si>
    <t>回数4（薬学管理料）</t>
    <rPh sb="0" eb="2">
      <t>カイスウ</t>
    </rPh>
    <phoneticPr fontId="9"/>
  </si>
  <si>
    <t>pmc04_times</t>
  </si>
  <si>
    <t>点数4（薬学管理料）</t>
    <rPh sb="0" eb="2">
      <t>テンスウ</t>
    </rPh>
    <phoneticPr fontId="9"/>
  </si>
  <si>
    <t>pmc04_score</t>
  </si>
  <si>
    <t>負担区分5（薬学管理料）</t>
    <rPh sb="0" eb="2">
      <t>フタン</t>
    </rPh>
    <rPh sb="2" eb="4">
      <t>クブン</t>
    </rPh>
    <rPh sb="6" eb="8">
      <t>ヤクガク</t>
    </rPh>
    <rPh sb="8" eb="11">
      <t>カンリリョウ</t>
    </rPh>
    <phoneticPr fontId="9"/>
  </si>
  <si>
    <t>pmc05_burd_div</t>
  </si>
  <si>
    <t>コード5（薬学管理料）</t>
  </si>
  <si>
    <t>pmc05_cd</t>
  </si>
  <si>
    <t>回数5（薬学管理料）</t>
    <rPh sb="0" eb="2">
      <t>カイスウ</t>
    </rPh>
    <phoneticPr fontId="9"/>
  </si>
  <si>
    <t>pmc05_times</t>
  </si>
  <si>
    <t>点数5（薬学管理料）</t>
    <rPh sb="0" eb="2">
      <t>テンスウ</t>
    </rPh>
    <phoneticPr fontId="9"/>
  </si>
  <si>
    <t>pmc05_score</t>
  </si>
  <si>
    <t>負担区分6（薬学管理料）</t>
    <rPh sb="0" eb="2">
      <t>フタン</t>
    </rPh>
    <rPh sb="2" eb="4">
      <t>クブン</t>
    </rPh>
    <rPh sb="6" eb="8">
      <t>ヤクガク</t>
    </rPh>
    <rPh sb="8" eb="11">
      <t>カンリリョウ</t>
    </rPh>
    <phoneticPr fontId="9"/>
  </si>
  <si>
    <t>pmc06_burd_div</t>
  </si>
  <si>
    <t>コード6（薬学管理料）</t>
  </si>
  <si>
    <t>pmc06_cd</t>
  </si>
  <si>
    <t>回数6（薬学管理料）</t>
    <rPh sb="0" eb="2">
      <t>カイスウ</t>
    </rPh>
    <phoneticPr fontId="9"/>
  </si>
  <si>
    <t>pmc06_times</t>
  </si>
  <si>
    <t>点数6（薬学管理料）</t>
    <rPh sb="0" eb="2">
      <t>テンスウ</t>
    </rPh>
    <phoneticPr fontId="9"/>
  </si>
  <si>
    <t>pmc06_score</t>
  </si>
  <si>
    <t>負担区分7（薬学管理料）</t>
    <rPh sb="0" eb="2">
      <t>フタン</t>
    </rPh>
    <rPh sb="2" eb="4">
      <t>クブン</t>
    </rPh>
    <rPh sb="6" eb="8">
      <t>ヤクガク</t>
    </rPh>
    <rPh sb="8" eb="11">
      <t>カンリリョウ</t>
    </rPh>
    <phoneticPr fontId="9"/>
  </si>
  <si>
    <t>pmc07_burd_div</t>
  </si>
  <si>
    <t>コード7（薬学管理料）</t>
  </si>
  <si>
    <t>pmc07_cd</t>
  </si>
  <si>
    <t>回数7（薬学管理料）</t>
    <rPh sb="0" eb="2">
      <t>カイスウ</t>
    </rPh>
    <phoneticPr fontId="9"/>
  </si>
  <si>
    <t>pmc07_times</t>
  </si>
  <si>
    <t>点数7（薬学管理料）</t>
    <rPh sb="0" eb="2">
      <t>テンスウ</t>
    </rPh>
    <phoneticPr fontId="9"/>
  </si>
  <si>
    <t>pmc07_score</t>
  </si>
  <si>
    <t>負担区分8（薬学管理料）</t>
    <rPh sb="0" eb="2">
      <t>フタン</t>
    </rPh>
    <rPh sb="2" eb="4">
      <t>クブン</t>
    </rPh>
    <rPh sb="6" eb="8">
      <t>ヤクガク</t>
    </rPh>
    <rPh sb="8" eb="11">
      <t>カンリリョウ</t>
    </rPh>
    <phoneticPr fontId="9"/>
  </si>
  <si>
    <t>pmc08_burd_div</t>
  </si>
  <si>
    <t>コード8（薬学管理料）</t>
  </si>
  <si>
    <t>pmc08_cd</t>
  </si>
  <si>
    <t>回数8（薬学管理料）</t>
    <rPh sb="0" eb="2">
      <t>カイスウ</t>
    </rPh>
    <phoneticPr fontId="9"/>
  </si>
  <si>
    <t>pmc08_times</t>
  </si>
  <si>
    <t>点数8（薬学管理料）</t>
    <rPh sb="0" eb="2">
      <t>テンスウ</t>
    </rPh>
    <phoneticPr fontId="9"/>
  </si>
  <si>
    <t>pmc08_score</t>
  </si>
  <si>
    <t>負担区分9（薬学管理料）</t>
    <rPh sb="0" eb="2">
      <t>フタン</t>
    </rPh>
    <rPh sb="2" eb="4">
      <t>クブン</t>
    </rPh>
    <rPh sb="6" eb="8">
      <t>ヤクガク</t>
    </rPh>
    <rPh sb="8" eb="11">
      <t>カンリリョウ</t>
    </rPh>
    <phoneticPr fontId="9"/>
  </si>
  <si>
    <t>pmc09_burd_div</t>
  </si>
  <si>
    <t>コード9（薬学管理料）</t>
  </si>
  <si>
    <t>pmc09_cd</t>
  </si>
  <si>
    <t>回数9（薬学管理料）</t>
    <rPh sb="0" eb="2">
      <t>カイスウ</t>
    </rPh>
    <phoneticPr fontId="9"/>
  </si>
  <si>
    <t>pmc09_times</t>
  </si>
  <si>
    <t>点数9（薬学管理料）</t>
    <rPh sb="0" eb="2">
      <t>テンスウ</t>
    </rPh>
    <phoneticPr fontId="9"/>
  </si>
  <si>
    <t>pmc09_score</t>
  </si>
  <si>
    <t>負担区分10（薬学管理料）</t>
    <rPh sb="0" eb="2">
      <t>フタン</t>
    </rPh>
    <rPh sb="2" eb="4">
      <t>クブン</t>
    </rPh>
    <rPh sb="7" eb="9">
      <t>ヤクガク</t>
    </rPh>
    <rPh sb="9" eb="12">
      <t>カンリリョウ</t>
    </rPh>
    <phoneticPr fontId="9"/>
  </si>
  <si>
    <t>pmc10_burd_div</t>
  </si>
  <si>
    <t>コード10（薬学管理料）</t>
  </si>
  <si>
    <t>pmc10_cd</t>
  </si>
  <si>
    <t>回数10（薬学管理料）</t>
    <rPh sb="0" eb="2">
      <t>カイスウ</t>
    </rPh>
    <phoneticPr fontId="9"/>
  </si>
  <si>
    <t>pmc10_times</t>
  </si>
  <si>
    <t>点数10（薬学管理料）</t>
    <rPh sb="0" eb="2">
      <t>テンスウ</t>
    </rPh>
    <phoneticPr fontId="9"/>
  </si>
  <si>
    <t>pmc10_score</t>
  </si>
  <si>
    <t>負担区分11（薬学管理料）</t>
    <rPh sb="0" eb="2">
      <t>フタン</t>
    </rPh>
    <rPh sb="2" eb="4">
      <t>クブン</t>
    </rPh>
    <rPh sb="7" eb="9">
      <t>ヤクガク</t>
    </rPh>
    <rPh sb="9" eb="12">
      <t>カンリリョウ</t>
    </rPh>
    <phoneticPr fontId="9"/>
  </si>
  <si>
    <t>pmc11_burd_div</t>
  </si>
  <si>
    <t>コード11（薬学管理料）</t>
  </si>
  <si>
    <t>pmc11_cd</t>
  </si>
  <si>
    <t>回数11（薬学管理料）</t>
    <rPh sb="0" eb="2">
      <t>カイスウ</t>
    </rPh>
    <phoneticPr fontId="9"/>
  </si>
  <si>
    <t>pmc11_times</t>
  </si>
  <si>
    <t>点数11（薬学管理料）</t>
    <rPh sb="0" eb="2">
      <t>テンスウ</t>
    </rPh>
    <phoneticPr fontId="9"/>
  </si>
  <si>
    <t>pmc11_score</t>
  </si>
  <si>
    <t>負担区分12（薬学管理料）</t>
    <rPh sb="0" eb="2">
      <t>フタン</t>
    </rPh>
    <rPh sb="2" eb="4">
      <t>クブン</t>
    </rPh>
    <rPh sb="7" eb="9">
      <t>ヤクガク</t>
    </rPh>
    <rPh sb="9" eb="12">
      <t>カンリリョウ</t>
    </rPh>
    <phoneticPr fontId="9"/>
  </si>
  <si>
    <t>pmc12_burd_div</t>
  </si>
  <si>
    <t>コード12（薬学管理料）</t>
  </si>
  <si>
    <t>pmc12_cd</t>
  </si>
  <si>
    <t>回数12（薬学管理料）</t>
    <rPh sb="0" eb="2">
      <t>カイスウ</t>
    </rPh>
    <phoneticPr fontId="9"/>
  </si>
  <si>
    <t>pmc12_times</t>
  </si>
  <si>
    <t>点数12（薬学管理料）</t>
    <rPh sb="0" eb="2">
      <t>テンスウ</t>
    </rPh>
    <phoneticPr fontId="9"/>
  </si>
  <si>
    <t>pmc12_score</t>
  </si>
  <si>
    <t>負担区分1（摘要薬学管理料）</t>
    <rPh sb="0" eb="2">
      <t>フタン</t>
    </rPh>
    <rPh sb="2" eb="4">
      <t>クブン</t>
    </rPh>
    <rPh sb="6" eb="8">
      <t>テキヨウ</t>
    </rPh>
    <rPh sb="8" eb="10">
      <t>ヤクガク</t>
    </rPh>
    <rPh sb="10" eb="13">
      <t>カンリリョウ</t>
    </rPh>
    <phoneticPr fontId="9"/>
  </si>
  <si>
    <t>spmc01_burd_div</t>
  </si>
  <si>
    <t>コード1（摘要薬学管理料）</t>
  </si>
  <si>
    <t>spmc01_cd</t>
  </si>
  <si>
    <t>回数1（摘要薬学管理料）</t>
    <rPh sb="0" eb="2">
      <t>カイスウ</t>
    </rPh>
    <phoneticPr fontId="9"/>
  </si>
  <si>
    <t>spmc01_times</t>
  </si>
  <si>
    <t>点数1（摘要薬学管理料）</t>
    <rPh sb="0" eb="2">
      <t>テンスウ</t>
    </rPh>
    <phoneticPr fontId="9"/>
  </si>
  <si>
    <t>spmc01_score</t>
  </si>
  <si>
    <t>負担区分2（摘要薬学管理料）</t>
    <rPh sb="0" eb="2">
      <t>フタン</t>
    </rPh>
    <rPh sb="2" eb="4">
      <t>クブン</t>
    </rPh>
    <rPh sb="6" eb="8">
      <t>テキヨウ</t>
    </rPh>
    <rPh sb="8" eb="10">
      <t>ヤクガク</t>
    </rPh>
    <rPh sb="10" eb="13">
      <t>カンリリョウ</t>
    </rPh>
    <phoneticPr fontId="9"/>
  </si>
  <si>
    <t>spmc02_burd_div</t>
  </si>
  <si>
    <t>コード2（摘要薬学管理料）</t>
  </si>
  <si>
    <t>spmc02_cd</t>
  </si>
  <si>
    <t>回数2（摘要薬学管理料）</t>
    <rPh sb="0" eb="2">
      <t>カイスウ</t>
    </rPh>
    <phoneticPr fontId="9"/>
  </si>
  <si>
    <t>spmc02_times</t>
  </si>
  <si>
    <t>点数2（摘要薬学管理料）</t>
    <rPh sb="0" eb="2">
      <t>テンスウ</t>
    </rPh>
    <phoneticPr fontId="9"/>
  </si>
  <si>
    <t>spmc02_score</t>
  </si>
  <si>
    <t>負担区分3（摘要薬学管理料）</t>
    <rPh sb="0" eb="2">
      <t>フタン</t>
    </rPh>
    <rPh sb="2" eb="4">
      <t>クブン</t>
    </rPh>
    <rPh sb="6" eb="8">
      <t>テキヨウ</t>
    </rPh>
    <rPh sb="8" eb="10">
      <t>ヤクガク</t>
    </rPh>
    <rPh sb="10" eb="13">
      <t>カンリリョウ</t>
    </rPh>
    <phoneticPr fontId="9"/>
  </si>
  <si>
    <t>spmc03_burd_div</t>
  </si>
  <si>
    <t>コード3（摘要薬学管理料）</t>
  </si>
  <si>
    <t>spmc03_cd</t>
  </si>
  <si>
    <t>回数3（摘要薬学管理料）</t>
    <rPh sb="0" eb="2">
      <t>カイスウ</t>
    </rPh>
    <phoneticPr fontId="9"/>
  </si>
  <si>
    <t>spmc03_times</t>
  </si>
  <si>
    <t>点数3（摘要薬学管理料）</t>
    <rPh sb="0" eb="2">
      <t>テンスウ</t>
    </rPh>
    <phoneticPr fontId="9"/>
  </si>
  <si>
    <t>spmc03_score</t>
  </si>
  <si>
    <t>前回調剤年月日（摘要薬学管理料）</t>
    <rPh sb="0" eb="2">
      <t>ゼンカイ</t>
    </rPh>
    <rPh sb="2" eb="4">
      <t>チョウザイ</t>
    </rPh>
    <rPh sb="4" eb="7">
      <t>ネンガッピ</t>
    </rPh>
    <phoneticPr fontId="9"/>
  </si>
  <si>
    <t>spmc_last_dspng_ymd</t>
  </si>
  <si>
    <t>前回調剤数量（摘要薬学管理料）</t>
    <rPh sb="0" eb="2">
      <t>ゼンカイ</t>
    </rPh>
    <rPh sb="2" eb="4">
      <t>チョウザイ</t>
    </rPh>
    <rPh sb="4" eb="6">
      <t>スウリョウ</t>
    </rPh>
    <phoneticPr fontId="9"/>
  </si>
  <si>
    <t>spmc_last_dspng_amnt</t>
  </si>
  <si>
    <t>負担区分1（調剤基本料加算）</t>
    <rPh sb="0" eb="2">
      <t>フタン</t>
    </rPh>
    <rPh sb="2" eb="4">
      <t>クブン</t>
    </rPh>
    <rPh sb="6" eb="8">
      <t>チョウザイ</t>
    </rPh>
    <rPh sb="8" eb="11">
      <t>キホンリョウ</t>
    </rPh>
    <rPh sb="11" eb="13">
      <t>カサン</t>
    </rPh>
    <phoneticPr fontId="9"/>
  </si>
  <si>
    <t>dba01_burd_div</t>
  </si>
  <si>
    <t>コード1（調剤基本料加算）</t>
  </si>
  <si>
    <t>dba01_cd</t>
  </si>
  <si>
    <t>回数1（調剤基本料加算）</t>
    <rPh sb="0" eb="2">
      <t>カイスウ</t>
    </rPh>
    <phoneticPr fontId="9"/>
  </si>
  <si>
    <t>dba01_times</t>
  </si>
  <si>
    <t>点数1（調剤基本料加算）</t>
    <rPh sb="0" eb="2">
      <t>テンスウ</t>
    </rPh>
    <phoneticPr fontId="9"/>
  </si>
  <si>
    <t>dba01_score</t>
  </si>
  <si>
    <t>負担区分2（調剤基本料加算）</t>
    <rPh sb="0" eb="2">
      <t>フタン</t>
    </rPh>
    <rPh sb="2" eb="4">
      <t>クブン</t>
    </rPh>
    <rPh sb="6" eb="8">
      <t>チョウザイ</t>
    </rPh>
    <rPh sb="8" eb="11">
      <t>キホンリョウ</t>
    </rPh>
    <rPh sb="11" eb="13">
      <t>カサン</t>
    </rPh>
    <phoneticPr fontId="9"/>
  </si>
  <si>
    <t>dba02_burd_div</t>
  </si>
  <si>
    <t>コード2（調剤基本料加算）</t>
  </si>
  <si>
    <t>dba02_cd</t>
  </si>
  <si>
    <t>回数2（調剤基本料加算）</t>
    <rPh sb="0" eb="2">
      <t>カイスウ</t>
    </rPh>
    <phoneticPr fontId="9"/>
  </si>
  <si>
    <t>dba02_times</t>
  </si>
  <si>
    <t>点数2（調剤基本料加算）</t>
    <rPh sb="0" eb="2">
      <t>テンスウ</t>
    </rPh>
    <phoneticPr fontId="9"/>
  </si>
  <si>
    <t>dba02_score</t>
  </si>
  <si>
    <t>負担区分3（調剤基本料加算）</t>
    <rPh sb="0" eb="2">
      <t>フタン</t>
    </rPh>
    <rPh sb="2" eb="4">
      <t>クブン</t>
    </rPh>
    <rPh sb="6" eb="8">
      <t>チョウザイ</t>
    </rPh>
    <rPh sb="8" eb="11">
      <t>キホンリョウ</t>
    </rPh>
    <rPh sb="11" eb="13">
      <t>カサン</t>
    </rPh>
    <phoneticPr fontId="9"/>
  </si>
  <si>
    <t>dba03_burd_div</t>
  </si>
  <si>
    <t>コード3（調剤基本料加算）</t>
  </si>
  <si>
    <t>dba03_cd</t>
  </si>
  <si>
    <t>回数3（調剤基本料加算）</t>
    <rPh sb="0" eb="2">
      <t>カイスウ</t>
    </rPh>
    <phoneticPr fontId="9"/>
  </si>
  <si>
    <t>dba03_times</t>
  </si>
  <si>
    <t>点数3（調剤基本料加算）</t>
    <rPh sb="0" eb="2">
      <t>テンスウ</t>
    </rPh>
    <phoneticPr fontId="9"/>
  </si>
  <si>
    <t>dba03_score</t>
  </si>
  <si>
    <t>負担区分4（調剤基本料加算）</t>
    <rPh sb="0" eb="2">
      <t>フタン</t>
    </rPh>
    <rPh sb="2" eb="4">
      <t>クブン</t>
    </rPh>
    <rPh sb="6" eb="8">
      <t>チョウザイ</t>
    </rPh>
    <rPh sb="8" eb="11">
      <t>キホンリョウ</t>
    </rPh>
    <rPh sb="11" eb="13">
      <t>カサン</t>
    </rPh>
    <phoneticPr fontId="9"/>
  </si>
  <si>
    <t>dba04_burd_div</t>
  </si>
  <si>
    <t>コード4（調剤基本料加算）</t>
  </si>
  <si>
    <t>dba04_cd</t>
  </si>
  <si>
    <t>回数4（調剤基本料加算）</t>
    <rPh sb="0" eb="2">
      <t>カイスウ</t>
    </rPh>
    <phoneticPr fontId="9"/>
  </si>
  <si>
    <t>dba04_times</t>
  </si>
  <si>
    <t>点数4（調剤基本料加算）</t>
    <rPh sb="0" eb="2">
      <t>テンスウ</t>
    </rPh>
    <phoneticPr fontId="9"/>
  </si>
  <si>
    <t>dba04_score</t>
  </si>
  <si>
    <t>負担区分5（調剤基本料加算）</t>
    <rPh sb="0" eb="2">
      <t>フタン</t>
    </rPh>
    <rPh sb="2" eb="4">
      <t>クブン</t>
    </rPh>
    <rPh sb="6" eb="8">
      <t>チョウザイ</t>
    </rPh>
    <rPh sb="8" eb="11">
      <t>キホンリョウ</t>
    </rPh>
    <rPh sb="11" eb="13">
      <t>カサン</t>
    </rPh>
    <phoneticPr fontId="9"/>
  </si>
  <si>
    <t>dba05_burd_div</t>
  </si>
  <si>
    <t>コード5（調剤基本料加算）</t>
  </si>
  <si>
    <t>dba05_cd</t>
  </si>
  <si>
    <t>回数5（調剤基本料加算）</t>
    <rPh sb="0" eb="2">
      <t>カイスウ</t>
    </rPh>
    <phoneticPr fontId="9"/>
  </si>
  <si>
    <t>dba05_times</t>
  </si>
  <si>
    <t>点数5（調剤基本料加算）</t>
    <rPh sb="0" eb="2">
      <t>テンスウ</t>
    </rPh>
    <phoneticPr fontId="9"/>
  </si>
  <si>
    <t>dba05_score</t>
  </si>
  <si>
    <t>負担区分6（調剤基本料加算）</t>
    <rPh sb="0" eb="2">
      <t>フタン</t>
    </rPh>
    <rPh sb="2" eb="4">
      <t>クブン</t>
    </rPh>
    <rPh sb="6" eb="8">
      <t>チョウザイ</t>
    </rPh>
    <rPh sb="8" eb="11">
      <t>キホンリョウ</t>
    </rPh>
    <rPh sb="11" eb="13">
      <t>カサン</t>
    </rPh>
    <phoneticPr fontId="9"/>
  </si>
  <si>
    <t>dba06_burd_div</t>
  </si>
  <si>
    <t>コード6（調剤基本料加算）</t>
  </si>
  <si>
    <t>dba06_cd</t>
  </si>
  <si>
    <t>回数6（調剤基本料加算）</t>
    <rPh sb="0" eb="2">
      <t>カイスウ</t>
    </rPh>
    <phoneticPr fontId="9"/>
  </si>
  <si>
    <t>dba06_times</t>
  </si>
  <si>
    <t>点数6（調剤基本料加算）</t>
    <rPh sb="0" eb="2">
      <t>テンスウ</t>
    </rPh>
    <phoneticPr fontId="9"/>
  </si>
  <si>
    <t>dba06_score</t>
  </si>
  <si>
    <t>負担区分7（調剤基本料加算）</t>
    <rPh sb="0" eb="2">
      <t>フタン</t>
    </rPh>
    <rPh sb="2" eb="4">
      <t>クブン</t>
    </rPh>
    <rPh sb="6" eb="8">
      <t>チョウザイ</t>
    </rPh>
    <rPh sb="8" eb="11">
      <t>キホンリョウ</t>
    </rPh>
    <rPh sb="11" eb="13">
      <t>カサン</t>
    </rPh>
    <phoneticPr fontId="9"/>
  </si>
  <si>
    <t>dba07_burd_div</t>
  </si>
  <si>
    <t>コード7（調剤基本料加算）</t>
  </si>
  <si>
    <t>dba07_cd</t>
  </si>
  <si>
    <t>回数7（調剤基本料加算）</t>
    <rPh sb="0" eb="2">
      <t>カイスウ</t>
    </rPh>
    <phoneticPr fontId="9"/>
  </si>
  <si>
    <t>dba07_times</t>
  </si>
  <si>
    <t>点数7（調剤基本料加算）</t>
    <rPh sb="0" eb="2">
      <t>テンスウ</t>
    </rPh>
    <phoneticPr fontId="9"/>
  </si>
  <si>
    <t>dba07_score</t>
  </si>
  <si>
    <t>負担区分8（調剤基本料加算）</t>
    <rPh sb="0" eb="2">
      <t>フタン</t>
    </rPh>
    <rPh sb="2" eb="4">
      <t>クブン</t>
    </rPh>
    <rPh sb="6" eb="8">
      <t>チョウザイ</t>
    </rPh>
    <rPh sb="8" eb="11">
      <t>キホンリョウ</t>
    </rPh>
    <rPh sb="11" eb="13">
      <t>カサン</t>
    </rPh>
    <phoneticPr fontId="9"/>
  </si>
  <si>
    <t>dba08_burd_div</t>
  </si>
  <si>
    <t>コード8（調剤基本料加算）</t>
  </si>
  <si>
    <t>dba08_cd</t>
  </si>
  <si>
    <t>回数8（調剤基本料加算）</t>
    <rPh sb="0" eb="2">
      <t>カイスウ</t>
    </rPh>
    <phoneticPr fontId="9"/>
  </si>
  <si>
    <t>dba08_times</t>
  </si>
  <si>
    <t>点数8（調剤基本料加算）</t>
    <rPh sb="0" eb="2">
      <t>テンスウ</t>
    </rPh>
    <phoneticPr fontId="9"/>
  </si>
  <si>
    <t>dba08_score</t>
  </si>
  <si>
    <t>負担区分9（調剤基本料加算）</t>
    <rPh sb="0" eb="2">
      <t>フタン</t>
    </rPh>
    <rPh sb="2" eb="4">
      <t>クブン</t>
    </rPh>
    <rPh sb="6" eb="8">
      <t>チョウザイ</t>
    </rPh>
    <rPh sb="8" eb="11">
      <t>キホンリョウ</t>
    </rPh>
    <rPh sb="11" eb="13">
      <t>カサン</t>
    </rPh>
    <phoneticPr fontId="9"/>
  </si>
  <si>
    <t>dba09_burd_div</t>
  </si>
  <si>
    <t>コード9（調剤基本料加算）</t>
  </si>
  <si>
    <t>dba09_cd</t>
  </si>
  <si>
    <t>回数9（調剤基本料加算）</t>
    <rPh sb="0" eb="2">
      <t>カイスウ</t>
    </rPh>
    <phoneticPr fontId="9"/>
  </si>
  <si>
    <t>dba09_times</t>
  </si>
  <si>
    <t>点数9（調剤基本料加算）</t>
    <rPh sb="0" eb="2">
      <t>テンスウ</t>
    </rPh>
    <phoneticPr fontId="9"/>
  </si>
  <si>
    <t>dba09_score</t>
  </si>
  <si>
    <t>負担区分10（調剤基本料加算）</t>
    <rPh sb="0" eb="2">
      <t>フタン</t>
    </rPh>
    <rPh sb="2" eb="4">
      <t>クブン</t>
    </rPh>
    <rPh sb="7" eb="9">
      <t>チョウザイ</t>
    </rPh>
    <rPh sb="9" eb="12">
      <t>キホンリョウ</t>
    </rPh>
    <rPh sb="12" eb="14">
      <t>カサン</t>
    </rPh>
    <phoneticPr fontId="9"/>
  </si>
  <si>
    <t>dba10_burd_div</t>
  </si>
  <si>
    <t>コード10（調剤基本料加算）</t>
  </si>
  <si>
    <t>dba10_cd</t>
  </si>
  <si>
    <t>回数10（調剤基本料加算）</t>
    <rPh sb="0" eb="2">
      <t>カイスウ</t>
    </rPh>
    <phoneticPr fontId="9"/>
  </si>
  <si>
    <t>dba10_times</t>
  </si>
  <si>
    <t>点数10（調剤基本料加算）</t>
    <rPh sb="0" eb="2">
      <t>テンスウ</t>
    </rPh>
    <phoneticPr fontId="9"/>
  </si>
  <si>
    <t>dba10_score</t>
  </si>
  <si>
    <t>コード（医師の指示による分割調剤・調剤基本料）</t>
    <rPh sb="4" eb="6">
      <t>イシ</t>
    </rPh>
    <rPh sb="7" eb="9">
      <t>シジ</t>
    </rPh>
    <rPh sb="12" eb="14">
      <t>ブンカツ</t>
    </rPh>
    <rPh sb="14" eb="16">
      <t>チョウザイ</t>
    </rPh>
    <rPh sb="17" eb="19">
      <t>チョウザイ</t>
    </rPh>
    <rPh sb="19" eb="21">
      <t>キホン</t>
    </rPh>
    <rPh sb="21" eb="22">
      <t>リョウ</t>
    </rPh>
    <phoneticPr fontId="9"/>
  </si>
  <si>
    <t>dispensation_base_cost_cd</t>
  </si>
  <si>
    <t>コード（医師の指示による分割調剤・薬学管理料）</t>
    <rPh sb="4" eb="6">
      <t>イシ</t>
    </rPh>
    <rPh sb="7" eb="9">
      <t>シジ</t>
    </rPh>
    <rPh sb="12" eb="14">
      <t>ブンカツ</t>
    </rPh>
    <rPh sb="14" eb="16">
      <t>チョウザイ</t>
    </rPh>
    <rPh sb="17" eb="19">
      <t>ヤクガク</t>
    </rPh>
    <rPh sb="19" eb="21">
      <t>カンリ</t>
    </rPh>
    <rPh sb="21" eb="22">
      <t>リョウ</t>
    </rPh>
    <phoneticPr fontId="9"/>
  </si>
  <si>
    <t>pha_management_charge_cd</t>
  </si>
  <si>
    <t>コード（医師の指示による分割調剤・摘要薬学管理料）</t>
    <rPh sb="4" eb="6">
      <t>イシ</t>
    </rPh>
    <rPh sb="7" eb="9">
      <t>シジ</t>
    </rPh>
    <rPh sb="12" eb="14">
      <t>ブンカツ</t>
    </rPh>
    <rPh sb="14" eb="16">
      <t>チョウザイ</t>
    </rPh>
    <rPh sb="17" eb="19">
      <t>テキヨウ</t>
    </rPh>
    <rPh sb="19" eb="21">
      <t>ヤクガク</t>
    </rPh>
    <rPh sb="21" eb="23">
      <t>カンリ</t>
    </rPh>
    <rPh sb="23" eb="24">
      <t>リョウ</t>
    </rPh>
    <phoneticPr fontId="9"/>
  </si>
  <si>
    <t>outline_pha_mng_charge_cd</t>
  </si>
  <si>
    <t>分割技術料レコード（ST）</t>
  </si>
  <si>
    <t>★tnds_t_rcp_pha_st</t>
    <phoneticPr fontId="24"/>
  </si>
  <si>
    <t>分割指示回数</t>
    <rPh sb="0" eb="2">
      <t>ブンカツ</t>
    </rPh>
    <rPh sb="2" eb="4">
      <t>シジ</t>
    </rPh>
    <rPh sb="4" eb="6">
      <t>カイスウ</t>
    </rPh>
    <phoneticPr fontId="9"/>
  </si>
  <si>
    <t>div_num_time_directions</t>
  </si>
  <si>
    <t>分割対象点数（保険）</t>
    <rPh sb="0" eb="2">
      <t>ブンカツ</t>
    </rPh>
    <rPh sb="2" eb="4">
      <t>タイショウ</t>
    </rPh>
    <rPh sb="4" eb="6">
      <t>テンスウ</t>
    </rPh>
    <rPh sb="7" eb="9">
      <t>ホケン</t>
    </rPh>
    <phoneticPr fontId="9"/>
  </si>
  <si>
    <t>div_ho_target_score</t>
  </si>
  <si>
    <t>分割後点数（保険）</t>
    <rPh sb="0" eb="3">
      <t>ブンカツゴ</t>
    </rPh>
    <rPh sb="3" eb="5">
      <t>テンスウ</t>
    </rPh>
    <rPh sb="6" eb="8">
      <t>ホケン</t>
    </rPh>
    <phoneticPr fontId="9"/>
  </si>
  <si>
    <t>score_after_div_ho</t>
  </si>
  <si>
    <t>分割対象点数（公費①）</t>
    <rPh sb="0" eb="2">
      <t>ブンカツ</t>
    </rPh>
    <rPh sb="2" eb="4">
      <t>タイショウ</t>
    </rPh>
    <rPh sb="4" eb="6">
      <t>テンスウ</t>
    </rPh>
    <rPh sb="7" eb="9">
      <t>コウヒ</t>
    </rPh>
    <phoneticPr fontId="9"/>
  </si>
  <si>
    <t>div01_target_score</t>
  </si>
  <si>
    <t>分割後点数（公費①）</t>
    <rPh sb="0" eb="3">
      <t>ブンカツゴ</t>
    </rPh>
    <rPh sb="3" eb="5">
      <t>テンスウ</t>
    </rPh>
    <phoneticPr fontId="9"/>
  </si>
  <si>
    <t>score_after_div01</t>
  </si>
  <si>
    <t>分割対象点数（公費②）</t>
    <rPh sb="0" eb="2">
      <t>ブンカツ</t>
    </rPh>
    <rPh sb="2" eb="4">
      <t>タイショウ</t>
    </rPh>
    <rPh sb="4" eb="6">
      <t>テンスウ</t>
    </rPh>
    <phoneticPr fontId="9"/>
  </si>
  <si>
    <t>div02_target_score</t>
  </si>
  <si>
    <t>分割後点数（公費②）</t>
    <rPh sb="0" eb="3">
      <t>ブンカツゴ</t>
    </rPh>
    <rPh sb="3" eb="5">
      <t>テンスウ</t>
    </rPh>
    <phoneticPr fontId="9"/>
  </si>
  <si>
    <t>score_after_div02</t>
  </si>
  <si>
    <t>分割対象点数（公費③）</t>
    <rPh sb="0" eb="2">
      <t>ブンカツ</t>
    </rPh>
    <rPh sb="2" eb="4">
      <t>タイショウ</t>
    </rPh>
    <rPh sb="4" eb="6">
      <t>テンスウ</t>
    </rPh>
    <phoneticPr fontId="9"/>
  </si>
  <si>
    <t>div03_target_score</t>
  </si>
  <si>
    <t>分割後点数（公費③）</t>
    <rPh sb="0" eb="3">
      <t>ブンカツゴ</t>
    </rPh>
    <rPh sb="3" eb="5">
      <t>テンスウ</t>
    </rPh>
    <phoneticPr fontId="9"/>
  </si>
  <si>
    <t>score_after_div03</t>
  </si>
  <si>
    <t>分割対象点数（公費④）</t>
    <rPh sb="0" eb="2">
      <t>ブンカツ</t>
    </rPh>
    <rPh sb="2" eb="4">
      <t>タイショウ</t>
    </rPh>
    <rPh sb="4" eb="6">
      <t>テンスウ</t>
    </rPh>
    <phoneticPr fontId="9"/>
  </si>
  <si>
    <t>div04_target_score</t>
  </si>
  <si>
    <t>分割後点数（公費④）</t>
    <rPh sb="0" eb="3">
      <t>ブンカツゴ</t>
    </rPh>
    <rPh sb="3" eb="5">
      <t>テンスウ</t>
    </rPh>
    <phoneticPr fontId="9"/>
  </si>
  <si>
    <t>score_after_div04</t>
  </si>
  <si>
    <t>★tnds_t_rcp_pha_sn</t>
    <phoneticPr fontId="24"/>
  </si>
  <si>
    <t>調剤年月</t>
    <rPh sb="0" eb="4">
      <t>チョウザイネンゲツ</t>
    </rPh>
    <phoneticPr fontId="9"/>
  </si>
  <si>
    <t>★tnds_t_rcp_pha_jd</t>
    <phoneticPr fontId="24"/>
  </si>
  <si>
    <t>★tnds_t_rcp_pha_mf</t>
    <phoneticPr fontId="24"/>
  </si>
  <si>
    <t xml:space="preserve"> ★tnds_t_rcp_pha_on</t>
    <phoneticPr fontId="24"/>
  </si>
  <si>
    <t>項目名（英名）</t>
  </si>
  <si>
    <t>予備</t>
    <rPh sb="0" eb="2">
      <t>ヨビ</t>
    </rPh>
    <phoneticPr fontId="9"/>
  </si>
  <si>
    <t>reserve</t>
  </si>
  <si>
    <t>特定健診情報</t>
    <rPh sb="0" eb="2">
      <t>トクテイ</t>
    </rPh>
    <rPh sb="2" eb="4">
      <t>ケンシン</t>
    </rPh>
    <rPh sb="4" eb="6">
      <t>ジョウホウ</t>
    </rPh>
    <phoneticPr fontId="24"/>
  </si>
  <si>
    <t>年度</t>
    <rPh sb="1" eb="2">
      <t>ド</t>
    </rPh>
    <phoneticPr fontId="24"/>
  </si>
  <si>
    <t>　　ＩＤ５は2022年4月以降にNＤＢ３に取り込まれるデータに付与されます。</t>
    <rPh sb="10" eb="11">
      <t>ネン</t>
    </rPh>
    <rPh sb="12" eb="13">
      <t>ガツ</t>
    </rPh>
    <rPh sb="13" eb="15">
      <t>イコウ</t>
    </rPh>
    <rPh sb="21" eb="22">
      <t>ト</t>
    </rPh>
    <rPh sb="23" eb="24">
      <t>コ</t>
    </rPh>
    <rPh sb="31" eb="33">
      <t>フヨ</t>
    </rPh>
    <phoneticPr fontId="24"/>
  </si>
  <si>
    <t>基本情報レコードファイル</t>
    <rPh sb="0" eb="2">
      <t>キホン</t>
    </rPh>
    <rPh sb="2" eb="4">
      <t>ジョウホウ</t>
    </rPh>
    <phoneticPr fontId="24"/>
  </si>
  <si>
    <t>セクション情報レコードファイル</t>
    <phoneticPr fontId="24"/>
  </si>
  <si>
    <t>健診結果・問診結果情報ファイル</t>
    <phoneticPr fontId="24"/>
  </si>
  <si>
    <t>詳細情報レコードフォーマット</t>
    <phoneticPr fontId="24"/>
  </si>
  <si>
    <t>基本情報レコード</t>
    <rPh sb="0" eb="2">
      <t>キホン</t>
    </rPh>
    <rPh sb="2" eb="4">
      <t>ジョウホウ</t>
    </rPh>
    <phoneticPr fontId="24"/>
  </si>
  <si>
    <t>★tnds_t_tokken_base</t>
    <phoneticPr fontId="24"/>
  </si>
  <si>
    <t>※レセプトとの名寄せはＩＤ１ｎのみで実施いたします。</t>
    <phoneticPr fontId="24"/>
  </si>
  <si>
    <t>通番１</t>
  </si>
  <si>
    <t>英数</t>
    <rPh sb="0" eb="2">
      <t>エイスウ</t>
    </rPh>
    <phoneticPr fontId="10"/>
  </si>
  <si>
    <t>有効フラグ</t>
    <rPh sb="0" eb="2">
      <t>ユウコウ</t>
    </rPh>
    <phoneticPr fontId="7"/>
  </si>
  <si>
    <t>識別コード</t>
  </si>
  <si>
    <t>ident_cd</t>
  </si>
  <si>
    <t>年齢</t>
  </si>
  <si>
    <t>受診者・郵便番号</t>
  </si>
  <si>
    <t>testee_post_no</t>
  </si>
  <si>
    <t>受診者・性別コード</t>
  </si>
  <si>
    <t>testee_sex_cd</t>
  </si>
  <si>
    <t>受診者・生年月</t>
  </si>
  <si>
    <t>testee_birth_ym</t>
  </si>
  <si>
    <t>券面種別（受診券）</t>
  </si>
  <si>
    <t>cnslt_tckt_face_cls</t>
  </si>
  <si>
    <t>受診券整理番号</t>
  </si>
  <si>
    <t>cnslt_tckt_rfrnc_no</t>
  </si>
  <si>
    <t>健診実施時のプログラム種別</t>
  </si>
  <si>
    <t>mee_prg_cls</t>
  </si>
  <si>
    <t>健診実施年月日</t>
  </si>
  <si>
    <t>mee_ymd</t>
  </si>
  <si>
    <t>健診実施機関番号</t>
  </si>
  <si>
    <t>mee_inst_no_org</t>
  </si>
  <si>
    <t>健診実施機関番号（匿名化後）</t>
    <rPh sb="9" eb="11">
      <t>トクメイ</t>
    </rPh>
    <rPh sb="11" eb="12">
      <t>カ</t>
    </rPh>
    <rPh sb="12" eb="13">
      <t>ゴ</t>
    </rPh>
    <phoneticPr fontId="1"/>
  </si>
  <si>
    <t>mee_inst_no</t>
  </si>
  <si>
    <t>保険者番号</t>
    <phoneticPr fontId="1"/>
  </si>
  <si>
    <t>保険者番号（補正後）</t>
  </si>
  <si>
    <t>保険者番号（匿名化後）</t>
    <rPh sb="6" eb="8">
      <t>トクメイ</t>
    </rPh>
    <rPh sb="8" eb="9">
      <t>カ</t>
    </rPh>
    <rPh sb="9" eb="10">
      <t>ゴ</t>
    </rPh>
    <phoneticPr fontId="7"/>
  </si>
  <si>
    <t>報告区分</t>
  </si>
  <si>
    <t>rpt_div</t>
  </si>
  <si>
    <t>資格区分</t>
  </si>
  <si>
    <t>qlfct_div</t>
  </si>
  <si>
    <t>年齢階層コード１</t>
  </si>
  <si>
    <t>年齢階層コード２</t>
  </si>
  <si>
    <t>満年齢</t>
  </si>
  <si>
    <t>満年齢階層コード１</t>
  </si>
  <si>
    <t>満年齢階層コード２</t>
  </si>
  <si>
    <t>健診実施年度</t>
    <rPh sb="4" eb="6">
      <t>ネンド</t>
    </rPh>
    <rPh sb="5" eb="6">
      <t>ド</t>
    </rPh>
    <phoneticPr fontId="1"/>
  </si>
  <si>
    <t>mee_nendo</t>
  </si>
  <si>
    <t>ファイル作成機関番号</t>
  </si>
  <si>
    <t>make_file_no</t>
  </si>
  <si>
    <t>ファイル作成機関名称</t>
  </si>
  <si>
    <t>make_file_name</t>
  </si>
  <si>
    <t>漢字</t>
    <rPh sb="0" eb="2">
      <t>カンジ</t>
    </rPh>
    <phoneticPr fontId="7"/>
  </si>
  <si>
    <t>ファイル作成機関電話番号</t>
  </si>
  <si>
    <t>make_file_phone</t>
  </si>
  <si>
    <t>英数</t>
    <rPh sb="0" eb="2">
      <t>エイスウ</t>
    </rPh>
    <phoneticPr fontId="7"/>
  </si>
  <si>
    <t>ファイル作成機関住所</t>
  </si>
  <si>
    <t>make_file_address</t>
  </si>
  <si>
    <t>ファイル作成機関郵便番号</t>
  </si>
  <si>
    <t>make_file_zipcode</t>
  </si>
  <si>
    <t>曖昧フラグ</t>
    <phoneticPr fontId="24"/>
  </si>
  <si>
    <t>セクション情報レコード</t>
    <rPh sb="5" eb="7">
      <t>ジョウホウ</t>
    </rPh>
    <phoneticPr fontId="24"/>
  </si>
  <si>
    <t>★tnds_t_tokken_sec</t>
    <phoneticPr fontId="24"/>
  </si>
  <si>
    <t>項目仕様</t>
    <phoneticPr fontId="24"/>
  </si>
  <si>
    <t>数字</t>
    <rPh sb="0" eb="2">
      <t>スウジ</t>
    </rPh>
    <phoneticPr fontId="7"/>
  </si>
  <si>
    <t>セクションコード</t>
  </si>
  <si>
    <t>sec_cd</t>
  </si>
  <si>
    <t>取込年月</t>
    <rPh sb="3" eb="4">
      <t>ゲツ</t>
    </rPh>
    <phoneticPr fontId="1"/>
  </si>
  <si>
    <t>健診結果・問診結果情報レコード</t>
    <phoneticPr fontId="24"/>
  </si>
  <si>
    <t>★tnds_t_tokken_exam</t>
    <phoneticPr fontId="24"/>
  </si>
  <si>
    <t>cd</t>
  </si>
  <si>
    <t>値（クリーニング前）</t>
    <rPh sb="8" eb="9">
      <t>マエ</t>
    </rPh>
    <phoneticPr fontId="7"/>
  </si>
  <si>
    <t>val_org</t>
  </si>
  <si>
    <t>値</t>
  </si>
  <si>
    <t>val</t>
  </si>
  <si>
    <t>単位</t>
  </si>
  <si>
    <t>unit</t>
  </si>
  <si>
    <t>漢字又は英数</t>
    <rPh sb="0" eb="2">
      <t>カンジ</t>
    </rPh>
    <rPh sb="2" eb="3">
      <t>マタ</t>
    </rPh>
    <rPh sb="4" eb="6">
      <t>エイスウ</t>
    </rPh>
    <phoneticPr fontId="7"/>
  </si>
  <si>
    <t>基準値範囲　下値</t>
  </si>
  <si>
    <t>svl_lwr</t>
  </si>
  <si>
    <t>基準値範囲　下単位</t>
  </si>
  <si>
    <t>svl_lwr_unit</t>
  </si>
  <si>
    <t>基準値範囲　上値</t>
  </si>
  <si>
    <t>svl_upr</t>
  </si>
  <si>
    <t>基準値範囲　上単位</t>
  </si>
  <si>
    <t>svl_upr_unit</t>
  </si>
  <si>
    <t>Value CODE（クリーニング前）</t>
    <rPh sb="17" eb="18">
      <t>マエ</t>
    </rPh>
    <phoneticPr fontId="7"/>
  </si>
  <si>
    <t>value_cd_org</t>
  </si>
  <si>
    <t>Value CODE</t>
  </si>
  <si>
    <t>value_cd</t>
  </si>
  <si>
    <t>医師の氏名</t>
  </si>
  <si>
    <t>doctor_name</t>
  </si>
  <si>
    <t>値（自由表記）</t>
  </si>
  <si>
    <t>val_free</t>
  </si>
  <si>
    <t>nullFlavor値</t>
  </si>
  <si>
    <t>nul_flv_val</t>
  </si>
  <si>
    <t>検査項目未実施区分</t>
  </si>
  <si>
    <t>eine_div</t>
  </si>
  <si>
    <t>測定値基準範囲区分</t>
  </si>
  <si>
    <t>mvsl_div</t>
  </si>
  <si>
    <t>詳細情報レコード</t>
    <phoneticPr fontId="24"/>
  </si>
  <si>
    <t>★tnds_t_tokken_detail</t>
    <phoneticPr fontId="24"/>
  </si>
  <si>
    <t>※各レコードで取得したいコードは、条件等記入欄に記入ください。</t>
    <rPh sb="1" eb="2">
      <t>カク</t>
    </rPh>
    <rPh sb="7" eb="9">
      <t>シュトク</t>
    </rPh>
    <rPh sb="17" eb="20">
      <t>ジョウケントウ</t>
    </rPh>
    <rPh sb="20" eb="22">
      <t>キニュウ</t>
    </rPh>
    <rPh sb="22" eb="23">
      <t>ラン</t>
    </rPh>
    <rPh sb="24" eb="26">
      <t>キニュウ</t>
    </rPh>
    <phoneticPr fontId="24"/>
  </si>
  <si>
    <t>書ききれない場合は、レコードファイルのフォーマット部分をコピーし、ご利用ください。</t>
    <rPh sb="0" eb="1">
      <t>カ</t>
    </rPh>
    <rPh sb="6" eb="8">
      <t>バアイ</t>
    </rPh>
    <rPh sb="25" eb="27">
      <t>ブブン</t>
    </rPh>
    <rPh sb="34" eb="36">
      <t>リヨウ</t>
    </rPh>
    <phoneticPr fontId="24"/>
  </si>
  <si>
    <t>保健指導情報</t>
    <rPh sb="0" eb="2">
      <t>ホケン</t>
    </rPh>
    <rPh sb="2" eb="4">
      <t>シドウ</t>
    </rPh>
    <rPh sb="4" eb="6">
      <t>ジョウホウ</t>
    </rPh>
    <phoneticPr fontId="24"/>
  </si>
  <si>
    <t>基本情報レコードファイル</t>
    <phoneticPr fontId="24"/>
  </si>
  <si>
    <t>券面情報レコードファイル</t>
    <phoneticPr fontId="24"/>
  </si>
  <si>
    <t>エントリー情報レコードファイル</t>
    <phoneticPr fontId="24"/>
  </si>
  <si>
    <t>保健指導結果情報レコードファイル</t>
    <phoneticPr fontId="24"/>
  </si>
  <si>
    <t>★tnds_t_thoken_base</t>
    <phoneticPr fontId="24"/>
  </si>
  <si>
    <t>利用者・郵便番号</t>
  </si>
  <si>
    <t>user_post_no</t>
  </si>
  <si>
    <t>利用者・性別コード</t>
  </si>
  <si>
    <t>user_sex_cd</t>
  </si>
  <si>
    <t>利用者・生年月</t>
  </si>
  <si>
    <t>user_birth_ym</t>
  </si>
  <si>
    <t>券面種別（利用券）</t>
  </si>
  <si>
    <t>use_tckt_face_cls</t>
  </si>
  <si>
    <t>利用券整理番号</t>
  </si>
  <si>
    <t>use_tckt_rfrnc_no</t>
  </si>
  <si>
    <t>保健指導実施時のプログラム種別</t>
  </si>
  <si>
    <t>hge_prg_cls</t>
  </si>
  <si>
    <t>保健指導実施年月日</t>
  </si>
  <si>
    <t>hge_ymd</t>
  </si>
  <si>
    <t>保健指導プログラム名</t>
  </si>
  <si>
    <t>hg_prg_name</t>
  </si>
  <si>
    <t>保健指導実施機関番号</t>
  </si>
  <si>
    <t>hge_inst_no_org</t>
  </si>
  <si>
    <t>保健指導実施機関番号（匿名化後）</t>
    <rPh sb="11" eb="13">
      <t>トクメイ</t>
    </rPh>
    <rPh sb="13" eb="14">
      <t>カ</t>
    </rPh>
    <rPh sb="14" eb="15">
      <t>ゴ</t>
    </rPh>
    <phoneticPr fontId="7"/>
  </si>
  <si>
    <t>hge_inst_no</t>
  </si>
  <si>
    <t>保険者番号</t>
    <phoneticPr fontId="24"/>
  </si>
  <si>
    <t>保健指導実施年度</t>
    <rPh sb="7" eb="8">
      <t>ド</t>
    </rPh>
    <phoneticPr fontId="7"/>
  </si>
  <si>
    <t>hge_nendo</t>
  </si>
  <si>
    <t>数字</t>
    <phoneticPr fontId="7"/>
  </si>
  <si>
    <t>券面種別レコード</t>
    <phoneticPr fontId="24"/>
  </si>
  <si>
    <t>★tnds_t_thoken_face</t>
    <phoneticPr fontId="24"/>
  </si>
  <si>
    <t>条件等記入欄</t>
    <phoneticPr fontId="24"/>
  </si>
  <si>
    <t>取込年月</t>
    <rPh sb="3" eb="4">
      <t>ゲツ</t>
    </rPh>
    <phoneticPr fontId="7"/>
  </si>
  <si>
    <t>セクション情報レコード</t>
    <phoneticPr fontId="24"/>
  </si>
  <si>
    <t>★tnds_t_thoken_sec</t>
    <phoneticPr fontId="24"/>
  </si>
  <si>
    <t>エントリー情報レコード</t>
    <phoneticPr fontId="24"/>
  </si>
  <si>
    <t>★tnds_t_thoken_entry</t>
    <phoneticPr fontId="24"/>
  </si>
  <si>
    <t>形態コード（クリーニング前）</t>
    <rPh sb="12" eb="13">
      <t>マエ</t>
    </rPh>
    <phoneticPr fontId="7"/>
  </si>
  <si>
    <t>form_cd_org</t>
  </si>
  <si>
    <t>形態コード</t>
  </si>
  <si>
    <t>form_cd</t>
  </si>
  <si>
    <t>実施日付</t>
  </si>
  <si>
    <t>実施者のコード</t>
  </si>
  <si>
    <t>efrcr_cd</t>
  </si>
  <si>
    <t>委託先保健指導機関番号</t>
    <phoneticPr fontId="24"/>
  </si>
  <si>
    <t>trust_inst_no</t>
  </si>
  <si>
    <t>保健指導結果情報レコード</t>
    <phoneticPr fontId="24"/>
  </si>
  <si>
    <t>★tnds_t_thoken_result</t>
    <phoneticPr fontId="24"/>
  </si>
  <si>
    <t>内容（クリーニング前）</t>
    <rPh sb="9" eb="10">
      <t>マエ</t>
    </rPh>
    <phoneticPr fontId="7"/>
  </si>
  <si>
    <t>cntnt_org</t>
  </si>
  <si>
    <t>内容</t>
  </si>
  <si>
    <t>cntnt</t>
  </si>
  <si>
    <t>時間値</t>
  </si>
  <si>
    <t>time_val</t>
  </si>
  <si>
    <t>時間単位</t>
  </si>
  <si>
    <t>time_unit</t>
  </si>
  <si>
    <t>Value</t>
  </si>
  <si>
    <t>value</t>
  </si>
  <si>
    <t>集計情報</t>
    <rPh sb="0" eb="2">
      <t>シュウケイ</t>
    </rPh>
    <rPh sb="2" eb="4">
      <t>ジョウホウ</t>
    </rPh>
    <phoneticPr fontId="24"/>
  </si>
  <si>
    <t>集計情報レコード</t>
    <phoneticPr fontId="24"/>
  </si>
  <si>
    <t>種別コード</t>
  </si>
  <si>
    <t>cls_cd</t>
  </si>
  <si>
    <t>特定健康診査対象者数　今年度</t>
  </si>
  <si>
    <t>ttl_sjt</t>
  </si>
  <si>
    <t>特定健康診査対象者数　前年度</t>
  </si>
  <si>
    <t>ttl_sjt_l</t>
  </si>
  <si>
    <t>特定健康診査対象者数　増減</t>
  </si>
  <si>
    <t>ttl_sjt_c</t>
  </si>
  <si>
    <t>特定健康診査の対象となる被扶養者の数　今年度</t>
  </si>
  <si>
    <t>ttl_dpnd</t>
  </si>
  <si>
    <t>特定健康診査の対象となる被扶養者の数　前年度</t>
  </si>
  <si>
    <t>ttl_dpnd_l</t>
  </si>
  <si>
    <t>特定健康診査の対象となる被扶養者の数　増減</t>
  </si>
  <si>
    <t>ttl_dpnd_c</t>
  </si>
  <si>
    <t>特定健康診査の対象となる被扶養者の数のうち、特定健康診査受診券を配布した者の数　今年度</t>
  </si>
  <si>
    <t>dpnd_ckt_dstrbt</t>
  </si>
  <si>
    <t>特定健康診査の対象となる被扶養者の数のうち、特定健康診査受診券を配布した者の数　前年度</t>
  </si>
  <si>
    <t>dpnd_ckt_dstrbt_l</t>
  </si>
  <si>
    <t>特定健康診査の対象となる被扶養者の数のうち、特定健康診査受診券を配布した者の数　増減</t>
  </si>
  <si>
    <t>dpnd_ckt_dstrbt_c</t>
  </si>
  <si>
    <t>特定健康診査受診者数（人）　今年度</t>
  </si>
  <si>
    <t>sjt_vstd</t>
  </si>
  <si>
    <t>特定健康診査受診者数（人）　前年度</t>
  </si>
  <si>
    <t>sjt_vstd_l</t>
  </si>
  <si>
    <t>特定健康診査受診者数（人）　増減</t>
  </si>
  <si>
    <t>sjt_vstd_c</t>
  </si>
  <si>
    <t>健診受診率（％）　今年度</t>
  </si>
  <si>
    <t>cnslt_rate</t>
  </si>
  <si>
    <t>健診受診率（％）　前年度</t>
  </si>
  <si>
    <t>cnslt_rate_l</t>
  </si>
  <si>
    <t>健診受診率（％）　増減</t>
  </si>
  <si>
    <t>cnslt_rate_c</t>
  </si>
  <si>
    <t>評価対象者数（人）　今年度</t>
  </si>
  <si>
    <t>assd_sjt</t>
  </si>
  <si>
    <t>評価対象者数（人）　前年度</t>
  </si>
  <si>
    <t>assd_sjt_l</t>
  </si>
  <si>
    <t>評価対象者数（人）　増減</t>
  </si>
  <si>
    <t>assd_sjt_c</t>
  </si>
  <si>
    <t>内臓脂肪症候群該当者数（人）　今年度</t>
  </si>
  <si>
    <t>h_rsk_gp</t>
  </si>
  <si>
    <t>内臓脂肪症候群該当者数（人）　前年度</t>
  </si>
  <si>
    <t>h_rsk_gp_l</t>
  </si>
  <si>
    <t>内臓脂肪症候群該当者数（人）　増減</t>
  </si>
  <si>
    <t>h_rsk_gp_c</t>
  </si>
  <si>
    <t>内臓脂肪症候群該当者割合（％）　今年度</t>
  </si>
  <si>
    <t>h_rsk_gp_rate</t>
  </si>
  <si>
    <t>内臓脂肪症候群該当者割合（％）　前年度</t>
  </si>
  <si>
    <t>h_rsk_gp_rate_l</t>
  </si>
  <si>
    <t>内臓脂肪症候群該当者割合（％）　増減</t>
  </si>
  <si>
    <t>h_rsk_gp_rate_c</t>
  </si>
  <si>
    <t>内臓脂肪症候群予備群者数（人）　今年度</t>
  </si>
  <si>
    <t>m_rsk_gp</t>
  </si>
  <si>
    <t>内臓脂肪症候群予備群者数（人）　前年度</t>
  </si>
  <si>
    <t>m_rsk_gp_l</t>
  </si>
  <si>
    <t>内臓脂肪症候群予備群者数（人）　増減</t>
  </si>
  <si>
    <t>m_rsk_gp_c</t>
  </si>
  <si>
    <t>内臓脂肪症候群予備群者割合（％）　今年度</t>
  </si>
  <si>
    <t>m_rsk_gp_rate</t>
  </si>
  <si>
    <t>内臓脂肪症候群予備群者割合（％）　前年度</t>
  </si>
  <si>
    <t>m_rsk_gp_rate_l</t>
  </si>
  <si>
    <t>内臓脂肪症候群予備群者割合（％）　増減</t>
  </si>
  <si>
    <t>m_rsk_gp_rate_c</t>
  </si>
  <si>
    <t>高血圧症の治療に係る薬剤を服用している者の数（人）　今年度</t>
  </si>
  <si>
    <t>h_tnsn</t>
  </si>
  <si>
    <t>高血圧症の治療に係る薬剤を服用している者の数（人）　前年度</t>
  </si>
  <si>
    <t>h_tnsn_l</t>
  </si>
  <si>
    <t>高血圧症の治療に係る薬剤を服用している者の数（人）　増減</t>
  </si>
  <si>
    <t>h_tnsn_c</t>
  </si>
  <si>
    <t>高血圧症の治療に係る薬剤を服用している者の割合（％）　今年度</t>
  </si>
  <si>
    <t>h_tnsn_rate</t>
  </si>
  <si>
    <t>高血圧症の治療に係る薬剤を服用している者の割合（％）　前年度</t>
  </si>
  <si>
    <t>h_tnsn_rate_l</t>
  </si>
  <si>
    <t>高血圧症の治療に係る薬剤を服用している者の割合（％）　増減</t>
  </si>
  <si>
    <t>h_tnsn_rate_c</t>
  </si>
  <si>
    <t>脂質異常症の治療に係る薬剤を服用している者の数（人）　今年度</t>
  </si>
  <si>
    <t>clst</t>
  </si>
  <si>
    <t>脂質異常症の治療に係る薬剤を服用している者の数（人）　前年度</t>
  </si>
  <si>
    <t>clst_l</t>
  </si>
  <si>
    <t>脂質異常症の治療に係る薬剤を服用している者の数（人）　増減</t>
  </si>
  <si>
    <t>clst_c</t>
  </si>
  <si>
    <t>脂質異常症の治療に係る薬剤を服用している者の割合（％）　今年度</t>
  </si>
  <si>
    <t>clst_rate</t>
  </si>
  <si>
    <t>脂質異常症の治療に係る薬剤を服用している者の割合（％）　前年度</t>
  </si>
  <si>
    <t>clst_rate_l</t>
  </si>
  <si>
    <t>脂質異常症の治療に係る薬剤を服用している者の割合（％）　増減</t>
  </si>
  <si>
    <t>clst_rate_c</t>
  </si>
  <si>
    <t>糖尿病の治療に係る薬剤を服用している者の数（人）　今年度</t>
  </si>
  <si>
    <t>insln</t>
  </si>
  <si>
    <t>糖尿病の治療に係る薬剤を服用している者の数（人）　前年度</t>
  </si>
  <si>
    <t>insln_l</t>
  </si>
  <si>
    <t>糖尿病の治療に係る薬剤を服用している者の数（人）　増減</t>
  </si>
  <si>
    <t>insln_c</t>
  </si>
  <si>
    <t>糖尿病の治療に係る薬剤を服用している者の割合（％）　今年度</t>
  </si>
  <si>
    <t>insln_rate</t>
  </si>
  <si>
    <t>糖尿病の治療に係る薬剤を服用している者の割合（％）　前年度</t>
  </si>
  <si>
    <t>insln_rate_l</t>
  </si>
  <si>
    <t>糖尿病の治療に係る薬剤を服用している者の割合（％）　増減</t>
  </si>
  <si>
    <t>insln_rate_c</t>
  </si>
  <si>
    <t>昨年度の内臓脂肪症候群該当者の数（人）　今年度</t>
  </si>
  <si>
    <t>hrg_sjt_ly</t>
  </si>
  <si>
    <t>昨年度の内臓脂肪症候群該当者の数（人）　前年度</t>
  </si>
  <si>
    <t>hrg_sjt_ly_l</t>
  </si>
  <si>
    <t>昨年度の内臓脂肪症候群該当者の数（人）　増減</t>
  </si>
  <si>
    <t>hrg_sjt_ly_c</t>
  </si>
  <si>
    <t>昨年度の内臓脂肪症候群該当者の数のうち、今年度の内臓脂肪症候群予備群の数（人）　今年度</t>
  </si>
  <si>
    <t>hrg_mv_to_mrsk_gp</t>
  </si>
  <si>
    <t>昨年度の内臓脂肪症候群該当者の数のうち、今年度の内臓脂肪症候群予備群の数（人）　前年度</t>
  </si>
  <si>
    <t>hrg_mv_to_mrsk_gp_l</t>
  </si>
  <si>
    <t>昨年度の内臓脂肪症候群該当者の数のうち、今年度の内臓脂肪症候群予備群の数（人）　増減</t>
  </si>
  <si>
    <t>hrg_mv_to_mrsk_gp_c</t>
  </si>
  <si>
    <t>昨年度の内臓脂肪症候群該当者の数のうち、今年度の内臓脂肪症候群予備群の割合（％）　今年度</t>
  </si>
  <si>
    <t>hrg_mv_to_mrsk_gp_rate</t>
  </si>
  <si>
    <t>昨年度の内臓脂肪症候群該当者の数のうち、今年度の内臓脂肪症候群予備群の割合（％）　前年度</t>
  </si>
  <si>
    <t>hrg_mv_to_mrsk_gp_rate_l</t>
  </si>
  <si>
    <t>昨年度の内臓脂肪症候群該当者の数のうち、今年度の内臓脂肪症候群予備群の割合（％）　増減</t>
  </si>
  <si>
    <t>hrg_mv_to_mrsk_gp_rate_c</t>
  </si>
  <si>
    <t>昨年度の内臓脂肪症候群該当者の数のうち、今年度の内臓脂肪症候群該当者・予備群ではなくなった者の数（人）　今年度</t>
  </si>
  <si>
    <t>hrg_mv_to_nrsl_gp</t>
  </si>
  <si>
    <t>昨年度の内臓脂肪症候群該当者の数のうち、今年度の内臓脂肪症候群該当者・予備群ではなくなった者の数（人）　前年度</t>
  </si>
  <si>
    <t>hrg_mv_to_nrsl_gp_l</t>
  </si>
  <si>
    <t>昨年度の内臓脂肪症候群該当者の数のうち、今年度の内臓脂肪症候群該当者・予備群ではなくなった者の数（人）　増減</t>
  </si>
  <si>
    <t>hrg_mv_to_nrsl_gp_c</t>
  </si>
  <si>
    <t>昨年度の内臓脂肪症候群該当者の数のうち、今年度の内臓脂肪症候群該当者・予備群ではなくなった者の割合（％）　今年度</t>
  </si>
  <si>
    <t>hrg_mv_to_nrsl_gp_rate</t>
  </si>
  <si>
    <t>昨年度の内臓脂肪症候群該当者の数のうち、今年度の内臓脂肪症候群該当者・予備群ではなくなった者の割合（％）　前年度</t>
  </si>
  <si>
    <t>hrg_mv_to_nrsl_gp_rate_l</t>
  </si>
  <si>
    <t>昨年度の内臓脂肪症候群該当者の数のうち、今年度の内臓脂肪症候群該当者・予備群ではなくなった者の割合（％）　増減</t>
  </si>
  <si>
    <t>hrg_mv_to_nrsl_gp_rate_c</t>
  </si>
  <si>
    <t>内臓脂肪症候群該当者の減少率　今年度</t>
  </si>
  <si>
    <t>hrg_rdc_rate</t>
  </si>
  <si>
    <t>内臓脂肪症候群該当者の減少率　前年度</t>
  </si>
  <si>
    <t>hrg_rdc_rate_l</t>
  </si>
  <si>
    <t>内臓脂肪症候群該当者の減少率　増減</t>
  </si>
  <si>
    <t>hrg_rdc_rate_c</t>
  </si>
  <si>
    <t>昨年度の内臓脂肪症候群予備群の数（人）　今年度</t>
  </si>
  <si>
    <t>mrg_mrsk_gp_ly</t>
  </si>
  <si>
    <t>昨年度の内臓脂肪症候群予備群の数（人）　前年度</t>
  </si>
  <si>
    <t>mrg_mrsk_gp_ly_l</t>
  </si>
  <si>
    <t>昨年度の内臓脂肪症候群予備群の数（人）　増減</t>
  </si>
  <si>
    <t>mrg_mrsk_gp_ly_c</t>
  </si>
  <si>
    <t>昨年度の内臓脂肪症候群予備群の数のうち、今年度の内臓脂肪症候群該当者・予備群ではなくなった者の数（人）　今年度</t>
  </si>
  <si>
    <t>mrg_mv_to_nrg</t>
  </si>
  <si>
    <t>昨年度の内臓脂肪症候群予備群の数のうち、今年度の内臓脂肪症候群該当者・予備群ではなくなった者の数（人）　前年度</t>
  </si>
  <si>
    <t>mrg_mv_to_nrg_l</t>
  </si>
  <si>
    <t>昨年度の内臓脂肪症候群予備群の数のうち、今年度の内臓脂肪症候群該当者・予備群ではなくなった者の数（人）　増減</t>
  </si>
  <si>
    <t>mrg_mv_to_nrg_c</t>
  </si>
  <si>
    <t>昨年度の内臓脂肪症候群予備群の数のうち、今年度の内臓脂肪症候群該当者・予備群ではなくなった者の割合（％）　今年度</t>
  </si>
  <si>
    <t>mrg_mv_to_nrg_rate</t>
  </si>
  <si>
    <t>昨年度の内臓脂肪症候群予備群の数のうち、今年度の内臓脂肪症候群該当者・予備群ではなくなった者の割合（％）　前年度</t>
  </si>
  <si>
    <t>mrg_mv_to_nrg_rate_l</t>
  </si>
  <si>
    <t>昨年度の内臓脂肪症候群予備群の数のうち、今年度の内臓脂肪症候群該当者・予備群ではなくなった者の割合（％）　増減</t>
  </si>
  <si>
    <t>mrg_mv_to_nrg_rate_c</t>
  </si>
  <si>
    <t>昨年度の特定保健指導の対象者数（人）　今年度</t>
  </si>
  <si>
    <t>th_sjt_ly</t>
  </si>
  <si>
    <t>昨年度の特定保健指導の対象者数（人）　前年度</t>
  </si>
  <si>
    <t>th_sjt_ly_l</t>
  </si>
  <si>
    <t>昨年度の特定保健指導の対象者数（人）　増減</t>
  </si>
  <si>
    <t>th_sjt_ly_c</t>
  </si>
  <si>
    <t>昨年度の特定保健指導の対象者数のうち、今年度は特定保健指導対象ではなくなった者の数（人）　今年度</t>
  </si>
  <si>
    <t>th_mv_to_ngg</t>
  </si>
  <si>
    <t>昨年度の特定保健指導の対象者数のうち、今年度は特定保健指導対象ではなくなった者の数（人）　前年度</t>
  </si>
  <si>
    <t>th_mv_to_ngg_l</t>
  </si>
  <si>
    <t>昨年度の特定保健指導の対象者数のうち、今年度は特定保健指導対象ではなくなった者の数（人）　増減</t>
  </si>
  <si>
    <t>th_mv_to_ngg_c</t>
  </si>
  <si>
    <t>特定保健指導対象者の減少率（％）　今年度</t>
  </si>
  <si>
    <t>th_mv_to_ngg_rate</t>
  </si>
  <si>
    <t>特定保健指導対象者の減少率（％）　前年度</t>
  </si>
  <si>
    <t>th_mv_to_ngg_rate_l</t>
  </si>
  <si>
    <t>特定保健指導対象者の減少率（％）　増減</t>
  </si>
  <si>
    <t>th_mv_to_ngg_rate_c</t>
  </si>
  <si>
    <t>昨年度の特定保健指導の利用者数（人）　今年度</t>
  </si>
  <si>
    <t>th_usr_ly</t>
  </si>
  <si>
    <t>昨年度の特定保健指導の利用者数（人）　前年度</t>
  </si>
  <si>
    <t>th_usr_ly_l</t>
  </si>
  <si>
    <t>昨年度の特定保健指導の利用者数（人）　増減</t>
  </si>
  <si>
    <t>th_usr_ly_c</t>
  </si>
  <si>
    <t>昨年度の特定保健指導の利用者数のうち、今年度は特定保健指導の対象ではなくなった者の数（人）　今年度</t>
  </si>
  <si>
    <t>th_mv_to_ngg_ly</t>
  </si>
  <si>
    <t>昨年度の特定保健指導の利用者数のうち、今年度は特定保健指導の対象ではなくなった者の数（人）　前年度</t>
  </si>
  <si>
    <t>th_mv_to_ngg_ly_l</t>
  </si>
  <si>
    <t>昨年度の特定保健指導の利用者数のうち、今年度は特定保健指導の対象ではなくなった者の数（人）　増減</t>
  </si>
  <si>
    <t>th_mv_to_ngg_ly_c</t>
  </si>
  <si>
    <t>特定保健指導による特定保健指導対象者の減少率（％）　今年度</t>
  </si>
  <si>
    <t>th_rdct_usr_rate</t>
  </si>
  <si>
    <t>特定保健指導による特定保健指導対象者の減少率（％）　前年度</t>
  </si>
  <si>
    <t>th_rdct_usr_rate_l</t>
  </si>
  <si>
    <t>特定保健指導による特定保健指導対象者の減少率（％）　増減</t>
  </si>
  <si>
    <t>th_rdct_usr_rate_c</t>
  </si>
  <si>
    <t>特定保健指導（積極的支援）の対象者数（人）　今年度</t>
  </si>
  <si>
    <t>th_as_sjt</t>
  </si>
  <si>
    <t>特定保健指導（積極的支援）の対象者数（人）　前年度</t>
  </si>
  <si>
    <t>th_as_sjt_l</t>
  </si>
  <si>
    <t>特定保健指導（積極的支援）の対象者数（人）　増減</t>
  </si>
  <si>
    <t>th_as_sjt_c</t>
  </si>
  <si>
    <t>特定保健指導（積極的支援）の対象者の割合（％）　今年度</t>
  </si>
  <si>
    <t>th_as_sjt_rate</t>
  </si>
  <si>
    <t>特定保健指導（積極的支援）の対象者の割合（％）　前年度</t>
  </si>
  <si>
    <t>th_as_sjt_rate_l</t>
  </si>
  <si>
    <t>特定保健指導（積極的支援）の対象者の割合（％）　増減</t>
  </si>
  <si>
    <t>th_as_sjt_rate_c</t>
  </si>
  <si>
    <t>服薬中のため特定保健指導（積極的支援）の対象者から除外した者の数　今年度</t>
  </si>
  <si>
    <t>th_as_sjt_excd</t>
  </si>
  <si>
    <t>服薬中のため特定保健指導（積極的支援）の対象者から除外した者の数　前年度</t>
  </si>
  <si>
    <t>th_as_sjt_excd_l</t>
  </si>
  <si>
    <t>服薬中のため特定保健指導（積極的支援）の対象者から除外した者の数　増減</t>
  </si>
  <si>
    <t>th_as_sjt_excd_c</t>
  </si>
  <si>
    <t>特定保健指導（積極的支援）の利用者数（人）　今年度</t>
  </si>
  <si>
    <t>th_as_usr</t>
  </si>
  <si>
    <t>特定保健指導（積極的支援）の利用者数（人）　前年度</t>
  </si>
  <si>
    <t>th_as_usr_l</t>
  </si>
  <si>
    <t>特定保健指導（積極的支援）の利用者数（人）　増減</t>
  </si>
  <si>
    <t>th_as_usr_c</t>
  </si>
  <si>
    <t>特定保健指導（積極的支援）の利用者の割合（％）　今年度</t>
  </si>
  <si>
    <t>th_as_usr_rate</t>
  </si>
  <si>
    <t>特定保健指導（積極的支援）の利用者の割合（％）　前年度</t>
  </si>
  <si>
    <t>th_as_usr_rate_l</t>
  </si>
  <si>
    <t>特定保健指導（積極的支援）の利用者の割合（％）　増減</t>
  </si>
  <si>
    <t>th_as_usr_rate_c</t>
  </si>
  <si>
    <t>特定保健指導（積極的支援）の終了者数（人）　今年度</t>
  </si>
  <si>
    <t>th_as_usr_cmp</t>
  </si>
  <si>
    <t>特定保健指導（積極的支援）の終了者数（人）　前年度</t>
  </si>
  <si>
    <t>th_as_usr_cmp_l</t>
  </si>
  <si>
    <t>特定保健指導（積極的支援）の終了者数（人）　増減</t>
  </si>
  <si>
    <t>th_as_usr_cmp_c</t>
  </si>
  <si>
    <t>特定保健指導（積極的支援）の終了者の割合（％）　今年度</t>
  </si>
  <si>
    <t>th_as_usr_cmp_rate</t>
  </si>
  <si>
    <t>特定保健指導（積極的支援）の終了者の割合（％）　前年度</t>
  </si>
  <si>
    <t>th_as_usr_cmp_rate_l</t>
  </si>
  <si>
    <t>特定保健指導（積極的支援）の終了者の割合（％）　増減</t>
  </si>
  <si>
    <t>th_as_usr_cmp_rate_c</t>
  </si>
  <si>
    <t>特定保健指導（動機付け支援）の対象者数（人）　今年度</t>
  </si>
  <si>
    <t>th_ms_sjt</t>
  </si>
  <si>
    <t>特定保健指導（動機付け支援）の対象者数（人）　前年度</t>
  </si>
  <si>
    <t>th_ms_sjt_l</t>
  </si>
  <si>
    <t>特定保健指導（動機付け支援）の対象者数（人）　増減</t>
  </si>
  <si>
    <t>th_ms_sjt_c</t>
  </si>
  <si>
    <t>特定保健指導（動機付け支援）の対象者の割合（％）　今年度</t>
  </si>
  <si>
    <t>th_ms_sjt_rate</t>
  </si>
  <si>
    <t>特定保健指導（動機付け支援）の対象者の割合（％）　前年度</t>
  </si>
  <si>
    <t>th_ms_sjt_rate_l</t>
  </si>
  <si>
    <t>特定保健指導（動機付け支援）の対象者の割合（％）　増減</t>
  </si>
  <si>
    <t>th_ms_sjt_rate_c</t>
  </si>
  <si>
    <t>服薬中のため特定保健指導（動機付け支援）の対象者から除外した者の数　今年度</t>
  </si>
  <si>
    <t>th_ms_sjt_excd</t>
  </si>
  <si>
    <t>服薬中のため特定保健指導（動機付け支援）の対象者から除外した者の数　前年度</t>
  </si>
  <si>
    <t>th_ms_sjt_excd_l</t>
  </si>
  <si>
    <t>服薬中のため特定保健指導（動機付け支援）の対象者から除外した者の数　増減</t>
  </si>
  <si>
    <t>th_ms_sjt_excd_c</t>
  </si>
  <si>
    <t>特定保健指導（動機付け支援）の利用者数（人）　今年度</t>
  </si>
  <si>
    <t>th_ms_usr</t>
  </si>
  <si>
    <t>特定保健指導（動機付け支援）の利用者数（人）　前年度</t>
  </si>
  <si>
    <t>th_ms_usr_l</t>
  </si>
  <si>
    <t>特定保健指導（動機付け支援）の利用者数（人）　増減</t>
  </si>
  <si>
    <t>th_ms_usr_c</t>
  </si>
  <si>
    <t>特定保健指導（動機付け支援）の利用者の割合（％）　今年度</t>
  </si>
  <si>
    <t>th_ms_usr_rate</t>
  </si>
  <si>
    <t>特定保健指導（動機付け支援）の利用者の割合（％）　前年度</t>
  </si>
  <si>
    <t>th_ms_usr_rate_l</t>
  </si>
  <si>
    <t>特定保健指導（動機付け支援）の利用者の割合（％）　増減</t>
  </si>
  <si>
    <t>th_ms_usr_rate_c</t>
  </si>
  <si>
    <t>特定保健指導（動機付け支援）の終了者数（人）　今年度</t>
  </si>
  <si>
    <t>th_ms_usr_cmp</t>
  </si>
  <si>
    <t>特定保健指導（動機付け支援）の終了者数（人）　前年度</t>
  </si>
  <si>
    <t>th_ms_usr_cmp_l</t>
  </si>
  <si>
    <t>特定保健指導（動機付け支援）の終了者数（人）　増減</t>
  </si>
  <si>
    <t>th_ms_usr_cmp_c</t>
  </si>
  <si>
    <t>特定保健指導（動機付け支援）の終了者の割合（％）　今年度</t>
  </si>
  <si>
    <t>th_ms_usr_cmp_rate</t>
  </si>
  <si>
    <t>特定保健指導（動機付け支援）の終了者の割合（％）　前年度</t>
  </si>
  <si>
    <t>th_ms_usr_cmp_rate_l</t>
  </si>
  <si>
    <t>特定保健指導（動機付け支援）の終了者の割合（％）　増減</t>
  </si>
  <si>
    <t>th_ms_usr_cmp_rate_c</t>
  </si>
  <si>
    <t>特定保健指導の対象者数（小計）（人）　今年度</t>
  </si>
  <si>
    <t>th_sttl_sjt</t>
  </si>
  <si>
    <t>特定保健指導の対象者数（小計）（人）　前年度</t>
  </si>
  <si>
    <t>th_sttl_sjt_l</t>
  </si>
  <si>
    <t>特定保健指導の対象者数（小計）（人）　増減</t>
  </si>
  <si>
    <t>th_sttl_sjt_c</t>
  </si>
  <si>
    <t>特定保健指導の終了者数（小計）（人）　今年度</t>
  </si>
  <si>
    <t>th_sttl_ucmp</t>
  </si>
  <si>
    <t>特定保健指導の終了者数（小計）（人）　前年度</t>
  </si>
  <si>
    <t>th_sttl_ucmp_l</t>
  </si>
  <si>
    <t>特定保健指導の終了者数（小計）（人）　増減</t>
  </si>
  <si>
    <t>th_sttl_ucmp_c</t>
  </si>
  <si>
    <t>特定保健指導の終了者（小計）の割合（％）　今年度</t>
  </si>
  <si>
    <t>th_sttl_ucmp_rate</t>
  </si>
  <si>
    <t>特定保健指導の終了者（小計）の割合（％）　前年度</t>
  </si>
  <si>
    <t>th_sttl_ucmp_rate_l</t>
  </si>
  <si>
    <t>特定保健指導の終了者（小計）の割合（％）　増減</t>
  </si>
  <si>
    <t>th_sttl_ucmp_rate_c</t>
  </si>
  <si>
    <t>実施年度</t>
    <rPh sb="0" eb="4">
      <t>ジッシネンド</t>
    </rPh>
    <phoneticPr fontId="7"/>
  </si>
  <si>
    <t>jisshi_nendo</t>
  </si>
  <si>
    <t>特定保健指導（動機付け支援相当）の利用者数（人）　今年度</t>
    <rPh sb="7" eb="10">
      <t>ドウキヅ</t>
    </rPh>
    <rPh sb="11" eb="13">
      <t>シエン</t>
    </rPh>
    <rPh sb="13" eb="15">
      <t>ソウトウ</t>
    </rPh>
    <phoneticPr fontId="1"/>
  </si>
  <si>
    <t>th_ms_equ_usr</t>
  </si>
  <si>
    <t>特定保健指導（動機付け支援相当）の利用者数（人）　前年度</t>
    <rPh sb="7" eb="10">
      <t>ドウキヅ</t>
    </rPh>
    <rPh sb="11" eb="13">
      <t>シエン</t>
    </rPh>
    <rPh sb="13" eb="15">
      <t>ソウトウ</t>
    </rPh>
    <phoneticPr fontId="1"/>
  </si>
  <si>
    <t>th_ms_equ_usr_l</t>
  </si>
  <si>
    <t>特定保健指導（動機付け支援相当）の利用者数（人）　増減</t>
    <rPh sb="7" eb="10">
      <t>ドウキヅ</t>
    </rPh>
    <rPh sb="11" eb="13">
      <t>シエン</t>
    </rPh>
    <rPh sb="13" eb="15">
      <t>ソウトウ</t>
    </rPh>
    <phoneticPr fontId="1"/>
  </si>
  <si>
    <t>th_ms_equ_usr_c</t>
  </si>
  <si>
    <t>特定保健指導（モデル実施）の利用者数（人）　今年度</t>
    <rPh sb="10" eb="12">
      <t>ジッシ</t>
    </rPh>
    <phoneticPr fontId="1"/>
  </si>
  <si>
    <t>th_mdl_usr</t>
  </si>
  <si>
    <t>特定保健指導（モデル実施）の利用者数（人）　前年度</t>
  </si>
  <si>
    <t>th_mdl_usr_l</t>
  </si>
  <si>
    <t>特定保健指導（モデル実施）の利用者数（人）　増減</t>
  </si>
  <si>
    <t>th_mdl_usr_c</t>
  </si>
  <si>
    <t>特定保健指導（動機付け支援相当）の終了者数（人）　今年度</t>
    <rPh sb="7" eb="10">
      <t>ドウキヅ</t>
    </rPh>
    <rPh sb="11" eb="13">
      <t>シエン</t>
    </rPh>
    <rPh sb="13" eb="15">
      <t>ソウトウ</t>
    </rPh>
    <phoneticPr fontId="1"/>
  </si>
  <si>
    <t>th_ms_equ_cmp</t>
  </si>
  <si>
    <t>特定保健指導（動機付け支援相当）の終了者数（人）　前年度</t>
  </si>
  <si>
    <t>th_ms_equ_cmp_l</t>
  </si>
  <si>
    <t>特定保健指導（動機付け支援相当）の終了者数（人）　増減</t>
  </si>
  <si>
    <t>th_ms_equ_cmp_c</t>
  </si>
  <si>
    <t>特定保健指導（モデル実施）の終了者数（人）　今年度</t>
    <rPh sb="10" eb="12">
      <t>ジッシ</t>
    </rPh>
    <phoneticPr fontId="1"/>
  </si>
  <si>
    <t>th_mdl_cmp</t>
  </si>
  <si>
    <t>特定保健指導（モデル実施）の終了者数（人）　前年度</t>
  </si>
  <si>
    <t>th_mdl_cmp_l</t>
  </si>
  <si>
    <t>特定保健指導（モデル実施）の終了者数（人）　増減</t>
  </si>
  <si>
    <t>th_mdl_cmp_c</t>
  </si>
  <si>
    <t>【目的別DB】医科基本</t>
    <rPh sb="1" eb="3">
      <t>モクテキ</t>
    </rPh>
    <rPh sb="3" eb="4">
      <t>ベツ</t>
    </rPh>
    <rPh sb="7" eb="9">
      <t>イカ</t>
    </rPh>
    <rPh sb="9" eb="11">
      <t>キホン</t>
    </rPh>
    <phoneticPr fontId="24"/>
  </si>
  <si>
    <t>直近</t>
    <rPh sb="0" eb="2">
      <t>チョッキン</t>
    </rPh>
    <phoneticPr fontId="24"/>
  </si>
  <si>
    <t>か月分</t>
    <rPh sb="1" eb="2">
      <t>ゲツ</t>
    </rPh>
    <rPh sb="2" eb="3">
      <t>ブン</t>
    </rPh>
    <phoneticPr fontId="24"/>
  </si>
  <si>
    <t>※直近2年分のみ</t>
    <phoneticPr fontId="24"/>
  </si>
  <si>
    <t>レセプト通番</t>
    <phoneticPr fontId="7"/>
  </si>
  <si>
    <t>レセプト管理番号</t>
    <rPh sb="4" eb="6">
      <t>カンリ</t>
    </rPh>
    <rPh sb="6" eb="8">
      <t>バンゴウ</t>
    </rPh>
    <phoneticPr fontId="7"/>
  </si>
  <si>
    <t>保険医療機関の所在地</t>
    <rPh sb="0" eb="2">
      <t>ホケン</t>
    </rPh>
    <rPh sb="2" eb="4">
      <t>イリョウ</t>
    </rPh>
    <rPh sb="4" eb="6">
      <t>キカン</t>
    </rPh>
    <rPh sb="7" eb="10">
      <t>ショザイチ</t>
    </rPh>
    <phoneticPr fontId="7"/>
  </si>
  <si>
    <t>年齢</t>
    <rPh sb="0" eb="2">
      <t>ネンレイ</t>
    </rPh>
    <phoneticPr fontId="7"/>
  </si>
  <si>
    <t>年齢階層コード１</t>
    <rPh sb="0" eb="2">
      <t>ネンレイ</t>
    </rPh>
    <rPh sb="2" eb="4">
      <t>カイソウ</t>
    </rPh>
    <phoneticPr fontId="7"/>
  </si>
  <si>
    <t>年齢階層１</t>
  </si>
  <si>
    <t>age_hier1</t>
  </si>
  <si>
    <t>年齢階層コード２</t>
    <rPh sb="0" eb="2">
      <t>ネンレイ</t>
    </rPh>
    <rPh sb="2" eb="4">
      <t>カイソウ</t>
    </rPh>
    <phoneticPr fontId="7"/>
  </si>
  <si>
    <t>年齢階層２</t>
  </si>
  <si>
    <t>age_hier2</t>
  </si>
  <si>
    <t>満年齢階層コード１</t>
    <rPh sb="0" eb="3">
      <t>マンネンレイ</t>
    </rPh>
    <rPh sb="3" eb="5">
      <t>カイソウ</t>
    </rPh>
    <phoneticPr fontId="7"/>
  </si>
  <si>
    <t>満年齢階層１</t>
  </si>
  <si>
    <t>last_birth_age_hier1</t>
  </si>
  <si>
    <t>満年齢階層コード２</t>
    <rPh sb="0" eb="3">
      <t>マンネンレイ</t>
    </rPh>
    <rPh sb="3" eb="5">
      <t>カイソウ</t>
    </rPh>
    <phoneticPr fontId="7"/>
  </si>
  <si>
    <t>満年齢階層２</t>
  </si>
  <si>
    <t>last_birth_age_hier2</t>
  </si>
  <si>
    <t>男女区分名称</t>
    <rPh sb="4" eb="6">
      <t>メイショウ</t>
    </rPh>
    <phoneticPr fontId="7"/>
  </si>
  <si>
    <t>sex_div_name</t>
  </si>
  <si>
    <t>月齢</t>
    <rPh sb="0" eb="2">
      <t>ゲツレイ</t>
    </rPh>
    <phoneticPr fontId="7"/>
  </si>
  <si>
    <t>getsurei</t>
  </si>
  <si>
    <t>病棟区分名称</t>
    <rPh sb="4" eb="6">
      <t>メイショウ</t>
    </rPh>
    <phoneticPr fontId="7"/>
  </si>
  <si>
    <t>ward_div_name</t>
  </si>
  <si>
    <t>病棟区分１</t>
  </si>
  <si>
    <t>ward_div1</t>
  </si>
  <si>
    <t>病棟区分２</t>
  </si>
  <si>
    <t>ward_div2</t>
  </si>
  <si>
    <t>病棟区分３</t>
  </si>
  <si>
    <t>ward_div3</t>
  </si>
  <si>
    <t>病棟区分４</t>
  </si>
  <si>
    <t>ward_div4</t>
  </si>
  <si>
    <t>一部負担金・食事療養費・生活療養費標準負担額区分名称</t>
    <rPh sb="0" eb="2">
      <t>イチブ</t>
    </rPh>
    <rPh sb="2" eb="5">
      <t>フタンキン</t>
    </rPh>
    <rPh sb="6" eb="8">
      <t>ショクジ</t>
    </rPh>
    <rPh sb="8" eb="11">
      <t>リョウヨウヒ</t>
    </rPh>
    <rPh sb="12" eb="14">
      <t>セイカツ</t>
    </rPh>
    <rPh sb="14" eb="17">
      <t>リョウヨウヒ</t>
    </rPh>
    <rPh sb="17" eb="19">
      <t>ヒョウジュン</t>
    </rPh>
    <rPh sb="19" eb="21">
      <t>フタン</t>
    </rPh>
    <rPh sb="21" eb="22">
      <t>ガク</t>
    </rPh>
    <rPh sb="22" eb="24">
      <t>クブン</t>
    </rPh>
    <rPh sb="24" eb="26">
      <t>メイショウ</t>
    </rPh>
    <phoneticPr fontId="7"/>
  </si>
  <si>
    <t>stand_burd_div_name</t>
  </si>
  <si>
    <t>予備（旧診療科）</t>
  </si>
  <si>
    <t>予備（旧診療科名称）</t>
    <rPh sb="0" eb="2">
      <t>ヨビ</t>
    </rPh>
    <rPh sb="3" eb="4">
      <t>キュウ</t>
    </rPh>
    <rPh sb="4" eb="7">
      <t>シンリョウカ</t>
    </rPh>
    <rPh sb="7" eb="9">
      <t>メイショウ</t>
    </rPh>
    <phoneticPr fontId="7"/>
  </si>
  <si>
    <t>indi_prac_dept_name</t>
  </si>
  <si>
    <t>予備</t>
    <rPh sb="0" eb="2">
      <t>ヨビ</t>
    </rPh>
    <phoneticPr fontId="7"/>
  </si>
  <si>
    <t>診療科１・診療科名</t>
  </si>
  <si>
    <t>診療科１・診療科名名称</t>
    <rPh sb="9" eb="11">
      <t>メイショウ</t>
    </rPh>
    <phoneticPr fontId="7"/>
  </si>
  <si>
    <t>prac1_name_name</t>
  </si>
  <si>
    <t>診療科１・人体の部位等</t>
  </si>
  <si>
    <t>診療科１・人体の部位等名称</t>
    <rPh sb="11" eb="13">
      <t>メイショウ</t>
    </rPh>
    <phoneticPr fontId="7"/>
  </si>
  <si>
    <t>prac1_body_part_name</t>
  </si>
  <si>
    <t>診療科１・性別等</t>
  </si>
  <si>
    <t>診療科１・性別等名称</t>
    <rPh sb="8" eb="10">
      <t>メイショウ</t>
    </rPh>
    <phoneticPr fontId="7"/>
  </si>
  <si>
    <t>prac1_sex_name</t>
  </si>
  <si>
    <t>診療科１・医学的処置</t>
  </si>
  <si>
    <t>診療科１・医学的処置名称</t>
    <rPh sb="10" eb="12">
      <t>メイショウ</t>
    </rPh>
    <phoneticPr fontId="7"/>
  </si>
  <si>
    <t>prac1_medi_treat_name</t>
  </si>
  <si>
    <t>診療科１・特定疾病</t>
  </si>
  <si>
    <t>診療科１・特定疾病名称</t>
    <rPh sb="9" eb="11">
      <t>メイショウ</t>
    </rPh>
    <phoneticPr fontId="7"/>
  </si>
  <si>
    <t>prac1_spcfc_dise_name</t>
  </si>
  <si>
    <t>診療科２・診療科名</t>
  </si>
  <si>
    <t>診療科２・診療科名名称</t>
    <rPh sb="9" eb="11">
      <t>メイショウ</t>
    </rPh>
    <phoneticPr fontId="7"/>
  </si>
  <si>
    <t>prac2_name_name</t>
  </si>
  <si>
    <t>診療科２・人体の部位等</t>
  </si>
  <si>
    <t>診療科２・人体の部位等名称</t>
    <rPh sb="11" eb="13">
      <t>メイショウ</t>
    </rPh>
    <phoneticPr fontId="7"/>
  </si>
  <si>
    <t>prac2_body_part_name</t>
  </si>
  <si>
    <t>診療科２・性別等</t>
  </si>
  <si>
    <t>診療科２・性別等名称</t>
    <rPh sb="8" eb="10">
      <t>メイショウ</t>
    </rPh>
    <phoneticPr fontId="7"/>
  </si>
  <si>
    <t>prac2_sex_name</t>
  </si>
  <si>
    <t>診療科２・医学的処置</t>
  </si>
  <si>
    <t>診療科２・医学的処置名称</t>
    <rPh sb="10" eb="12">
      <t>メイショウ</t>
    </rPh>
    <phoneticPr fontId="7"/>
  </si>
  <si>
    <t>prac2_medi_treat_name</t>
  </si>
  <si>
    <t>診療科２・特定疾病</t>
  </si>
  <si>
    <t>診療科２・特定疾病名称</t>
    <rPh sb="9" eb="11">
      <t>メイショウ</t>
    </rPh>
    <phoneticPr fontId="7"/>
  </si>
  <si>
    <t>prac2_spcfc_dise_name</t>
  </si>
  <si>
    <t>診療科３・診療科名</t>
  </si>
  <si>
    <t>診療科３・診療科名名称</t>
    <rPh sb="9" eb="11">
      <t>メイショウ</t>
    </rPh>
    <phoneticPr fontId="7"/>
  </si>
  <si>
    <t>prac3_name_name</t>
  </si>
  <si>
    <t>診療科３・人体の部位等</t>
  </si>
  <si>
    <t>診療科３・人体の部位等名称</t>
    <rPh sb="11" eb="13">
      <t>メイショウ</t>
    </rPh>
    <phoneticPr fontId="7"/>
  </si>
  <si>
    <t>prac3_body_part_name</t>
  </si>
  <si>
    <t>診療科３・性別等</t>
  </si>
  <si>
    <t>診療科３・性別等名称</t>
    <rPh sb="8" eb="10">
      <t>メイショウ</t>
    </rPh>
    <phoneticPr fontId="7"/>
  </si>
  <si>
    <t>prac3_sex_name</t>
  </si>
  <si>
    <t>診療科３・医学的処置</t>
  </si>
  <si>
    <t>診療科３・医学的処置名称</t>
    <rPh sb="10" eb="12">
      <t>メイショウ</t>
    </rPh>
    <phoneticPr fontId="7"/>
  </si>
  <si>
    <t>prac3_medi_treat_name</t>
  </si>
  <si>
    <t>診療科３・特定疾病</t>
  </si>
  <si>
    <t>診療科３・特定疾病名称</t>
    <rPh sb="9" eb="11">
      <t>メイショウ</t>
    </rPh>
    <phoneticPr fontId="7"/>
  </si>
  <si>
    <t>prac3_spcfc_dise_name</t>
  </si>
  <si>
    <t>都道府県名</t>
    <rPh sb="0" eb="4">
      <t>トドウフケン</t>
    </rPh>
    <rPh sb="4" eb="5">
      <t>メイ</t>
    </rPh>
    <phoneticPr fontId="7"/>
  </si>
  <si>
    <t>tdfk_name</t>
  </si>
  <si>
    <t>都道府県人口</t>
    <rPh sb="0" eb="4">
      <t>トドウフケン</t>
    </rPh>
    <rPh sb="4" eb="6">
      <t>ジンコウ</t>
    </rPh>
    <phoneticPr fontId="7"/>
  </si>
  <si>
    <t>tdfk_jinkou</t>
  </si>
  <si>
    <t>bigint</t>
  </si>
  <si>
    <t>医療機関コード（匿名化後）</t>
  </si>
  <si>
    <t>予備（診療科コード）</t>
    <phoneticPr fontId="7"/>
  </si>
  <si>
    <t>診療科名称</t>
    <rPh sb="3" eb="5">
      <t>メイショウ</t>
    </rPh>
    <phoneticPr fontId="7"/>
  </si>
  <si>
    <t>prac_dept_name</t>
  </si>
  <si>
    <t>二次医療圏コード</t>
  </si>
  <si>
    <t>scnd_medi_area_cd</t>
  </si>
  <si>
    <t>二次医療圏名</t>
    <rPh sb="5" eb="6">
      <t>メイ</t>
    </rPh>
    <phoneticPr fontId="7"/>
  </si>
  <si>
    <t>scnd_medi_area_name</t>
  </si>
  <si>
    <t>二次医療圏人口</t>
    <rPh sb="0" eb="2">
      <t>ニジ</t>
    </rPh>
    <rPh sb="2" eb="4">
      <t>イリョウ</t>
    </rPh>
    <rPh sb="4" eb="5">
      <t>ケン</t>
    </rPh>
    <rPh sb="5" eb="7">
      <t>ジンコウ</t>
    </rPh>
    <phoneticPr fontId="7"/>
  </si>
  <si>
    <t>scnd_medi_area_jinkou</t>
  </si>
  <si>
    <t>主傷病コード</t>
    <rPh sb="0" eb="1">
      <t>シュ</t>
    </rPh>
    <rPh sb="1" eb="3">
      <t>ショウビョウ</t>
    </rPh>
    <phoneticPr fontId="7"/>
  </si>
  <si>
    <t>main_skwd_cd</t>
  </si>
  <si>
    <t>一退老区分</t>
    <rPh sb="1" eb="2">
      <t>タイ</t>
    </rPh>
    <rPh sb="2" eb="3">
      <t>ロウ</t>
    </rPh>
    <rPh sb="3" eb="5">
      <t>クブン</t>
    </rPh>
    <phoneticPr fontId="7"/>
  </si>
  <si>
    <t>ichitairo_div</t>
  </si>
  <si>
    <t>職務上の事由名称</t>
    <rPh sb="6" eb="8">
      <t>メイショウ</t>
    </rPh>
    <phoneticPr fontId="7"/>
  </si>
  <si>
    <t>reason_duty_name</t>
  </si>
  <si>
    <t>減免区分（負担金額）名称</t>
    <rPh sb="10" eb="12">
      <t>メイショウ</t>
    </rPh>
    <phoneticPr fontId="7"/>
  </si>
  <si>
    <t>rdct_tax_div_name</t>
  </si>
  <si>
    <t>【目的別DB】DPC基本</t>
    <rPh sb="1" eb="3">
      <t>モクテキ</t>
    </rPh>
    <rPh sb="3" eb="4">
      <t>ベツ</t>
    </rPh>
    <rPh sb="10" eb="12">
      <t>キホン</t>
    </rPh>
    <phoneticPr fontId="24"/>
  </si>
  <si>
    <t>保険医療機関の所在地</t>
    <phoneticPr fontId="7"/>
  </si>
  <si>
    <t>予備（旧診療科）</t>
    <rPh sb="0" eb="2">
      <t>ヨビ</t>
    </rPh>
    <rPh sb="3" eb="4">
      <t>キュウ</t>
    </rPh>
    <rPh sb="4" eb="7">
      <t>シンリョウカ</t>
    </rPh>
    <phoneticPr fontId="7"/>
  </si>
  <si>
    <t>レセプト総括区分名称</t>
    <rPh sb="8" eb="10">
      <t>メイショウ</t>
    </rPh>
    <phoneticPr fontId="7"/>
  </si>
  <si>
    <t>rcpt_gnrlz_div_name</t>
  </si>
  <si>
    <t>予備（診療科コード）</t>
  </si>
  <si>
    <t>【目的別DB】歯科基本</t>
    <rPh sb="1" eb="3">
      <t>モクテキ</t>
    </rPh>
    <rPh sb="3" eb="4">
      <t>ベツ</t>
    </rPh>
    <rPh sb="7" eb="9">
      <t>シカ</t>
    </rPh>
    <rPh sb="9" eb="11">
      <t>キホン</t>
    </rPh>
    <phoneticPr fontId="24"/>
  </si>
  <si>
    <t>診察開始日</t>
    <rPh sb="0" eb="2">
      <t>シンサツ</t>
    </rPh>
    <rPh sb="2" eb="5">
      <t>カイシビ</t>
    </rPh>
    <phoneticPr fontId="7"/>
  </si>
  <si>
    <t>転帰区分</t>
    <rPh sb="0" eb="2">
      <t>テンキ</t>
    </rPh>
    <rPh sb="2" eb="4">
      <t>クブン</t>
    </rPh>
    <phoneticPr fontId="7"/>
  </si>
  <si>
    <t>転帰区分名称</t>
    <rPh sb="4" eb="6">
      <t>メイショウ</t>
    </rPh>
    <phoneticPr fontId="7"/>
  </si>
  <si>
    <t>outcm_div_name</t>
  </si>
  <si>
    <t>請求情報2</t>
  </si>
  <si>
    <t>届出</t>
    <rPh sb="0" eb="2">
      <t>トドケデ</t>
    </rPh>
    <phoneticPr fontId="7"/>
  </si>
  <si>
    <t>【目的別DB】調剤基本</t>
    <rPh sb="1" eb="3">
      <t>モクテキ</t>
    </rPh>
    <rPh sb="3" eb="4">
      <t>ベツ</t>
    </rPh>
    <rPh sb="7" eb="9">
      <t>チョウザイ</t>
    </rPh>
    <rPh sb="9" eb="11">
      <t>キホン</t>
    </rPh>
    <phoneticPr fontId="24"/>
  </si>
  <si>
    <t>integer</t>
    <phoneticPr fontId="24"/>
  </si>
  <si>
    <t>調剤年月</t>
    <rPh sb="0" eb="2">
      <t>チョウザイ</t>
    </rPh>
    <phoneticPr fontId="7"/>
  </si>
  <si>
    <t>都道府県（医療機関名称・所在地）</t>
    <rPh sb="5" eb="7">
      <t>イリョウ</t>
    </rPh>
    <rPh sb="7" eb="9">
      <t>キカン</t>
    </rPh>
    <rPh sb="9" eb="11">
      <t>メイショウ</t>
    </rPh>
    <rPh sb="12" eb="15">
      <t>ショザイチ</t>
    </rPh>
    <phoneticPr fontId="7"/>
  </si>
  <si>
    <t>tdfk_ik</t>
  </si>
  <si>
    <t>都道府県（医療機関名称・所在地）名称</t>
    <rPh sb="5" eb="7">
      <t>イリョウ</t>
    </rPh>
    <rPh sb="7" eb="9">
      <t>キカン</t>
    </rPh>
    <rPh sb="9" eb="11">
      <t>メイショウ</t>
    </rPh>
    <rPh sb="12" eb="15">
      <t>ショザイチ</t>
    </rPh>
    <rPh sb="16" eb="18">
      <t>メイショウ</t>
    </rPh>
    <phoneticPr fontId="7"/>
  </si>
  <si>
    <t>tdfk_name_ik</t>
  </si>
  <si>
    <t>score_list_ik</t>
  </si>
  <si>
    <t>医療機関（医療機関名称・所在地）（匿名化後）</t>
    <rPh sb="0" eb="2">
      <t>イリョウ</t>
    </rPh>
    <rPh sb="2" eb="4">
      <t>キカン</t>
    </rPh>
    <rPh sb="5" eb="7">
      <t>イリョウ</t>
    </rPh>
    <rPh sb="7" eb="9">
      <t>キカン</t>
    </rPh>
    <rPh sb="9" eb="11">
      <t>メイショウ</t>
    </rPh>
    <rPh sb="12" eb="15">
      <t>ショザイチ</t>
    </rPh>
    <rPh sb="17" eb="19">
      <t>トクメイ</t>
    </rPh>
    <rPh sb="19" eb="20">
      <t>カ</t>
    </rPh>
    <rPh sb="20" eb="21">
      <t>ゴ</t>
    </rPh>
    <phoneticPr fontId="7"/>
  </si>
  <si>
    <t>medi_inst_ik</t>
  </si>
  <si>
    <t>英数</t>
    <phoneticPr fontId="24"/>
  </si>
  <si>
    <t>調剤薬局コード（匿名化後）</t>
  </si>
  <si>
    <t>処方せん受付回数</t>
  </si>
  <si>
    <t>一部負担金</t>
    <rPh sb="0" eb="2">
      <t>イチブ</t>
    </rPh>
    <rPh sb="2" eb="5">
      <t>フタンキン</t>
    </rPh>
    <phoneticPr fontId="7"/>
  </si>
  <si>
    <t>第三者提供テンプレート（抽出）</t>
    <phoneticPr fontId="24"/>
  </si>
  <si>
    <t>【目的別DB】特定健診</t>
    <rPh sb="7" eb="9">
      <t>トクテイ</t>
    </rPh>
    <rPh sb="9" eb="11">
      <t>ケンシン</t>
    </rPh>
    <phoneticPr fontId="24"/>
  </si>
  <si>
    <t>※全年分</t>
    <rPh sb="1" eb="2">
      <t>ゼン</t>
    </rPh>
    <rPh sb="2" eb="4">
      <t>ネンブン</t>
    </rPh>
    <phoneticPr fontId="24"/>
  </si>
  <si>
    <t>通番１</t>
    <rPh sb="0" eb="1">
      <t>ツウ</t>
    </rPh>
    <rPh sb="1" eb="2">
      <t>バン</t>
    </rPh>
    <phoneticPr fontId="7"/>
  </si>
  <si>
    <t>bigint</t>
    <phoneticPr fontId="24"/>
  </si>
  <si>
    <t>受診者・性別名</t>
    <rPh sb="0" eb="3">
      <t>ジュシンシャ</t>
    </rPh>
    <rPh sb="4" eb="6">
      <t>セイベツ</t>
    </rPh>
    <rPh sb="6" eb="7">
      <t>メイ</t>
    </rPh>
    <phoneticPr fontId="7"/>
  </si>
  <si>
    <t>testee_sex_name</t>
  </si>
  <si>
    <t>※提供不可</t>
    <rPh sb="1" eb="5">
      <t>テイキョウフカ</t>
    </rPh>
    <phoneticPr fontId="24"/>
  </si>
  <si>
    <t>健診実施年月</t>
    <rPh sb="0" eb="2">
      <t>ケンシン</t>
    </rPh>
    <rPh sb="2" eb="4">
      <t>ジッシ</t>
    </rPh>
    <rPh sb="4" eb="6">
      <t>ネンゲツ</t>
    </rPh>
    <phoneticPr fontId="7"/>
  </si>
  <si>
    <t>mee_ym</t>
  </si>
  <si>
    <t>健診実施年度</t>
    <rPh sb="0" eb="2">
      <t>ケンシン</t>
    </rPh>
    <rPh sb="2" eb="4">
      <t>ジッシ</t>
    </rPh>
    <rPh sb="4" eb="6">
      <t>ネンド</t>
    </rPh>
    <phoneticPr fontId="7"/>
  </si>
  <si>
    <t>身長</t>
    <rPh sb="0" eb="2">
      <t>シンチョウ</t>
    </rPh>
    <phoneticPr fontId="7"/>
  </si>
  <si>
    <t>height</t>
  </si>
  <si>
    <t>体重</t>
  </si>
  <si>
    <t>weight</t>
  </si>
  <si>
    <t>ＢＭＩ</t>
  </si>
  <si>
    <t>bmi</t>
  </si>
  <si>
    <t>内臓脂肪面積</t>
  </si>
  <si>
    <t>naizo_shibo_menseki</t>
  </si>
  <si>
    <t>腹囲(実測）</t>
  </si>
  <si>
    <t>fukui_jissoku</t>
  </si>
  <si>
    <t>腹囲(自己判定）</t>
  </si>
  <si>
    <t>fukui_jiko_hantei</t>
  </si>
  <si>
    <t>腹囲(自己申告）</t>
  </si>
  <si>
    <t>fukui_jiko_shinkoku</t>
  </si>
  <si>
    <t>既往歴</t>
  </si>
  <si>
    <t>kioureki</t>
  </si>
  <si>
    <t>（具体的な既往歴）</t>
  </si>
  <si>
    <t>detail_kioureki</t>
  </si>
  <si>
    <t>自覚症状</t>
  </si>
  <si>
    <t>jikaku_shojyo</t>
  </si>
  <si>
    <t>自覚症状（所見）</t>
  </si>
  <si>
    <t>jikaku_shojyo_shoken</t>
  </si>
  <si>
    <t>他覚症状</t>
  </si>
  <si>
    <t>takaku_shojyo</t>
  </si>
  <si>
    <t>他覚症状（所見）</t>
  </si>
  <si>
    <t>takaku_shojyo_shoken</t>
  </si>
  <si>
    <t>収縮期血圧（その他）</t>
  </si>
  <si>
    <t>shushuku_ketsuatsu_sonota</t>
  </si>
  <si>
    <t>収縮期血圧（２回目）</t>
  </si>
  <si>
    <t>shushuku_ketsuatsu_second</t>
  </si>
  <si>
    <t>収縮期血圧（１回目）</t>
  </si>
  <si>
    <t>shushuku_ketsuatsu_first</t>
  </si>
  <si>
    <t>拡張期血圧（その他）</t>
  </si>
  <si>
    <t>kakucho_ketsuatsu_sonota</t>
  </si>
  <si>
    <t>拡張期血圧（２回目）</t>
  </si>
  <si>
    <t>kakucho_ketsuatsu_second</t>
  </si>
  <si>
    <t>拡張期血圧（１回目）</t>
  </si>
  <si>
    <t>kakucho_ketsuatsu_first</t>
  </si>
  <si>
    <t>心拍数</t>
  </si>
  <si>
    <t>shinpakusu</t>
  </si>
  <si>
    <t>採血時間（食後）</t>
  </si>
  <si>
    <t>saiketsujikan_shokugo</t>
  </si>
  <si>
    <t>総コレステロール（可視吸光光度法）</t>
    <rPh sb="0" eb="1">
      <t>ソウ</t>
    </rPh>
    <rPh sb="9" eb="11">
      <t>カシ</t>
    </rPh>
    <rPh sb="11" eb="13">
      <t>キュウコウ</t>
    </rPh>
    <phoneticPr fontId="7"/>
  </si>
  <si>
    <t>cholesterol_kashi</t>
  </si>
  <si>
    <t>総コレステロール（紫外吸光光度法）</t>
    <rPh sb="9" eb="11">
      <t>シガイ</t>
    </rPh>
    <rPh sb="11" eb="13">
      <t>キュウコウ</t>
    </rPh>
    <phoneticPr fontId="7"/>
  </si>
  <si>
    <t>cholesterol_shigaisen</t>
  </si>
  <si>
    <t>総コレステロール（その他）</t>
    <rPh sb="11" eb="12">
      <t>タ</t>
    </rPh>
    <phoneticPr fontId="7"/>
  </si>
  <si>
    <t>cholesterol_sonota</t>
  </si>
  <si>
    <t>中性脂肪（トリグリセリド）（可視吸光光度法）</t>
    <rPh sb="14" eb="16">
      <t>カシ</t>
    </rPh>
    <rPh sb="16" eb="18">
      <t>キュウコウ</t>
    </rPh>
    <phoneticPr fontId="7"/>
  </si>
  <si>
    <t>chusei_kashi</t>
  </si>
  <si>
    <t>中性脂肪（トリグリセリド）（紫外吸光光度法）</t>
    <rPh sb="14" eb="16">
      <t>シガイ</t>
    </rPh>
    <rPh sb="16" eb="18">
      <t>キュウコウ</t>
    </rPh>
    <phoneticPr fontId="7"/>
  </si>
  <si>
    <t>chusei_shigaisen</t>
  </si>
  <si>
    <t>中性脂肪（トリグリセリド）（その他）</t>
    <rPh sb="16" eb="17">
      <t>タ</t>
    </rPh>
    <phoneticPr fontId="7"/>
  </si>
  <si>
    <t>chusei_sonota</t>
  </si>
  <si>
    <t>ＨＤＬコレステロール（可視吸光光度法）</t>
  </si>
  <si>
    <t>hdl_kashi</t>
  </si>
  <si>
    <t>ＨＤＬコレステロール（紫外吸光光度法）</t>
  </si>
  <si>
    <t>hdl_shigai</t>
  </si>
  <si>
    <t>ＨＤＬコレステロール（その他）</t>
  </si>
  <si>
    <t>hdl_sonota</t>
  </si>
  <si>
    <t>ＬＤＬコレステロール（可視吸光光度法）</t>
  </si>
  <si>
    <t>ldl_kashi</t>
  </si>
  <si>
    <t>ＬＤＬコレステロール（紫外吸光光度法）</t>
  </si>
  <si>
    <t>ldl_shigai</t>
  </si>
  <si>
    <t>ＬＤＬコレステロール（その他）</t>
  </si>
  <si>
    <t>ldl_sonota</t>
  </si>
  <si>
    <t>総ビリルビン（可視吸光光度法）</t>
  </si>
  <si>
    <t>bilirubin_kashi</t>
  </si>
  <si>
    <t>総ビリルビン（その他）</t>
  </si>
  <si>
    <t>bilirubin_sonota</t>
  </si>
  <si>
    <t>GOT（ＡＳＴ）（紫外吸光光度法）</t>
  </si>
  <si>
    <t>got_shigai</t>
  </si>
  <si>
    <t>GOT（ＡＳＴ）（その他）</t>
  </si>
  <si>
    <t>got_sonota</t>
  </si>
  <si>
    <t>GPT（ＡＬＴ）（紫外吸光光度法）</t>
  </si>
  <si>
    <t>gpt_shigai</t>
  </si>
  <si>
    <t>GPT（ＡＬＴ）（その他）</t>
  </si>
  <si>
    <t>gpt_sonota</t>
  </si>
  <si>
    <t>γ-GT(γ-GTP)（可視吸光光度法）</t>
  </si>
  <si>
    <t>gamma_gt_kashi</t>
  </si>
  <si>
    <t>γ-GT(γ-GTP)（その他）</t>
  </si>
  <si>
    <t>gamma_gt_sonota</t>
  </si>
  <si>
    <t>空腹時血糖（電位差法）</t>
    <rPh sb="6" eb="9">
      <t>デンイサ</t>
    </rPh>
    <rPh sb="9" eb="10">
      <t>ホウ</t>
    </rPh>
    <phoneticPr fontId="7"/>
  </si>
  <si>
    <t>kuhuku_kettou_deni</t>
  </si>
  <si>
    <t>空腹時血糖（可視吸光光度法）</t>
  </si>
  <si>
    <t>kuhuku_kettou_kashi</t>
  </si>
  <si>
    <t>空腹時血糖（紫外吸光光度法）</t>
    <rPh sb="10" eb="12">
      <t>コウド</t>
    </rPh>
    <rPh sb="12" eb="13">
      <t>ホウ</t>
    </rPh>
    <phoneticPr fontId="7"/>
  </si>
  <si>
    <t>kuhuku_kettou_shigai</t>
  </si>
  <si>
    <t>空腹時血糖（その他）</t>
    <rPh sb="8" eb="9">
      <t>タ</t>
    </rPh>
    <phoneticPr fontId="7"/>
  </si>
  <si>
    <t>kuhuku_kettou_sonota</t>
  </si>
  <si>
    <t>ＨｂＡ１ｃ（免疫学的方法）</t>
    <rPh sb="6" eb="10">
      <t>メンエキガクテキ</t>
    </rPh>
    <rPh sb="10" eb="12">
      <t>ホウホウ</t>
    </rPh>
    <phoneticPr fontId="7"/>
  </si>
  <si>
    <t>hba1c_meneki</t>
  </si>
  <si>
    <t>ＨｂＡ１ｃ（HPLC）</t>
  </si>
  <si>
    <t>hba1c_hplc</t>
  </si>
  <si>
    <t>ＨｂＡ１ｃ（酵素法）</t>
    <rPh sb="6" eb="8">
      <t>コウソ</t>
    </rPh>
    <rPh sb="8" eb="9">
      <t>ホウ</t>
    </rPh>
    <phoneticPr fontId="7"/>
  </si>
  <si>
    <t>hba1c_kouso</t>
  </si>
  <si>
    <t>ＨｂＡ１ｃ（その他）</t>
    <rPh sb="8" eb="9">
      <t>タ</t>
    </rPh>
    <phoneticPr fontId="7"/>
  </si>
  <si>
    <t>hba1c_sonota</t>
  </si>
  <si>
    <t>尿糖（機械読み取り）</t>
    <rPh sb="3" eb="5">
      <t>キカイ</t>
    </rPh>
    <rPh sb="5" eb="6">
      <t>ヨ</t>
    </rPh>
    <rPh sb="7" eb="8">
      <t>ト</t>
    </rPh>
    <phoneticPr fontId="7"/>
  </si>
  <si>
    <t>nyoutou_kikai</t>
  </si>
  <si>
    <t>尿糖（目視法）</t>
    <rPh sb="3" eb="5">
      <t>モクシ</t>
    </rPh>
    <rPh sb="5" eb="6">
      <t>ホウ</t>
    </rPh>
    <phoneticPr fontId="7"/>
  </si>
  <si>
    <t>nyoutou_mokushi</t>
  </si>
  <si>
    <t>尿蛋白（機械読み取り）</t>
  </si>
  <si>
    <t>nyoutanpaku_kikai</t>
  </si>
  <si>
    <t>尿蛋白（目視法）</t>
    <rPh sb="4" eb="6">
      <t>モクシ</t>
    </rPh>
    <rPh sb="6" eb="7">
      <t>ホウ</t>
    </rPh>
    <phoneticPr fontId="7"/>
  </si>
  <si>
    <t>nyoutanpaku_mokushi</t>
  </si>
  <si>
    <t>ヘマトクリット値</t>
  </si>
  <si>
    <t>hematocrit</t>
  </si>
  <si>
    <t>血色素量［ヘモグロビン値］</t>
  </si>
  <si>
    <t>hemoglobin</t>
  </si>
  <si>
    <t>赤血球数</t>
  </si>
  <si>
    <t>sekkekkyu</t>
  </si>
  <si>
    <t>貧血検査（実施理由）</t>
  </si>
  <si>
    <t>hinketsu_kensa_reason</t>
  </si>
  <si>
    <t>心電図（所見の有無）</t>
  </si>
  <si>
    <t>shindenzu_shoken_umu</t>
  </si>
  <si>
    <t>心電図（所見）</t>
  </si>
  <si>
    <t>shindenzu_shoken</t>
  </si>
  <si>
    <t>心電図（実施理由）</t>
  </si>
  <si>
    <t>shindenzu_reason</t>
  </si>
  <si>
    <t>眼底検査（キースワグナー分類）</t>
  </si>
  <si>
    <t>gantei_kensa_keith</t>
  </si>
  <si>
    <t>眼底検査（シェイエ分類：Ｈ）</t>
  </si>
  <si>
    <t>gantei_kensa_scheie_h</t>
  </si>
  <si>
    <t>眼底検査（シェイエ分類：Ｓ）</t>
  </si>
  <si>
    <t>gantei_kensa_scheie_s</t>
  </si>
  <si>
    <t>眼底検査（ＳＣＯＴＴ分類)</t>
  </si>
  <si>
    <t>gantei_kensa_scott</t>
  </si>
  <si>
    <t>眼底検査（その他の所見）</t>
  </si>
  <si>
    <t>gantei_kensa_sonota_shoken</t>
  </si>
  <si>
    <t>眼底検査（実施理由）</t>
  </si>
  <si>
    <t>gantei_kensa_reason</t>
  </si>
  <si>
    <t>メタボリックシンドローム判定</t>
  </si>
  <si>
    <t>metabolic_hantei</t>
  </si>
  <si>
    <t>保健指導レベル</t>
  </si>
  <si>
    <t>hokenshidou_level</t>
  </si>
  <si>
    <t>医師の診断（判定）</t>
  </si>
  <si>
    <t>doctor_hantei</t>
  </si>
  <si>
    <t>健康診断を実施した医師の氏名</t>
  </si>
  <si>
    <t>kenkou_shindan_doctor_name</t>
  </si>
  <si>
    <t>服薬１（血圧）</t>
  </si>
  <si>
    <t>hukuyaku1_ketsuatsu</t>
  </si>
  <si>
    <t>服薬１（薬剤）</t>
  </si>
  <si>
    <t>hukuyaku1_pharma</t>
  </si>
  <si>
    <t>服薬１（服薬理由）</t>
  </si>
  <si>
    <t>hukuyaku1_hukuyaku_reason</t>
  </si>
  <si>
    <t>服薬２（血糖）</t>
  </si>
  <si>
    <t>hukuyaku2_kettou</t>
  </si>
  <si>
    <t>服薬２（薬剤）</t>
  </si>
  <si>
    <t>hukuyaku2_pharma</t>
  </si>
  <si>
    <t>服薬２（服薬理由）</t>
  </si>
  <si>
    <t>hukuyaku2_hukuyaku_reason</t>
  </si>
  <si>
    <t>服薬３（脂質）</t>
  </si>
  <si>
    <t>hukuyaku3_shishitsu</t>
  </si>
  <si>
    <t>服薬３（薬剤）</t>
  </si>
  <si>
    <t>hukuyaku3_pharma</t>
  </si>
  <si>
    <t>服薬３（服薬理由）</t>
  </si>
  <si>
    <t>hukuyaku3_hukuyaku_reason</t>
  </si>
  <si>
    <t>既往歴１（脳血管）</t>
  </si>
  <si>
    <t>kioureki1_noukekkan</t>
  </si>
  <si>
    <t>既往歴２（心血管）</t>
  </si>
  <si>
    <t>kioureki2_shinkekkan</t>
  </si>
  <si>
    <t>既往歴３（腎不全・人工透析）</t>
  </si>
  <si>
    <t>kioureki3_jinhuzen_touseki</t>
  </si>
  <si>
    <t>貧血</t>
  </si>
  <si>
    <t>hinketsu</t>
  </si>
  <si>
    <t>喫煙</t>
  </si>
  <si>
    <t>kitsuen</t>
  </si>
  <si>
    <t>２０歳からの体重変化</t>
  </si>
  <si>
    <t>twenty_weight_henka</t>
  </si>
  <si>
    <t>３０分以上の運動習慣</t>
  </si>
  <si>
    <t>thirty_undou_shukan</t>
  </si>
  <si>
    <t>歩行又は身体活動</t>
  </si>
  <si>
    <t>hokou_shintai</t>
  </si>
  <si>
    <t>歩行速度</t>
  </si>
  <si>
    <t>hokou_sokudo</t>
  </si>
  <si>
    <t>1年間の体重変化</t>
  </si>
  <si>
    <t>one_year_taijyu_henka</t>
  </si>
  <si>
    <t>食べ方1（早食い等）</t>
  </si>
  <si>
    <t>tabekata1</t>
  </si>
  <si>
    <t>食べ方２（就寝前）</t>
  </si>
  <si>
    <t>tabekata2</t>
  </si>
  <si>
    <t>食べ方３（夜食/間食）</t>
  </si>
  <si>
    <t>tabekata3</t>
  </si>
  <si>
    <t>食習慣</t>
  </si>
  <si>
    <t>shokushukan</t>
  </si>
  <si>
    <t>飲酒</t>
  </si>
  <si>
    <t>inshu</t>
  </si>
  <si>
    <t>飲酒量</t>
  </si>
  <si>
    <t>insyuryo</t>
  </si>
  <si>
    <t>睡眠</t>
  </si>
  <si>
    <t>suimin</t>
  </si>
  <si>
    <t>生活習慣の改善</t>
  </si>
  <si>
    <t>seikatsushukan_kaizen</t>
  </si>
  <si>
    <t>保健指導の希望</t>
  </si>
  <si>
    <t>hokenshidou_kibou</t>
  </si>
  <si>
    <t>LDLコレステロール（4：計算法）</t>
  </si>
  <si>
    <t>ldl_calc</t>
  </si>
  <si>
    <t>non-HDLコレステロール</t>
  </si>
  <si>
    <t>non_hdl</t>
  </si>
  <si>
    <t xml:space="preserve">血清クレアチニン（1：可視吸光光度法(酵素法)） </t>
  </si>
  <si>
    <t>kessei_kashi</t>
  </si>
  <si>
    <t>血清クレアチニン （2：その他）</t>
  </si>
  <si>
    <t>kessei_sonota</t>
  </si>
  <si>
    <t>eGFR</t>
  </si>
  <si>
    <t>egfr</t>
  </si>
  <si>
    <t>血清クレアチニン（対象者）</t>
  </si>
  <si>
    <t>kessei_taishosya</t>
  </si>
  <si>
    <t>血清クレアチニン（実施理由）</t>
  </si>
  <si>
    <t>kessei_jisshiriyuu</t>
  </si>
  <si>
    <t>英数</t>
    <phoneticPr fontId="7"/>
  </si>
  <si>
    <t>-</t>
    <phoneticPr fontId="24"/>
  </si>
  <si>
    <t>随時血糖（1：電位差法(ブドウ糖酸化酵素電極法)）</t>
    <phoneticPr fontId="24"/>
  </si>
  <si>
    <t>zuijiketto_denni</t>
  </si>
  <si>
    <t xml:space="preserve">随時血糖（2：可視吸光光度法(ブドウ糖酸化酵素法)）  </t>
    <phoneticPr fontId="24"/>
  </si>
  <si>
    <t>zuijiketto_kashi</t>
  </si>
  <si>
    <t>随時血糖（3：紫外吸光光度法(ヘキソキナーゼ法、グルコキナーゼ法、ブドウ糖脱水素酵素法)）</t>
    <phoneticPr fontId="24"/>
  </si>
  <si>
    <t>zuijiketto_shigai</t>
  </si>
  <si>
    <t>随時血糖（4：その他）</t>
  </si>
  <si>
    <t>zuijiketto_sonota</t>
  </si>
  <si>
    <t>心電図(対象者）</t>
  </si>
  <si>
    <t>shindenzu_taishosya</t>
  </si>
  <si>
    <t>眼底検査（Wong-Mitchell分類）</t>
  </si>
  <si>
    <t>gantei_wong</t>
  </si>
  <si>
    <t>眼底検査（改変Davis分類）</t>
  </si>
  <si>
    <t>gantei_kaihen</t>
  </si>
  <si>
    <t>眼底検査（対象者）</t>
  </si>
  <si>
    <t>gantei_taishosya</t>
  </si>
  <si>
    <t>咀嚼</t>
  </si>
  <si>
    <t>sosyaku</t>
  </si>
  <si>
    <t>食べ方3(間食)</t>
  </si>
  <si>
    <t>tabekata_kanshoku</t>
  </si>
  <si>
    <t>情報提供の方法</t>
  </si>
  <si>
    <t>jouhou_teikyo</t>
  </si>
  <si>
    <t>初回面接実施</t>
  </si>
  <si>
    <t>syokaimensetsu_jissi</t>
  </si>
  <si>
    <t>保険者再確認服薬１（血圧）</t>
  </si>
  <si>
    <t>saikakunin_1</t>
  </si>
  <si>
    <t>保険者再確認服薬２（血糖）</t>
  </si>
  <si>
    <t>saikakunin_2</t>
  </si>
  <si>
    <t>保険者再確認服薬３（脂質）</t>
  </si>
  <si>
    <t>saikakunin_3</t>
  </si>
  <si>
    <t>審査月(請求月)</t>
    <rPh sb="0" eb="2">
      <t>シンサ</t>
    </rPh>
    <rPh sb="2" eb="3">
      <t>ツキ</t>
    </rPh>
    <rPh sb="4" eb="6">
      <t>セイキュウ</t>
    </rPh>
    <rPh sb="6" eb="7">
      <t>ツキ</t>
    </rPh>
    <phoneticPr fontId="23"/>
  </si>
  <si>
    <t>【目的別DB】特定保健指導</t>
    <rPh sb="7" eb="9">
      <t>トクテイ</t>
    </rPh>
    <rPh sb="9" eb="11">
      <t>ホケン</t>
    </rPh>
    <rPh sb="11" eb="13">
      <t>シドウ</t>
    </rPh>
    <phoneticPr fontId="24"/>
  </si>
  <si>
    <t>利用者・性別名</t>
    <rPh sb="0" eb="3">
      <t>リヨウシャ</t>
    </rPh>
    <rPh sb="4" eb="6">
      <t>セイベツ</t>
    </rPh>
    <rPh sb="6" eb="7">
      <t>メイ</t>
    </rPh>
    <phoneticPr fontId="7"/>
  </si>
  <si>
    <t>user_sex_name</t>
  </si>
  <si>
    <t>保健指導実施年月</t>
    <rPh sb="0" eb="2">
      <t>ホケン</t>
    </rPh>
    <rPh sb="2" eb="4">
      <t>シドウ</t>
    </rPh>
    <rPh sb="4" eb="6">
      <t>ジッシ</t>
    </rPh>
    <rPh sb="6" eb="8">
      <t>ネンゲツ</t>
    </rPh>
    <phoneticPr fontId="7"/>
  </si>
  <si>
    <t>hge_ym</t>
  </si>
  <si>
    <t>保健指導実施年度</t>
    <rPh sb="0" eb="2">
      <t>ホケン</t>
    </rPh>
    <rPh sb="2" eb="4">
      <t>シドウ</t>
    </rPh>
    <rPh sb="4" eb="6">
      <t>ジッシ</t>
    </rPh>
    <rPh sb="6" eb="8">
      <t>ネンド</t>
    </rPh>
    <phoneticPr fontId="7"/>
  </si>
  <si>
    <t>保健指導プログラム名</t>
    <rPh sb="0" eb="2">
      <t>ホケン</t>
    </rPh>
    <rPh sb="2" eb="4">
      <t>シドウ</t>
    </rPh>
    <rPh sb="9" eb="10">
      <t>メイ</t>
    </rPh>
    <phoneticPr fontId="7"/>
  </si>
  <si>
    <t>支援レベル</t>
  </si>
  <si>
    <t>shien_level</t>
  </si>
  <si>
    <t>行動変容ステージ</t>
  </si>
  <si>
    <t>kodou_henyou_stage</t>
  </si>
  <si>
    <t>初回面接の実施日付</t>
  </si>
  <si>
    <t>shokai_mensetsu_date</t>
  </si>
  <si>
    <t>初回面接による支援の支援形態</t>
  </si>
  <si>
    <t>shokai_mensetsu_keitai</t>
  </si>
  <si>
    <t>初回面接の実施時間</t>
  </si>
  <si>
    <t>shokai_mensetsu_time</t>
  </si>
  <si>
    <t>初回面接の実施者</t>
  </si>
  <si>
    <t>shokai_mensetsu_jisshisha</t>
  </si>
  <si>
    <t>継続的支援予定期間</t>
  </si>
  <si>
    <t>keizoku_shien_yotei_kikan</t>
  </si>
  <si>
    <t>目標腹囲</t>
  </si>
  <si>
    <t>mokuhyou_hukui</t>
  </si>
  <si>
    <t>目標体重</t>
  </si>
  <si>
    <t>mokuhyou_weight</t>
  </si>
  <si>
    <t>目標収縮期血圧</t>
  </si>
  <si>
    <t>mokuhyou_shushuku_ketsuatsu</t>
  </si>
  <si>
    <t>目標拡張期血圧</t>
  </si>
  <si>
    <t>mokuhyou_kakuchou_ketsuatsu</t>
  </si>
  <si>
    <t>一日の削減目標エネルギー量</t>
  </si>
  <si>
    <t>oneday_sakugen_m_energy</t>
  </si>
  <si>
    <t>一日の運動による目標エネルギー量</t>
  </si>
  <si>
    <t>oneday_undou_m_energy</t>
  </si>
  <si>
    <t>一日の食事による目標エネルギー量</t>
  </si>
  <si>
    <t>oneday_shokuji_m_energy</t>
  </si>
  <si>
    <t>中間評価の実施日付</t>
  </si>
  <si>
    <t>chukan_date</t>
  </si>
  <si>
    <t>中間評価の支援形態</t>
  </si>
  <si>
    <t>chukan_shien_keitai</t>
  </si>
  <si>
    <t>中間評価の実施時間</t>
  </si>
  <si>
    <t>chukan_time</t>
  </si>
  <si>
    <t>中間評価の実施ポイント</t>
  </si>
  <si>
    <t>chukan_point</t>
  </si>
  <si>
    <t>中間評価の実施者</t>
  </si>
  <si>
    <t>chukan_jisshisha</t>
  </si>
  <si>
    <t>中間評価時の腹囲</t>
  </si>
  <si>
    <t>chukan_hukui</t>
  </si>
  <si>
    <t>中間評価時の体重</t>
  </si>
  <si>
    <t>chukan_weight</t>
  </si>
  <si>
    <t>中間評価時の収縮期血圧</t>
  </si>
  <si>
    <t>chukan_shushuku_ketsuatsu</t>
  </si>
  <si>
    <t>中間評価時の拡張期血圧</t>
  </si>
  <si>
    <t>chukan_kakucho_ketsuatsu</t>
  </si>
  <si>
    <t>中間評価時の生活習慣の改善（栄養・食生活）</t>
    <phoneticPr fontId="24"/>
  </si>
  <si>
    <t>chukan_s_kaizen_eiyou</t>
  </si>
  <si>
    <t>中間評価時の生活習慣の改善（身体活動）</t>
  </si>
  <si>
    <t>chukan_s_kaizen_shintai</t>
  </si>
  <si>
    <t>中間評価時の生活習慣の改善（喫煙）</t>
  </si>
  <si>
    <t>chukan_s_kaizen_kitsuen</t>
  </si>
  <si>
    <t>支援Ａ①の実施日付</t>
  </si>
  <si>
    <t>shien_a_1_date</t>
  </si>
  <si>
    <t>支援Ａ①の支援形態</t>
  </si>
  <si>
    <t>shien_a_1_shien_keitai</t>
  </si>
  <si>
    <t>支援Ａ①の実施時間</t>
  </si>
  <si>
    <t>shien_a_1_time</t>
  </si>
  <si>
    <t>支援Ａ①の実施ポイント</t>
  </si>
  <si>
    <t>shien_a_1_point</t>
  </si>
  <si>
    <t>支援Ａ①の実施者</t>
  </si>
  <si>
    <t>shien_a_1_jisshisha</t>
  </si>
  <si>
    <t>支援Ａ②の実施日付</t>
  </si>
  <si>
    <t>shien_a_2_date</t>
  </si>
  <si>
    <t>支援Ａ②の支援形態</t>
  </si>
  <si>
    <t>shien_a_2_shien_keitai</t>
  </si>
  <si>
    <t>支援Ａ②の実施時間</t>
  </si>
  <si>
    <t>shien_a_2_time</t>
  </si>
  <si>
    <t>支援Ａ②の実施ポイント</t>
  </si>
  <si>
    <t>shien_a_2_point</t>
  </si>
  <si>
    <t>支援Ａ②の実施者</t>
  </si>
  <si>
    <t>shien_a_2_jisshisha</t>
  </si>
  <si>
    <t>支援Ａ③の実施日付</t>
  </si>
  <si>
    <t>shien_a_3_date</t>
  </si>
  <si>
    <t>支援Ａ③の支援形態</t>
  </si>
  <si>
    <t>shien_a_3_shien_keitai</t>
  </si>
  <si>
    <t>支援Ａ③の実施時間</t>
  </si>
  <si>
    <t>shien_a_3_time</t>
  </si>
  <si>
    <t>支援Ａ③の実施ポイント</t>
  </si>
  <si>
    <t>shien_a_3_point</t>
  </si>
  <si>
    <t>支援Ａ③の実施者</t>
  </si>
  <si>
    <t>shien_a_3_jisshisha</t>
  </si>
  <si>
    <t>支援Ａ④の実施日付</t>
  </si>
  <si>
    <t>shien_a_4_date</t>
  </si>
  <si>
    <t>支援Ａ④の支援形態</t>
  </si>
  <si>
    <t>shien_a_4_shien_keitai</t>
  </si>
  <si>
    <t>支援Ａ④の実施時間</t>
  </si>
  <si>
    <t>shien_a_4_time</t>
  </si>
  <si>
    <t>支援Ａ④の実施ポイント</t>
  </si>
  <si>
    <t>shien_a_4_point</t>
  </si>
  <si>
    <t>支援Ａ④の実施者</t>
  </si>
  <si>
    <t>shien_a_4_jisshisha</t>
  </si>
  <si>
    <t>支援Ａ⑤の実施日付</t>
  </si>
  <si>
    <t>shien_a_5_date</t>
  </si>
  <si>
    <t>支援Ａ⑤の支援形態</t>
  </si>
  <si>
    <t>shien_a_5_shien_keitai</t>
  </si>
  <si>
    <t>支援Ａ⑤の実施時間</t>
  </si>
  <si>
    <t>shien_a_5_time</t>
  </si>
  <si>
    <t>支援Ａ⑤の実施ポイント</t>
  </si>
  <si>
    <t>shien_a_5_point</t>
  </si>
  <si>
    <t>支援Ａ⑤の実施者</t>
  </si>
  <si>
    <t>shien_a_5_jisshisha</t>
  </si>
  <si>
    <t>支援Ａ⑥の実施日付</t>
  </si>
  <si>
    <t>shien_a_6_date</t>
  </si>
  <si>
    <t>支援Ａ⑥の支援形態</t>
  </si>
  <si>
    <t>shien_a_6_shien_keitai</t>
  </si>
  <si>
    <t>支援Ａ⑥の実施時間</t>
  </si>
  <si>
    <t>shien_a_6_time</t>
  </si>
  <si>
    <t>支援Ａ⑥の実施ポイント</t>
  </si>
  <si>
    <t>shien_a_6_point</t>
  </si>
  <si>
    <t>支援Ａ⑥の実施者</t>
  </si>
  <si>
    <t>shien_a_6_jisshisha</t>
  </si>
  <si>
    <t>支援Ｂ①の実施日付</t>
  </si>
  <si>
    <t>shien_b_1_date</t>
  </si>
  <si>
    <t>支援Ｂ①の支援形態</t>
  </si>
  <si>
    <t>shien_b_1_shien_keitai</t>
  </si>
  <si>
    <t>支援Ｂ①の実施時間</t>
  </si>
  <si>
    <t>shien_b_1_time</t>
  </si>
  <si>
    <t>支援Ｂ①の実施ポイント</t>
  </si>
  <si>
    <t>shien_b_1_point</t>
  </si>
  <si>
    <t>支援Ｂ①の実施者</t>
  </si>
  <si>
    <t>shien_b_1_jisshisha</t>
  </si>
  <si>
    <t>支援Ｂ②の実施日付</t>
  </si>
  <si>
    <t>shien_b_2_date</t>
  </si>
  <si>
    <t>支援Ｂ②の支援形態</t>
  </si>
  <si>
    <t>shien_b_2_shien_keitai</t>
  </si>
  <si>
    <t>支援Ｂ②の実施時間</t>
  </si>
  <si>
    <t>shien_b_2_time</t>
  </si>
  <si>
    <t>支援Ｂ②の実施ポイント</t>
  </si>
  <si>
    <t>shien_b_2_point</t>
  </si>
  <si>
    <t>支援Ｂ②の実施者</t>
  </si>
  <si>
    <t>shien_b_2_jisshisha</t>
  </si>
  <si>
    <t>支援Ｂ③の実施日付</t>
  </si>
  <si>
    <t>shien_b_3_date</t>
  </si>
  <si>
    <t>支援Ｂ③の支援形態</t>
  </si>
  <si>
    <t>shien_b_3_shien_keitai</t>
  </si>
  <si>
    <t>支援Ｂ③の実施時間</t>
  </si>
  <si>
    <t>shien_b_3_time</t>
  </si>
  <si>
    <t>支援Ｂ③の実施ポイント</t>
  </si>
  <si>
    <t>shien_b_3_point</t>
  </si>
  <si>
    <t>支援Ｂ③の実施者</t>
  </si>
  <si>
    <t>shien_b_3_jisshisha</t>
  </si>
  <si>
    <t>支援Ｂ④の実施日付</t>
  </si>
  <si>
    <t>shien_b_4_date</t>
  </si>
  <si>
    <t>支援Ｂ④の支援形態</t>
  </si>
  <si>
    <t>shien_b_4_shien_keitai</t>
  </si>
  <si>
    <t>支援Ｂ④の実施時間</t>
  </si>
  <si>
    <t>shien_b_4_time</t>
  </si>
  <si>
    <t>支援Ｂ④の実施ポイント</t>
  </si>
  <si>
    <t>shien_b_4_point</t>
  </si>
  <si>
    <t>支援Ｂ④の実施者</t>
  </si>
  <si>
    <t>shien_b_4_jisshisha</t>
  </si>
  <si>
    <t>３ヶ月後の評価の実施日付
(６ヶ月後の評価の実施日付)</t>
  </si>
  <si>
    <t>six_month_h_date</t>
  </si>
  <si>
    <t>３ヶ月後の評価の実施日付
(６ヶ月後の評価の支援形態又は確認方法)</t>
  </si>
  <si>
    <t>six_month_h_shien_kakunin</t>
  </si>
  <si>
    <t>３ヶ月後の評価の実施者
（６ヶ月後の評価の実施者）</t>
  </si>
  <si>
    <t>six_month_h_jisshisha</t>
  </si>
  <si>
    <t>３ヶ月後の評価ができない場合の確認回数
（６ヶ月後の評価ができない場合の確認回数）</t>
    <phoneticPr fontId="24"/>
  </si>
  <si>
    <t>six_month_h_not_kakunin</t>
  </si>
  <si>
    <t>３ヶ月後の評価時の腹囲
（６ヶ月後の評価時の腹囲）</t>
    <phoneticPr fontId="24"/>
  </si>
  <si>
    <t>six_month_h_hukui</t>
  </si>
  <si>
    <t>３ヶ月後の評価時の体重
（６ヶ月後の評価時の体重）</t>
    <phoneticPr fontId="24"/>
  </si>
  <si>
    <t>six_month_h_weight</t>
  </si>
  <si>
    <t>３ヶ月後の評価時の収縮期血圧
（６ヶ月後の評価時の収縮期血圧）</t>
    <phoneticPr fontId="24"/>
  </si>
  <si>
    <t>six_month_h_shushuku_ketsuatsu</t>
  </si>
  <si>
    <t>３ヶ月後の評価時の拡張期血圧
（６ヶ月後の評価時の拡張期血圧）</t>
    <phoneticPr fontId="24"/>
  </si>
  <si>
    <t>six_month_h_kakuchou_ketsuatsu</t>
  </si>
  <si>
    <t>３ヶ月後の評価時の保健指導による生活習慣の改善（栄養・食生活）
（６ヶ月後の評価時の保健指導による生活習慣の改善（栄養・食生活））</t>
    <phoneticPr fontId="24"/>
  </si>
  <si>
    <t>six_month_h_hoken_eiyou</t>
  </si>
  <si>
    <t>３ヶ月後の評価時の保健指導による生活習慣の改善（身体活動）
（６ヶ月後の評価時の保健指導による生活習慣の改善（身体活動））</t>
    <phoneticPr fontId="24"/>
  </si>
  <si>
    <t>six_month_h_hoken_shintai</t>
  </si>
  <si>
    <t>３ヶ月後の評価時の保健指導による生活習慣の改善（喫煙）
（６ヶ月後の評価時の保健指導による生活習慣の改善（喫煙））</t>
    <phoneticPr fontId="24"/>
  </si>
  <si>
    <t>six_month_h_hoken_kitsuen</t>
  </si>
  <si>
    <t>計画上の継続的な支援の実施回数</t>
  </si>
  <si>
    <t>keikaku_shien_times</t>
  </si>
  <si>
    <t>計画上の継続的な支援の実施回数（個別支援A）</t>
    <phoneticPr fontId="24"/>
  </si>
  <si>
    <t>keikaku_times_kobetsu_a</t>
  </si>
  <si>
    <t>計画上の継続的な支援の合計実施時間（個別支援A）</t>
    <phoneticPr fontId="24"/>
  </si>
  <si>
    <t>keikaku_total_time_a</t>
  </si>
  <si>
    <t>計画上の継続的な支援の実施回数（個別支援B）</t>
    <phoneticPr fontId="24"/>
  </si>
  <si>
    <t>keikaku_times_kobetsu_b</t>
  </si>
  <si>
    <t>計画上の継続的な支援の合計実施時間（個別支援B）</t>
    <phoneticPr fontId="24"/>
  </si>
  <si>
    <t>keikaku_total_time_b</t>
  </si>
  <si>
    <t>計画上の継続的な支援の実施回数（グループ支援）</t>
    <phoneticPr fontId="24"/>
  </si>
  <si>
    <t>keikaku_times_group</t>
  </si>
  <si>
    <t>計画上の継続的な支援の合計実施時間（グループ支援）</t>
    <phoneticPr fontId="24"/>
  </si>
  <si>
    <t>keikaku_total_time_group</t>
  </si>
  <si>
    <t>計画上の継続的な支援の実施回数（電話Aによる支援）</t>
    <phoneticPr fontId="24"/>
  </si>
  <si>
    <t>keikaku_times_tel_a</t>
  </si>
  <si>
    <t>計画上の継続的な支援の合計実施時間（電話Aによる支援）</t>
    <phoneticPr fontId="24"/>
  </si>
  <si>
    <t>keikaku_total_time_tel_a</t>
  </si>
  <si>
    <t>計画上の継続的な支援の実施回数（e-mailAによる支援）</t>
    <phoneticPr fontId="24"/>
  </si>
  <si>
    <t>keikaku_times_mail_a</t>
  </si>
  <si>
    <t>計画上の継続的な支援の実施回数（電話Bによる支援）</t>
    <phoneticPr fontId="24"/>
  </si>
  <si>
    <t>keikaku_times_tel_b</t>
  </si>
  <si>
    <t>計画上の継続的な支援の合計実施時間（電話Bによる支援）</t>
    <phoneticPr fontId="24"/>
  </si>
  <si>
    <t>keikaku_total_time_tel_b</t>
  </si>
  <si>
    <t>計画上の継続的な支援の実施回数（e-mailBによる支援）</t>
    <phoneticPr fontId="24"/>
  </si>
  <si>
    <t>keikaku_times_mail_b</t>
  </si>
  <si>
    <t>計画上の継続的な支援によるポイント（支援A)</t>
    <phoneticPr fontId="24"/>
  </si>
  <si>
    <t>keikaku_point_shien_a</t>
  </si>
  <si>
    <t>計画上の継続的な支援によるポイント（支援B)</t>
    <phoneticPr fontId="24"/>
  </si>
  <si>
    <t>keikaku_point_shien_b</t>
  </si>
  <si>
    <t>計画上の継続的な支援によるポイント（合計)</t>
  </si>
  <si>
    <t>keikaku_point_shien_total</t>
  </si>
  <si>
    <t>実施上の継続的な支援の実施回数</t>
  </si>
  <si>
    <t>jisshi_times</t>
  </si>
  <si>
    <t>実施上の継続的な支援の実施回数（個別支援A）</t>
    <phoneticPr fontId="24"/>
  </si>
  <si>
    <t>jisshi_times_kobetsu_a</t>
  </si>
  <si>
    <t>実施上の継続的な支援の合計実施時間（個別支援A）</t>
    <phoneticPr fontId="24"/>
  </si>
  <si>
    <t>jisshi_total_time_kobetsu_a</t>
  </si>
  <si>
    <t>実施上の継続的な支援の実施回数（個別支援B）</t>
    <phoneticPr fontId="24"/>
  </si>
  <si>
    <t>jisshi_times_kobetsu_b</t>
  </si>
  <si>
    <t>実施上の継続的な支援の合計実施時間（個別支援B）</t>
    <phoneticPr fontId="24"/>
  </si>
  <si>
    <t>jisshi_total_time_kobetsu_b</t>
  </si>
  <si>
    <t>実施上の継続的な支援の実施回数（グループ支援）</t>
    <phoneticPr fontId="24"/>
  </si>
  <si>
    <t>jisshi_times_times_group</t>
  </si>
  <si>
    <t>実施上の継続的な支援の合計実施時間（グループ支援）</t>
    <phoneticPr fontId="24"/>
  </si>
  <si>
    <t>jisshi_total_time_group</t>
  </si>
  <si>
    <t>実施上の継続的な支援の実施回数（電話Aによる支援）</t>
    <phoneticPr fontId="24"/>
  </si>
  <si>
    <t>jisshi_times_tel_a</t>
  </si>
  <si>
    <t>実施上の継続的な支援の合計実施時間（電話Aによる支援）</t>
    <phoneticPr fontId="24"/>
  </si>
  <si>
    <t>jisshi_total_time_tel_a</t>
  </si>
  <si>
    <t>実施上の継続的な支援の実施回数（e-mailAによる支援）</t>
    <phoneticPr fontId="24"/>
  </si>
  <si>
    <t>jisshi_times_mail_a</t>
  </si>
  <si>
    <t>実施上の継続的な支援の実施回数（電話Bによる支援）</t>
    <phoneticPr fontId="24"/>
  </si>
  <si>
    <t>jisshi_times_tel_b</t>
  </si>
  <si>
    <t>実施上の継続的な支援の合計実施時間（電話Bによる支援）</t>
    <phoneticPr fontId="24"/>
  </si>
  <si>
    <t>jisshi_total_time_tel_b</t>
  </si>
  <si>
    <t>実施上の継続的な支援の実施回数（e-mailBによる支援）</t>
    <phoneticPr fontId="24"/>
  </si>
  <si>
    <t>jisshi_times_mail_b</t>
  </si>
  <si>
    <t>継続的な支援によるポイント（支援A)</t>
  </si>
  <si>
    <t>keizoku_shien_point_a</t>
  </si>
  <si>
    <t>継続的な支援によるポイント（支援B)</t>
  </si>
  <si>
    <t>keizoku_shien_point_b</t>
  </si>
  <si>
    <t>継続的な支援によるポイント（合計)</t>
  </si>
  <si>
    <t>keizoku_shien_point_total</t>
  </si>
  <si>
    <t>禁煙指導の実施回数</t>
  </si>
  <si>
    <t>kitsuen_times</t>
  </si>
  <si>
    <t>実施上の継続的な支援の終了日</t>
  </si>
  <si>
    <t>jisshi_shien_end_date</t>
  </si>
  <si>
    <t>主対応内容(1)</t>
    <rPh sb="0" eb="1">
      <t>シュ</t>
    </rPh>
    <phoneticPr fontId="7"/>
  </si>
  <si>
    <t>shutaiou_naiyo_1</t>
  </si>
  <si>
    <t>委託先保健指導機関番号(1)</t>
    <phoneticPr fontId="24"/>
  </si>
  <si>
    <t>itaku_hoken_kikan_no_1</t>
  </si>
  <si>
    <t>実施内容(1)</t>
  </si>
  <si>
    <t>jissi_naiyo_1</t>
  </si>
  <si>
    <t>主対応内容(2)</t>
    <rPh sb="0" eb="1">
      <t>シュ</t>
    </rPh>
    <phoneticPr fontId="7"/>
  </si>
  <si>
    <t>shutaiou_naiyo_2</t>
  </si>
  <si>
    <t>委託先保健指導機関番号(2)</t>
  </si>
  <si>
    <t>itaku_hoken_kikan_no_2</t>
  </si>
  <si>
    <t>実施内容(2)</t>
  </si>
  <si>
    <t>jissi_naiyo_2</t>
  </si>
  <si>
    <t>主対応内容(3)</t>
    <rPh sb="0" eb="1">
      <t>シュ</t>
    </rPh>
    <phoneticPr fontId="7"/>
  </si>
  <si>
    <t>shutaiou_naiyo_3</t>
  </si>
  <si>
    <t>委託先保健指導機関番号(3)</t>
  </si>
  <si>
    <t>itaku_hoken_kikan_no_3</t>
  </si>
  <si>
    <t>実施内容(3)</t>
  </si>
  <si>
    <t>jissi_naiyo_3</t>
  </si>
  <si>
    <t>主対応内容(4)</t>
    <rPh sb="0" eb="1">
      <t>シュ</t>
    </rPh>
    <phoneticPr fontId="7"/>
  </si>
  <si>
    <t>shutaiou_naiyo_4</t>
  </si>
  <si>
    <t>委託先保健指導機関番号(4)</t>
  </si>
  <si>
    <t>itaku_hoken_kikan_no_4</t>
  </si>
  <si>
    <t>実施内容(4)</t>
  </si>
  <si>
    <t>jissi_naiyo_4</t>
  </si>
  <si>
    <t>主対応内容(5)</t>
    <rPh sb="0" eb="1">
      <t>シュ</t>
    </rPh>
    <phoneticPr fontId="7"/>
  </si>
  <si>
    <t>shutaiou_naiyo_5</t>
  </si>
  <si>
    <t>委託先保健指導機関番号(5)</t>
  </si>
  <si>
    <t>itaku_hoken_kikan_no_5</t>
  </si>
  <si>
    <t>実施内容(5)</t>
  </si>
  <si>
    <t>jissi_naiyo_5</t>
  </si>
  <si>
    <t>主対応内容(6)</t>
    <rPh sb="0" eb="1">
      <t>シュ</t>
    </rPh>
    <phoneticPr fontId="7"/>
  </si>
  <si>
    <t>shutaiou_naiyo_6</t>
  </si>
  <si>
    <t>委託先保健指導機関番号(6)</t>
  </si>
  <si>
    <t>itaku_hoken_kikan_no_6</t>
  </si>
  <si>
    <t>実施内容(6)</t>
  </si>
  <si>
    <t>jissi_naiyo_6</t>
  </si>
  <si>
    <t>主対応内容(7)</t>
    <rPh sb="0" eb="1">
      <t>シュ</t>
    </rPh>
    <phoneticPr fontId="7"/>
  </si>
  <si>
    <t>shutaiou_naiyo_7</t>
  </si>
  <si>
    <t>委託先保健指導機関番号(7)</t>
  </si>
  <si>
    <t>itaku_hoken_kikan_no_7</t>
  </si>
  <si>
    <t>実施内容(7)</t>
  </si>
  <si>
    <t>jissi_naiyo_7</t>
  </si>
  <si>
    <t>主対応内容(8)</t>
    <rPh sb="0" eb="1">
      <t>シュ</t>
    </rPh>
    <phoneticPr fontId="7"/>
  </si>
  <si>
    <t>shutaiou_naiyo_8</t>
  </si>
  <si>
    <t>委託先保健指導機関番号(8)</t>
  </si>
  <si>
    <t>itaku_hoken_kikan_no_8</t>
  </si>
  <si>
    <t>実施内容(8)</t>
  </si>
  <si>
    <t>jissi_naiyo_8</t>
  </si>
  <si>
    <t>初回面接①の実施日付</t>
  </si>
  <si>
    <t>shokai_1_mensetsu_date</t>
  </si>
  <si>
    <t>初回面接①による支援の支援形態</t>
  </si>
  <si>
    <t>shokai_1_mensetsu_keitai</t>
  </si>
  <si>
    <t>初回面接①の実施時間</t>
  </si>
  <si>
    <t>shokai_1_mensetsu_time</t>
  </si>
  <si>
    <t>初回面接①の実施者</t>
  </si>
  <si>
    <t>shokai_1_mensetsu_jisshisha</t>
  </si>
  <si>
    <t>初回面接①継続的支援予定期間</t>
  </si>
  <si>
    <t>shokai_1_shien_yotei_kikan</t>
  </si>
  <si>
    <t>【目的別DB】医科個人別医療費</t>
    <rPh sb="7" eb="9">
      <t>イカ</t>
    </rPh>
    <rPh sb="9" eb="11">
      <t>コジン</t>
    </rPh>
    <rPh sb="11" eb="12">
      <t>ベツ</t>
    </rPh>
    <rPh sb="12" eb="15">
      <t>イリョウヒ</t>
    </rPh>
    <phoneticPr fontId="24"/>
  </si>
  <si>
    <t>診療月</t>
  </si>
  <si>
    <t>prac_m</t>
  </si>
  <si>
    <t>診療年度</t>
    <rPh sb="0" eb="2">
      <t>シンリョウ</t>
    </rPh>
    <rPh sb="2" eb="4">
      <t>ネンド</t>
    </rPh>
    <phoneticPr fontId="7"/>
  </si>
  <si>
    <t>prac_nendo</t>
  </si>
  <si>
    <t>肝疾患有無</t>
  </si>
  <si>
    <t>kanshikkan_umu</t>
  </si>
  <si>
    <t>高尿酸血症有無</t>
  </si>
  <si>
    <t>kounyosan_kesshou_umu</t>
  </si>
  <si>
    <t>脂質異常有無</t>
  </si>
  <si>
    <t>shishitsu_ijou_umu</t>
  </si>
  <si>
    <t>高血圧性疾患及び合併症有無</t>
  </si>
  <si>
    <t>kouketsuatsu_gappei_umu</t>
  </si>
  <si>
    <t>糖尿病及び合併症有無</t>
  </si>
  <si>
    <t>tounyo_gappei_umu</t>
  </si>
  <si>
    <t>動脈硬化有無</t>
  </si>
  <si>
    <t>doumyakukouka_umu</t>
  </si>
  <si>
    <t>腎疾患有無</t>
  </si>
  <si>
    <t>jinshikkan_umu</t>
  </si>
  <si>
    <t>脳血管疾患有無</t>
  </si>
  <si>
    <t>noukekkan_shikkan_umu</t>
  </si>
  <si>
    <t>虚血性心疾患等有無</t>
  </si>
  <si>
    <t>kyoketsu_shinshikkan_umu</t>
  </si>
  <si>
    <t>医療費（月合計）</t>
    <rPh sb="0" eb="3">
      <t>イリョウヒ</t>
    </rPh>
    <rPh sb="4" eb="5">
      <t>ツキ</t>
    </rPh>
    <rPh sb="5" eb="7">
      <t>ゴウケイ</t>
    </rPh>
    <phoneticPr fontId="7"/>
  </si>
  <si>
    <t>医療費（入院）</t>
    <rPh sb="0" eb="3">
      <t>イリョウヒ</t>
    </rPh>
    <rPh sb="4" eb="6">
      <t>ニュウイン</t>
    </rPh>
    <phoneticPr fontId="7"/>
  </si>
  <si>
    <t>nyuin_total_score</t>
  </si>
  <si>
    <t>医療費（入院外）</t>
    <rPh sb="0" eb="3">
      <t>イリョウヒ</t>
    </rPh>
    <rPh sb="4" eb="6">
      <t>ニュウイン</t>
    </rPh>
    <rPh sb="6" eb="7">
      <t>ガイ</t>
    </rPh>
    <phoneticPr fontId="7"/>
  </si>
  <si>
    <t>nyuingai_total_score</t>
  </si>
  <si>
    <t>【目的別DB】DPC個人別医療費</t>
    <rPh sb="10" eb="12">
      <t>コジン</t>
    </rPh>
    <rPh sb="12" eb="13">
      <t>ベツ</t>
    </rPh>
    <rPh sb="13" eb="16">
      <t>イリョウヒ</t>
    </rPh>
    <phoneticPr fontId="24"/>
  </si>
  <si>
    <t>id1n</t>
    <phoneticPr fontId="28"/>
  </si>
  <si>
    <t>prac_m</t>
    <phoneticPr fontId="28"/>
  </si>
  <si>
    <t>prac_nendo</t>
    <phoneticPr fontId="28"/>
  </si>
  <si>
    <t>sex_div</t>
    <phoneticPr fontId="28"/>
  </si>
  <si>
    <t>sex_div_name</t>
    <phoneticPr fontId="28"/>
  </si>
  <si>
    <t>insurer_no</t>
    <phoneticPr fontId="28"/>
  </si>
  <si>
    <t>kanshikkan_umu</t>
    <phoneticPr fontId="28"/>
  </si>
  <si>
    <t>kounyosan_kesshou_umu</t>
    <phoneticPr fontId="28"/>
  </si>
  <si>
    <t>shishitsu_ijou_umu</t>
    <phoneticPr fontId="28"/>
  </si>
  <si>
    <t>kouketsuatsu_gappei_umu</t>
    <phoneticPr fontId="28"/>
  </si>
  <si>
    <t>tounyo_gappei_umu</t>
    <phoneticPr fontId="28"/>
  </si>
  <si>
    <t>doumyakukouka_umu</t>
    <phoneticPr fontId="28"/>
  </si>
  <si>
    <t>jinshikkan_umu</t>
    <phoneticPr fontId="28"/>
  </si>
  <si>
    <t>noukekkan_shikkan_umu</t>
    <phoneticPr fontId="28"/>
  </si>
  <si>
    <t>kyoketsu_shinshikkan_umu</t>
    <phoneticPr fontId="28"/>
  </si>
  <si>
    <t>total_score</t>
    <phoneticPr fontId="28"/>
  </si>
  <si>
    <t>prac_true_days</t>
    <phoneticPr fontId="28"/>
  </si>
  <si>
    <t>【目的別DB】歯科個人別医療費</t>
    <rPh sb="7" eb="9">
      <t>シカ</t>
    </rPh>
    <rPh sb="9" eb="11">
      <t>コジン</t>
    </rPh>
    <rPh sb="11" eb="12">
      <t>ベツ</t>
    </rPh>
    <rPh sb="12" eb="15">
      <t>イリョウヒ</t>
    </rPh>
    <phoneticPr fontId="24"/>
  </si>
  <si>
    <t>【目的別DB】調剤個人別医療費</t>
    <phoneticPr fontId="24"/>
  </si>
  <si>
    <t>調剤月</t>
    <rPh sb="0" eb="2">
      <t>チョウザイ</t>
    </rPh>
    <phoneticPr fontId="7"/>
  </si>
  <si>
    <t>調剤年度</t>
    <rPh sb="0" eb="2">
      <t>チョウザイ</t>
    </rPh>
    <rPh sb="2" eb="4">
      <t>ネンド</t>
    </rPh>
    <phoneticPr fontId="7"/>
  </si>
  <si>
    <t>　　（項目名に（匿名化後）と書かれている項目）</t>
    <phoneticPr fontId="24"/>
  </si>
  <si>
    <t>※様式１「機微情報の提供希望、理由等」に別途必要理由等を記載してください</t>
  </si>
  <si>
    <t>※様式１「機微情報の提供希望、理由等」に別途必要理由等を記載してください</t>
    <phoneticPr fontId="24"/>
  </si>
  <si>
    <t>・機微情報について</t>
    <rPh sb="1" eb="5">
      <t>キビジョウホウ</t>
    </rPh>
    <phoneticPr fontId="24"/>
  </si>
  <si>
    <t>保険者番号</t>
    <rPh sb="0" eb="5">
      <t>ホケンシャバンゴウ</t>
    </rPh>
    <phoneticPr fontId="24"/>
  </si>
  <si>
    <t>医療機関コード等</t>
    <rPh sb="0" eb="4">
      <t>イリョウキカン</t>
    </rPh>
    <rPh sb="7" eb="8">
      <t>トウ</t>
    </rPh>
    <phoneticPr fontId="24"/>
  </si>
  <si>
    <t>患者居住地情報</t>
    <rPh sb="0" eb="7">
      <t>カンジャキョジュウチジョウホウ</t>
    </rPh>
    <phoneticPr fontId="24"/>
  </si>
  <si>
    <t>高額療養費自己負担区分</t>
    <rPh sb="0" eb="5">
      <t>コウガクリョウヨウヒ</t>
    </rPh>
    <rPh sb="5" eb="11">
      <t>ジコフタンクブン</t>
    </rPh>
    <phoneticPr fontId="24"/>
  </si>
  <si>
    <t>公費負担者番号</t>
    <rPh sb="0" eb="7">
      <t>コウヒフタンシャバンゴウ</t>
    </rPh>
    <phoneticPr fontId="24"/>
  </si>
  <si>
    <t>機微情報</t>
    <rPh sb="0" eb="2">
      <t>キビ</t>
    </rPh>
    <rPh sb="2" eb="4">
      <t>ジョウホウ</t>
    </rPh>
    <phoneticPr fontId="24"/>
  </si>
  <si>
    <t>郵便番号、市町村コード、受診者・郵便番号、利用者・郵便番号</t>
    <rPh sb="0" eb="4">
      <t>ユウビンバンゴウ</t>
    </rPh>
    <rPh sb="5" eb="8">
      <t>シチョウソン</t>
    </rPh>
    <rPh sb="21" eb="24">
      <t>リヨウシャ</t>
    </rPh>
    <rPh sb="25" eb="29">
      <t>ユウビンバンゴウ</t>
    </rPh>
    <phoneticPr fontId="24"/>
  </si>
  <si>
    <t>　・機微情報について</t>
    <rPh sb="2" eb="6">
      <t>キビジョウホウ</t>
    </rPh>
    <phoneticPr fontId="24"/>
  </si>
  <si>
    <t>　　「機微情報の提供希望、理由欄」に別途必要理由等を記載願います。</t>
    <rPh sb="24" eb="25">
      <t>トウ</t>
    </rPh>
    <rPh sb="28" eb="29">
      <t>ネガ</t>
    </rPh>
    <phoneticPr fontId="24"/>
  </si>
  <si>
    <t>保険者番号（匿名化後）</t>
    <phoneticPr fontId="24"/>
  </si>
  <si>
    <t>負担者番号（公費負担医療）</t>
    <phoneticPr fontId="24"/>
  </si>
  <si>
    <t>レセプト共通レコード（RE）</t>
    <phoneticPr fontId="24"/>
  </si>
  <si>
    <t>保険者レコード（HO）</t>
    <phoneticPr fontId="24"/>
  </si>
  <si>
    <t>臓器提供医療機関情報レコード（TI）</t>
    <phoneticPr fontId="24"/>
  </si>
  <si>
    <t>薬局情報レコード（YK）</t>
    <phoneticPr fontId="24"/>
  </si>
  <si>
    <t>データ項目名（日本語）</t>
    <phoneticPr fontId="24"/>
  </si>
  <si>
    <t>券面種別（受診券）</t>
    <phoneticPr fontId="24"/>
  </si>
  <si>
    <t>ファイルの提供形式については、以下の2パターンを用意しています。</t>
    <rPh sb="5" eb="7">
      <t>テイキョウ</t>
    </rPh>
    <rPh sb="7" eb="9">
      <t>ケイシキ</t>
    </rPh>
    <rPh sb="15" eb="17">
      <t>イカ</t>
    </rPh>
    <rPh sb="24" eb="26">
      <t>ヨウイ</t>
    </rPh>
    <phoneticPr fontId="24"/>
  </si>
  <si>
    <t>※「②分割無し」を選択される場合、「①容量単位での分割」よりも提供に時間がかかります。</t>
    <rPh sb="3" eb="5">
      <t>ブンカツ</t>
    </rPh>
    <rPh sb="5" eb="6">
      <t>ナ</t>
    </rPh>
    <rPh sb="9" eb="11">
      <t>センタク</t>
    </rPh>
    <rPh sb="14" eb="16">
      <t>バアイ</t>
    </rPh>
    <rPh sb="19" eb="21">
      <t>ヨウリョウ</t>
    </rPh>
    <rPh sb="21" eb="23">
      <t>タンイ</t>
    </rPh>
    <rPh sb="25" eb="27">
      <t>ブンカツ</t>
    </rPh>
    <rPh sb="31" eb="33">
      <t>テイキョウ</t>
    </rPh>
    <rPh sb="34" eb="36">
      <t>ジカン</t>
    </rPh>
    <phoneticPr fontId="24"/>
  </si>
  <si>
    <t>　　以下のデータ項目については機微情報に該当するため、抽出対象とする場合は申出書の様式1の(6)-1抽出内容の</t>
    <rPh sb="2" eb="4">
      <t>イカ</t>
    </rPh>
    <rPh sb="8" eb="10">
      <t>コウモク</t>
    </rPh>
    <rPh sb="15" eb="19">
      <t>キビジョウホウ</t>
    </rPh>
    <rPh sb="20" eb="22">
      <t>ガイトウ</t>
    </rPh>
    <rPh sb="27" eb="29">
      <t>チュウシュツ</t>
    </rPh>
    <rPh sb="29" eb="31">
      <t>タイショウ</t>
    </rPh>
    <rPh sb="34" eb="36">
      <t>バアイ</t>
    </rPh>
    <rPh sb="37" eb="39">
      <t>モウシデ</t>
    </rPh>
    <rPh sb="39" eb="40">
      <t>ショ</t>
    </rPh>
    <rPh sb="41" eb="43">
      <t>ヨウシキ</t>
    </rPh>
    <rPh sb="50" eb="54">
      <t>チュウシュツナイヨウ</t>
    </rPh>
    <phoneticPr fontId="24"/>
  </si>
  <si>
    <t>※①②の詳細については、第三者提供ＨＰの「抽出依頼テンプレート作成の注意点」別紙1．ファイル提供形式をご参照ください。</t>
    <rPh sb="4" eb="6">
      <t>ショウサイ</t>
    </rPh>
    <phoneticPr fontId="24"/>
  </si>
  <si>
    <t>負担者番号（公費負担医療）</t>
    <rPh sb="6" eb="12">
      <t>コウヒフタンイリョウ</t>
    </rPh>
    <phoneticPr fontId="24"/>
  </si>
  <si>
    <t>公費給付対象一部負担金（一部負担金）</t>
    <rPh sb="12" eb="17">
      <t>イチブフタンキン</t>
    </rPh>
    <phoneticPr fontId="24"/>
  </si>
  <si>
    <t>券面種別（受診券）</t>
    <rPh sb="5" eb="7">
      <t>ジュシン</t>
    </rPh>
    <rPh sb="7" eb="8">
      <t>ケン</t>
    </rPh>
    <phoneticPr fontId="24"/>
  </si>
  <si>
    <t>健診実施機関番号（匿名化後）</t>
    <phoneticPr fontId="7"/>
  </si>
  <si>
    <t>保険者番号（匿名化後）</t>
    <rPh sb="6" eb="10">
      <t>トクメイカゴ</t>
    </rPh>
    <phoneticPr fontId="7"/>
  </si>
  <si>
    <t>券面種別（受診券）</t>
    <rPh sb="5" eb="8">
      <t>ジュシンケン</t>
    </rPh>
    <phoneticPr fontId="24"/>
  </si>
  <si>
    <t>保健指導実施機関番号（匿名化後）</t>
    <rPh sb="11" eb="15">
      <t>トクメイカゴ</t>
    </rPh>
    <phoneticPr fontId="7"/>
  </si>
  <si>
    <t>保険者番号（匿名化後）</t>
    <rPh sb="3" eb="5">
      <t>バンゴウ</t>
    </rPh>
    <rPh sb="6" eb="10">
      <t>トクメイカゴ</t>
    </rPh>
    <phoneticPr fontId="7"/>
  </si>
  <si>
    <t>限度額適用認定証適用区分</t>
    <phoneticPr fontId="24"/>
  </si>
  <si>
    <t>医療機関コード（匿名化後）、調剤薬局コード（匿名化後）、医療機関（医療機関名称・所在地）（匿名化後）</t>
    <phoneticPr fontId="24"/>
  </si>
  <si>
    <t>健診実施機関番号（匿名化後）、保健指導実施機関番号（匿名化後）</t>
    <phoneticPr fontId="2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6" formatCode="&quot;¥&quot;#,##0;[Red]&quot;¥&quot;\-#,##0"/>
    <numFmt numFmtId="176" formatCode="_(* #,##0_);_(* \(#,##0\);_(* &quot;-&quot;_);_(@_)"/>
    <numFmt numFmtId="177" formatCode="_(* #,##0.00_);_(* \(#,##0.00\);_(* &quot;-&quot;??_);_(@_)"/>
    <numFmt numFmtId="178" formatCode="_(&quot;$&quot;* #,##0_);_(&quot;$&quot;* \(#,##0\);_(&quot;$&quot;* &quot;-&quot;_);_(@_)"/>
    <numFmt numFmtId="179" formatCode="_(&quot;$&quot;* #,##0.00_);_(&quot;$&quot;* \(#,##0.00\);_(&quot;$&quot;* &quot;-&quot;??_);_(@_)"/>
    <numFmt numFmtId="180" formatCode="#,##0;\-#,##0;&quot;-&quot;"/>
  </numFmts>
  <fonts count="82">
    <font>
      <sz val="11"/>
      <name val="ＭＳ Ｐゴシック"/>
      <family val="3"/>
      <charset val="128"/>
    </font>
    <font>
      <sz val="11"/>
      <color indexed="8"/>
      <name val="ＭＳ Ｐゴシック"/>
      <family val="3"/>
      <charset val="128"/>
    </font>
    <font>
      <sz val="11"/>
      <color indexed="9"/>
      <name val="ＭＳ Ｐゴシック"/>
      <family val="3"/>
      <charset val="128"/>
    </font>
    <font>
      <sz val="10"/>
      <color indexed="8"/>
      <name val="Arial"/>
      <family val="2"/>
    </font>
    <font>
      <b/>
      <sz val="12"/>
      <name val="Arial"/>
      <family val="2"/>
    </font>
    <font>
      <sz val="10"/>
      <name val="Arial"/>
      <family val="2"/>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name val="ＭＳ Ｐゴシック"/>
      <family val="3"/>
      <charset val="128"/>
    </font>
    <font>
      <u/>
      <sz val="11"/>
      <color indexed="12"/>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2"/>
      <name val="ＭＳ Ｐゴシック"/>
      <family val="3"/>
      <charset val="128"/>
    </font>
    <font>
      <sz val="11"/>
      <color indexed="17"/>
      <name val="ＭＳ Ｐゴシック"/>
      <family val="3"/>
      <charset val="128"/>
    </font>
    <font>
      <sz val="6"/>
      <name val="ＭＳ Ｐゴシック"/>
      <family val="3"/>
      <charset val="128"/>
    </font>
    <font>
      <sz val="10"/>
      <name val="ＭＳ ゴシック"/>
      <family val="3"/>
      <charset val="128"/>
    </font>
    <font>
      <sz val="9"/>
      <name val="ＭＳ ゴシック"/>
      <family val="3"/>
      <charset val="128"/>
    </font>
    <font>
      <sz val="10"/>
      <name val="ＭＳ Ｐゴシック"/>
      <family val="3"/>
      <charset val="128"/>
    </font>
    <font>
      <b/>
      <sz val="14"/>
      <name val="ＭＳ Ｐゴシック"/>
      <family val="3"/>
      <charset val="128"/>
    </font>
    <font>
      <sz val="8"/>
      <name val="Arial"/>
      <family val="2"/>
    </font>
    <font>
      <sz val="10"/>
      <name val="Geneva"/>
      <family val="2"/>
    </font>
    <font>
      <sz val="7"/>
      <name val="Small Fonts"/>
      <family val="2"/>
    </font>
    <font>
      <b/>
      <i/>
      <sz val="16"/>
      <name val="Helv"/>
      <family val="2"/>
    </font>
    <font>
      <sz val="11"/>
      <name val="ＭＳ Ｐ明朝"/>
      <family val="1"/>
      <charset val="128"/>
    </font>
    <font>
      <sz val="8"/>
      <name val="ＭＳ Ｐゴシック"/>
      <family val="3"/>
      <charset val="128"/>
    </font>
    <font>
      <b/>
      <sz val="10"/>
      <name val="ＭＳ Ｐゴシック"/>
      <family val="3"/>
      <charset val="128"/>
    </font>
    <font>
      <b/>
      <sz val="11"/>
      <name val="ＭＳ Ｐゴシック"/>
      <family val="3"/>
      <charset val="128"/>
    </font>
    <font>
      <b/>
      <u/>
      <sz val="11"/>
      <name val="ＭＳ Ｐゴシック"/>
      <family val="3"/>
      <charset val="128"/>
    </font>
    <font>
      <sz val="11"/>
      <color theme="1"/>
      <name val="ＭＳ Ｐゴシック"/>
      <family val="3"/>
      <charset val="128"/>
      <scheme val="minor"/>
    </font>
    <font>
      <sz val="10"/>
      <color theme="1"/>
      <name val="ＭＳ Ｐゴシック"/>
      <family val="3"/>
      <charset val="128"/>
      <scheme val="minor"/>
    </font>
    <font>
      <sz val="11"/>
      <color rgb="FFFF0000"/>
      <name val="ＭＳ Ｐゴシック"/>
      <family val="3"/>
      <charset val="128"/>
    </font>
    <font>
      <sz val="11"/>
      <color theme="1"/>
      <name val="ＭＳ Ｐゴシック"/>
      <family val="3"/>
      <charset val="128"/>
    </font>
    <font>
      <sz val="8"/>
      <color theme="1"/>
      <name val="ＭＳ Ｐゴシック"/>
      <family val="3"/>
      <charset val="128"/>
    </font>
    <font>
      <sz val="10"/>
      <color theme="1"/>
      <name val="ＭＳ Ｐゴシック"/>
      <family val="3"/>
      <charset val="128"/>
    </font>
    <font>
      <b/>
      <sz val="10"/>
      <color theme="1"/>
      <name val="ＭＳ Ｐゴシック"/>
      <family val="3"/>
      <charset val="128"/>
    </font>
    <font>
      <sz val="10.5"/>
      <color theme="1"/>
      <name val="ＭＳ Ｐゴシック"/>
      <family val="3"/>
      <charset val="128"/>
    </font>
    <font>
      <b/>
      <sz val="11"/>
      <color theme="1"/>
      <name val="ＭＳ Ｐゴシック"/>
      <family val="3"/>
      <charset val="128"/>
    </font>
    <font>
      <b/>
      <sz val="16"/>
      <name val="ＭＳ Ｐゴシック"/>
      <family val="3"/>
      <charset val="128"/>
    </font>
    <font>
      <sz val="18"/>
      <name val="ＭＳ Ｐゴシック"/>
      <family val="3"/>
      <charset val="128"/>
    </font>
    <font>
      <sz val="16"/>
      <name val="ＭＳ Ｐゴシック"/>
      <family val="3"/>
      <charset val="128"/>
    </font>
    <font>
      <sz val="11"/>
      <color theme="0"/>
      <name val="ＭＳ Ｐゴシック"/>
      <family val="3"/>
      <charset val="128"/>
    </font>
    <font>
      <b/>
      <sz val="11"/>
      <color theme="0"/>
      <name val="ＭＳ Ｐゴシック"/>
      <family val="3"/>
      <charset val="128"/>
    </font>
    <font>
      <b/>
      <sz val="9"/>
      <color indexed="81"/>
      <name val="MS P ゴシック"/>
      <family val="3"/>
      <charset val="128"/>
    </font>
    <font>
      <sz val="9"/>
      <color indexed="81"/>
      <name val="MS P ゴシック"/>
      <family val="3"/>
      <charset val="128"/>
    </font>
    <font>
      <b/>
      <sz val="11"/>
      <color theme="1"/>
      <name val="ＭＳ Ｐゴシック"/>
      <family val="3"/>
      <charset val="128"/>
      <scheme val="minor"/>
    </font>
    <font>
      <sz val="11"/>
      <name val="ＭＳ Ｐゴシック"/>
      <family val="3"/>
      <charset val="128"/>
      <scheme val="minor"/>
    </font>
    <font>
      <b/>
      <sz val="11"/>
      <name val="ＭＳ Ｐゴシック"/>
      <family val="3"/>
      <charset val="128"/>
      <scheme val="minor"/>
    </font>
    <font>
      <sz val="11"/>
      <color rgb="FFFF0000"/>
      <name val="ＭＳ Ｐゴシック"/>
      <family val="3"/>
      <charset val="128"/>
      <scheme val="minor"/>
    </font>
    <font>
      <u/>
      <sz val="11"/>
      <color indexed="8"/>
      <name val="ＭＳ Ｐゴシック"/>
      <family val="3"/>
      <charset val="128"/>
    </font>
    <font>
      <b/>
      <sz val="11"/>
      <color rgb="FFFF0000"/>
      <name val="ＭＳ Ｐゴシック"/>
      <family val="3"/>
      <charset val="128"/>
      <scheme val="minor"/>
    </font>
    <font>
      <sz val="11"/>
      <color indexed="10"/>
      <name val="ＭＳ Ｐゴシック"/>
      <family val="3"/>
      <charset val="128"/>
      <scheme val="minor"/>
    </font>
    <font>
      <sz val="9"/>
      <name val="ＭＳ Ｐゴシック"/>
      <family val="3"/>
      <charset val="128"/>
      <scheme val="minor"/>
    </font>
    <font>
      <u/>
      <sz val="11"/>
      <color rgb="FFFF0000"/>
      <name val="ＭＳ Ｐゴシック"/>
      <family val="3"/>
      <charset val="128"/>
      <scheme val="minor"/>
    </font>
    <font>
      <u/>
      <sz val="11"/>
      <name val="ＭＳ Ｐゴシック"/>
      <family val="3"/>
      <charset val="128"/>
      <scheme val="minor"/>
    </font>
    <font>
      <u/>
      <sz val="11"/>
      <color theme="10"/>
      <name val="ＭＳ Ｐゴシック"/>
      <family val="3"/>
      <charset val="128"/>
    </font>
    <font>
      <sz val="11"/>
      <color rgb="FFC00000"/>
      <name val="ＭＳ Ｐゴシック"/>
      <family val="3"/>
      <charset val="128"/>
      <scheme val="minor"/>
    </font>
    <font>
      <b/>
      <sz val="12"/>
      <name val="ＭＳ Ｐゴシック"/>
      <family val="3"/>
      <charset val="128"/>
      <scheme val="minor"/>
    </font>
    <font>
      <sz val="12"/>
      <color theme="1"/>
      <name val="ＭＳ Ｐゴシック"/>
      <family val="3"/>
      <charset val="128"/>
      <scheme val="minor"/>
    </font>
    <font>
      <b/>
      <sz val="12"/>
      <color theme="1"/>
      <name val="ＭＳ Ｐゴシック"/>
      <family val="3"/>
      <charset val="128"/>
      <scheme val="minor"/>
    </font>
    <font>
      <u/>
      <sz val="10"/>
      <color rgb="FFFF0000"/>
      <name val="ＭＳ Ｐゴシック"/>
      <family val="3"/>
      <charset val="128"/>
      <scheme val="minor"/>
    </font>
    <font>
      <b/>
      <u/>
      <sz val="11"/>
      <color theme="1"/>
      <name val="ＭＳ Ｐゴシック"/>
      <family val="3"/>
      <charset val="128"/>
      <scheme val="minor"/>
    </font>
    <font>
      <b/>
      <sz val="9"/>
      <color indexed="81"/>
      <name val="ＭＳ Ｐゴシック"/>
      <family val="3"/>
      <charset val="128"/>
    </font>
    <font>
      <sz val="7"/>
      <name val="Small Fonts"/>
      <family val="3"/>
      <charset val="128"/>
    </font>
    <font>
      <sz val="10.5"/>
      <color theme="1"/>
      <name val="ＭＳ Ｐゴシック"/>
      <family val="3"/>
      <charset val="128"/>
      <scheme val="minor"/>
    </font>
    <font>
      <b/>
      <sz val="10"/>
      <color indexed="8"/>
      <name val="ＭＳ Ｐゴシック"/>
      <family val="3"/>
      <charset val="128"/>
    </font>
    <font>
      <b/>
      <sz val="11"/>
      <name val="游ゴシック"/>
      <family val="3"/>
      <charset val="128"/>
    </font>
    <font>
      <sz val="11"/>
      <color rgb="FF00B0F0"/>
      <name val="ＭＳ Ｐゴシック"/>
      <family val="3"/>
      <charset val="128"/>
    </font>
    <font>
      <sz val="11"/>
      <color rgb="FF00B0F0"/>
      <name val="ＭＳ Ｐゴシック"/>
      <family val="3"/>
      <charset val="128"/>
      <scheme val="minor"/>
    </font>
    <font>
      <sz val="8"/>
      <name val="ＭＳ Ｐゴシック"/>
      <family val="3"/>
      <charset val="128"/>
      <scheme val="minor"/>
    </font>
    <font>
      <b/>
      <sz val="10"/>
      <color rgb="FFFF0000"/>
      <name val="ＭＳ Ｐゴシック"/>
      <family val="3"/>
      <charset val="128"/>
      <scheme val="minor"/>
    </font>
    <font>
      <sz val="18"/>
      <color theme="1"/>
      <name val="ＭＳ Ｐゴシック"/>
      <family val="3"/>
      <charset val="128"/>
    </font>
    <font>
      <sz val="12"/>
      <color theme="1"/>
      <name val="ＭＳ Ｐゴシック"/>
      <family val="3"/>
      <charset val="128"/>
    </font>
  </fonts>
  <fills count="3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4"/>
        <bgColor indexed="64"/>
      </patternFill>
    </fill>
    <fill>
      <patternFill patternType="solid">
        <fgColor theme="0" tint="-0.499984740745262"/>
        <bgColor indexed="64"/>
      </patternFill>
    </fill>
    <fill>
      <patternFill patternType="solid">
        <fgColor theme="0"/>
        <bgColor indexed="64"/>
      </patternFill>
    </fill>
    <fill>
      <patternFill patternType="solid">
        <fgColor rgb="FFCCFFCC"/>
        <bgColor indexed="64"/>
      </patternFill>
    </fill>
    <fill>
      <patternFill patternType="solid">
        <fgColor rgb="FFFFFF99"/>
        <bgColor indexed="64"/>
      </patternFill>
    </fill>
    <fill>
      <patternFill patternType="solid">
        <fgColor theme="0" tint="-4.9989318521683403E-2"/>
        <bgColor indexed="64"/>
      </patternFill>
    </fill>
    <fill>
      <patternFill patternType="solid">
        <fgColor theme="8" tint="0.79998168889431442"/>
        <bgColor indexed="64"/>
      </patternFill>
    </fill>
    <fill>
      <patternFill patternType="solid">
        <fgColor rgb="FF99CCFF"/>
        <bgColor indexed="64"/>
      </patternFill>
    </fill>
    <fill>
      <patternFill patternType="solid">
        <fgColor rgb="FFFFFF00"/>
        <bgColor indexed="64"/>
      </patternFill>
    </fill>
    <fill>
      <patternFill patternType="solid">
        <fgColor theme="1" tint="0.499984740745262"/>
        <bgColor indexed="64"/>
      </patternFill>
    </fill>
  </fills>
  <borders count="49">
    <border>
      <left/>
      <right/>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bottom style="thin">
        <color indexed="64"/>
      </bottom>
      <diagonal/>
    </border>
    <border>
      <left/>
      <right style="thin">
        <color indexed="64"/>
      </right>
      <top/>
      <bottom/>
      <diagonal/>
    </border>
    <border>
      <left/>
      <right style="thin">
        <color indexed="64"/>
      </right>
      <top/>
      <bottom style="thin">
        <color indexed="64"/>
      </bottom>
      <diagonal/>
    </border>
    <border>
      <left/>
      <right/>
      <top style="thin">
        <color indexed="64"/>
      </top>
      <bottom/>
      <diagonal/>
    </border>
    <border>
      <left style="thin">
        <color indexed="64"/>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diagonal/>
    </border>
    <border>
      <left/>
      <right style="thin">
        <color indexed="64"/>
      </right>
      <top style="dotted">
        <color indexed="64"/>
      </top>
      <bottom/>
      <diagonal/>
    </border>
    <border>
      <left/>
      <right/>
      <top style="dotted">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Dashed">
        <color rgb="FFC00000"/>
      </left>
      <right/>
      <top style="mediumDashed">
        <color rgb="FFC00000"/>
      </top>
      <bottom/>
      <diagonal/>
    </border>
    <border>
      <left/>
      <right/>
      <top style="mediumDashed">
        <color rgb="FFC00000"/>
      </top>
      <bottom/>
      <diagonal/>
    </border>
    <border>
      <left/>
      <right style="mediumDashed">
        <color rgb="FFC00000"/>
      </right>
      <top style="mediumDashed">
        <color rgb="FFC00000"/>
      </top>
      <bottom/>
      <diagonal/>
    </border>
    <border>
      <left style="mediumDashed">
        <color rgb="FFC00000"/>
      </left>
      <right/>
      <top/>
      <bottom style="mediumDashed">
        <color rgb="FFC00000"/>
      </bottom>
      <diagonal/>
    </border>
    <border>
      <left/>
      <right/>
      <top/>
      <bottom style="mediumDashed">
        <color rgb="FFC00000"/>
      </bottom>
      <diagonal/>
    </border>
    <border>
      <left/>
      <right style="mediumDashed">
        <color rgb="FFC00000"/>
      </right>
      <top/>
      <bottom style="mediumDashed">
        <color rgb="FFC00000"/>
      </bottom>
      <diagonal/>
    </border>
    <border>
      <left style="mediumDashed">
        <color rgb="FFC00000"/>
      </left>
      <right/>
      <top/>
      <bottom/>
      <diagonal/>
    </border>
    <border>
      <left/>
      <right style="mediumDashed">
        <color rgb="FFC00000"/>
      </right>
      <top/>
      <bottom/>
      <diagonal/>
    </border>
    <border>
      <left style="thin">
        <color theme="1"/>
      </left>
      <right style="thin">
        <color theme="1"/>
      </right>
      <top style="thin">
        <color theme="1"/>
      </top>
      <bottom style="thin">
        <color theme="1"/>
      </bottom>
      <diagonal/>
    </border>
  </borders>
  <cellStyleXfs count="209">
    <xf numFmtId="0" fontId="0" fillId="0" borderId="0"/>
    <xf numFmtId="0" fontId="9" fillId="0" borderId="0"/>
    <xf numFmtId="0" fontId="1" fillId="2" borderId="0" applyNumberFormat="0" applyBorder="0" applyAlignment="0" applyProtection="0">
      <alignment vertical="center"/>
    </xf>
    <xf numFmtId="0" fontId="1" fillId="2" borderId="0" applyNumberFormat="0" applyBorder="0" applyAlignment="0" applyProtection="0">
      <alignment vertical="center"/>
    </xf>
    <xf numFmtId="0" fontId="1" fillId="2" borderId="0" applyNumberFormat="0" applyBorder="0" applyAlignment="0" applyProtection="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3" borderId="0" applyNumberFormat="0" applyBorder="0" applyAlignment="0" applyProtection="0">
      <alignment vertical="center"/>
    </xf>
    <xf numFmtId="0" fontId="1" fillId="3"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4" borderId="0" applyNumberFormat="0" applyBorder="0" applyAlignment="0" applyProtection="0">
      <alignment vertical="center"/>
    </xf>
    <xf numFmtId="0" fontId="1" fillId="4"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5" borderId="0" applyNumberFormat="0" applyBorder="0" applyAlignment="0" applyProtection="0">
      <alignment vertical="center"/>
    </xf>
    <xf numFmtId="0" fontId="1" fillId="5"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6" borderId="0" applyNumberFormat="0" applyBorder="0" applyAlignment="0" applyProtection="0">
      <alignment vertical="center"/>
    </xf>
    <xf numFmtId="0" fontId="1" fillId="6"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7" borderId="0" applyNumberFormat="0" applyBorder="0" applyAlignment="0" applyProtection="0">
      <alignment vertical="center"/>
    </xf>
    <xf numFmtId="0" fontId="1" fillId="7"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8" borderId="0" applyNumberFormat="0" applyBorder="0" applyAlignment="0" applyProtection="0">
      <alignment vertical="center"/>
    </xf>
    <xf numFmtId="0" fontId="1" fillId="8"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9" borderId="0" applyNumberFormat="0" applyBorder="0" applyAlignment="0" applyProtection="0">
      <alignment vertical="center"/>
    </xf>
    <xf numFmtId="0" fontId="1" fillId="9"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10" borderId="0" applyNumberFormat="0" applyBorder="0" applyAlignment="0" applyProtection="0">
      <alignment vertical="center"/>
    </xf>
    <xf numFmtId="0" fontId="1" fillId="10" borderId="0" applyNumberFormat="0" applyBorder="0" applyAlignment="0" applyProtection="0">
      <alignment vertical="center"/>
    </xf>
    <xf numFmtId="0" fontId="1" fillId="10" borderId="0" applyNumberFormat="0" applyBorder="0" applyAlignment="0" applyProtection="0">
      <alignment vertical="center"/>
    </xf>
    <xf numFmtId="0" fontId="1" fillId="5" borderId="0" applyNumberFormat="0" applyBorder="0" applyAlignment="0" applyProtection="0">
      <alignment vertical="center"/>
    </xf>
    <xf numFmtId="0" fontId="1" fillId="5" borderId="0" applyNumberFormat="0" applyBorder="0" applyAlignment="0" applyProtection="0">
      <alignment vertical="center"/>
    </xf>
    <xf numFmtId="0" fontId="1" fillId="5" borderId="0" applyNumberFormat="0" applyBorder="0" applyAlignment="0" applyProtection="0">
      <alignment vertical="center"/>
    </xf>
    <xf numFmtId="0" fontId="1" fillId="5" borderId="0" applyNumberFormat="0" applyBorder="0" applyAlignment="0" applyProtection="0">
      <alignment vertical="center"/>
    </xf>
    <xf numFmtId="0" fontId="1" fillId="8" borderId="0" applyNumberFormat="0" applyBorder="0" applyAlignment="0" applyProtection="0">
      <alignment vertical="center"/>
    </xf>
    <xf numFmtId="0" fontId="1" fillId="8" borderId="0" applyNumberFormat="0" applyBorder="0" applyAlignment="0" applyProtection="0">
      <alignment vertical="center"/>
    </xf>
    <xf numFmtId="0" fontId="1" fillId="8" borderId="0" applyNumberFormat="0" applyBorder="0" applyAlignment="0" applyProtection="0">
      <alignment vertical="center"/>
    </xf>
    <xf numFmtId="0" fontId="1" fillId="8" borderId="0" applyNumberFormat="0" applyBorder="0" applyAlignment="0" applyProtection="0">
      <alignment vertical="center"/>
    </xf>
    <xf numFmtId="0" fontId="1" fillId="11" borderId="0" applyNumberFormat="0" applyBorder="0" applyAlignment="0" applyProtection="0">
      <alignment vertical="center"/>
    </xf>
    <xf numFmtId="0" fontId="1" fillId="11" borderId="0" applyNumberFormat="0" applyBorder="0" applyAlignment="0" applyProtection="0">
      <alignment vertical="center"/>
    </xf>
    <xf numFmtId="0" fontId="1" fillId="11" borderId="0" applyNumberFormat="0" applyBorder="0" applyAlignment="0" applyProtection="0">
      <alignment vertical="center"/>
    </xf>
    <xf numFmtId="0" fontId="1" fillId="11" borderId="0" applyNumberFormat="0" applyBorder="0" applyAlignment="0" applyProtection="0">
      <alignment vertical="center"/>
    </xf>
    <xf numFmtId="0" fontId="2" fillId="12" borderId="0" applyNumberFormat="0" applyBorder="0" applyAlignment="0" applyProtection="0">
      <alignment vertical="center"/>
    </xf>
    <xf numFmtId="0" fontId="2" fillId="12" borderId="0" applyNumberFormat="0" applyBorder="0" applyAlignment="0" applyProtection="0">
      <alignment vertical="center"/>
    </xf>
    <xf numFmtId="0" fontId="2" fillId="12" borderId="0" applyNumberFormat="0" applyBorder="0" applyAlignment="0" applyProtection="0">
      <alignment vertical="center"/>
    </xf>
    <xf numFmtId="0" fontId="2" fillId="12" borderId="0" applyNumberFormat="0" applyBorder="0" applyAlignment="0" applyProtection="0">
      <alignment vertical="center"/>
    </xf>
    <xf numFmtId="0" fontId="2" fillId="9" borderId="0" applyNumberFormat="0" applyBorder="0" applyAlignment="0" applyProtection="0">
      <alignment vertical="center"/>
    </xf>
    <xf numFmtId="0" fontId="2" fillId="9" borderId="0" applyNumberFormat="0" applyBorder="0" applyAlignment="0" applyProtection="0">
      <alignment vertical="center"/>
    </xf>
    <xf numFmtId="0" fontId="2" fillId="9"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10" borderId="0" applyNumberFormat="0" applyBorder="0" applyAlignment="0" applyProtection="0">
      <alignment vertical="center"/>
    </xf>
    <xf numFmtId="0" fontId="2" fillId="10" borderId="0" applyNumberFormat="0" applyBorder="0" applyAlignment="0" applyProtection="0">
      <alignment vertical="center"/>
    </xf>
    <xf numFmtId="0" fontId="2" fillId="10" borderId="0" applyNumberFormat="0" applyBorder="0" applyAlignment="0" applyProtection="0">
      <alignment vertical="center"/>
    </xf>
    <xf numFmtId="0" fontId="2" fillId="13" borderId="0" applyNumberFormat="0" applyBorder="0" applyAlignment="0" applyProtection="0">
      <alignment vertical="center"/>
    </xf>
    <xf numFmtId="0" fontId="2" fillId="13" borderId="0" applyNumberFormat="0" applyBorder="0" applyAlignment="0" applyProtection="0">
      <alignment vertical="center"/>
    </xf>
    <xf numFmtId="0" fontId="2" fillId="13"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4" borderId="0" applyNumberFormat="0" applyBorder="0" applyAlignment="0" applyProtection="0">
      <alignment vertical="center"/>
    </xf>
    <xf numFmtId="0" fontId="2" fillId="14"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2" fillId="15" borderId="0" applyNumberFormat="0" applyBorder="0" applyAlignment="0" applyProtection="0">
      <alignment vertical="center"/>
    </xf>
    <xf numFmtId="0" fontId="2" fillId="15" borderId="0" applyNumberFormat="0" applyBorder="0" applyAlignment="0" applyProtection="0">
      <alignment vertical="center"/>
    </xf>
    <xf numFmtId="0" fontId="2" fillId="15" borderId="0" applyNumberFormat="0" applyBorder="0" applyAlignment="0" applyProtection="0">
      <alignment vertical="center"/>
    </xf>
    <xf numFmtId="180" fontId="3" fillId="0" borderId="0" applyFill="0" applyBorder="0" applyAlignment="0"/>
    <xf numFmtId="38" fontId="29" fillId="16" borderId="0" applyNumberFormat="0" applyBorder="0" applyAlignment="0" applyProtection="0"/>
    <xf numFmtId="0" fontId="4" fillId="0" borderId="1" applyNumberFormat="0" applyAlignment="0" applyProtection="0">
      <alignment horizontal="left" vertical="center"/>
    </xf>
    <xf numFmtId="0" fontId="4" fillId="0" borderId="2">
      <alignment horizontal="left" vertical="center"/>
    </xf>
    <xf numFmtId="0" fontId="25" fillId="0" borderId="0" applyBorder="0"/>
    <xf numFmtId="10" fontId="29" fillId="17" borderId="3" applyNumberFormat="0" applyBorder="0" applyAlignment="0" applyProtection="0"/>
    <xf numFmtId="0" fontId="25" fillId="0" borderId="0"/>
    <xf numFmtId="38" fontId="30" fillId="0" borderId="0" applyFont="0" applyFill="0" applyBorder="0" applyAlignment="0" applyProtection="0"/>
    <xf numFmtId="40" fontId="30" fillId="0" borderId="0" applyFont="0" applyFill="0" applyBorder="0" applyAlignment="0" applyProtection="0"/>
    <xf numFmtId="0" fontId="30" fillId="0" borderId="0" applyFont="0" applyFill="0" applyBorder="0" applyAlignment="0" applyProtection="0"/>
    <xf numFmtId="0" fontId="30" fillId="0" borderId="0" applyFont="0" applyFill="0" applyBorder="0" applyAlignment="0" applyProtection="0"/>
    <xf numFmtId="37" fontId="31" fillId="0" borderId="0"/>
    <xf numFmtId="0" fontId="32" fillId="0" borderId="0"/>
    <xf numFmtId="0" fontId="5" fillId="0" borderId="0"/>
    <xf numFmtId="10" fontId="5" fillId="0" borderId="0" applyFont="0" applyFill="0" applyBorder="0" applyAlignment="0" applyProtection="0"/>
    <xf numFmtId="0" fontId="2" fillId="18" borderId="0" applyNumberFormat="0" applyBorder="0" applyAlignment="0" applyProtection="0">
      <alignment vertical="center"/>
    </xf>
    <xf numFmtId="0" fontId="2" fillId="18" borderId="0" applyNumberFormat="0" applyBorder="0" applyAlignment="0" applyProtection="0">
      <alignment vertical="center"/>
    </xf>
    <xf numFmtId="0" fontId="2" fillId="18" borderId="0" applyNumberFormat="0" applyBorder="0" applyAlignment="0" applyProtection="0">
      <alignment vertical="center"/>
    </xf>
    <xf numFmtId="0" fontId="2" fillId="18" borderId="0" applyNumberFormat="0" applyBorder="0" applyAlignment="0" applyProtection="0">
      <alignment vertical="center"/>
    </xf>
    <xf numFmtId="0" fontId="2" fillId="19" borderId="0" applyNumberFormat="0" applyBorder="0" applyAlignment="0" applyProtection="0">
      <alignment vertical="center"/>
    </xf>
    <xf numFmtId="0" fontId="2" fillId="19" borderId="0" applyNumberFormat="0" applyBorder="0" applyAlignment="0" applyProtection="0">
      <alignment vertical="center"/>
    </xf>
    <xf numFmtId="0" fontId="2" fillId="19" borderId="0" applyNumberFormat="0" applyBorder="0" applyAlignment="0" applyProtection="0">
      <alignment vertical="center"/>
    </xf>
    <xf numFmtId="0" fontId="2" fillId="19" borderId="0" applyNumberFormat="0" applyBorder="0" applyAlignment="0" applyProtection="0">
      <alignment vertical="center"/>
    </xf>
    <xf numFmtId="0" fontId="2" fillId="20" borderId="0" applyNumberFormat="0" applyBorder="0" applyAlignment="0" applyProtection="0">
      <alignment vertical="center"/>
    </xf>
    <xf numFmtId="0" fontId="2" fillId="20" borderId="0" applyNumberFormat="0" applyBorder="0" applyAlignment="0" applyProtection="0">
      <alignment vertical="center"/>
    </xf>
    <xf numFmtId="0" fontId="2" fillId="20" borderId="0" applyNumberFormat="0" applyBorder="0" applyAlignment="0" applyProtection="0">
      <alignment vertical="center"/>
    </xf>
    <xf numFmtId="0" fontId="2" fillId="20" borderId="0" applyNumberFormat="0" applyBorder="0" applyAlignment="0" applyProtection="0">
      <alignment vertical="center"/>
    </xf>
    <xf numFmtId="0" fontId="2" fillId="13" borderId="0" applyNumberFormat="0" applyBorder="0" applyAlignment="0" applyProtection="0">
      <alignment vertical="center"/>
    </xf>
    <xf numFmtId="0" fontId="2" fillId="13" borderId="0" applyNumberFormat="0" applyBorder="0" applyAlignment="0" applyProtection="0">
      <alignment vertical="center"/>
    </xf>
    <xf numFmtId="0" fontId="2" fillId="13"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4" borderId="0" applyNumberFormat="0" applyBorder="0" applyAlignment="0" applyProtection="0">
      <alignment vertical="center"/>
    </xf>
    <xf numFmtId="0" fontId="2" fillId="14" borderId="0" applyNumberFormat="0" applyBorder="0" applyAlignment="0" applyProtection="0">
      <alignment vertical="center"/>
    </xf>
    <xf numFmtId="0" fontId="2" fillId="14" borderId="0" applyNumberFormat="0" applyBorder="0" applyAlignment="0" applyProtection="0">
      <alignment vertical="center"/>
    </xf>
    <xf numFmtId="0" fontId="2" fillId="21" borderId="0" applyNumberFormat="0" applyBorder="0" applyAlignment="0" applyProtection="0">
      <alignment vertical="center"/>
    </xf>
    <xf numFmtId="0" fontId="2" fillId="21" borderId="0" applyNumberFormat="0" applyBorder="0" applyAlignment="0" applyProtection="0">
      <alignment vertical="center"/>
    </xf>
    <xf numFmtId="0" fontId="2" fillId="21" borderId="0" applyNumberFormat="0" applyBorder="0" applyAlignment="0" applyProtection="0">
      <alignment vertical="center"/>
    </xf>
    <xf numFmtId="0" fontId="2" fillId="21" borderId="0" applyNumberFormat="0" applyBorder="0" applyAlignment="0" applyProtection="0">
      <alignment vertical="center"/>
    </xf>
    <xf numFmtId="0" fontId="6" fillId="0" borderId="0" applyNumberFormat="0" applyFill="0" applyBorder="0" applyAlignment="0" applyProtection="0">
      <alignment vertical="center"/>
    </xf>
    <xf numFmtId="0" fontId="6" fillId="0" borderId="0" applyNumberFormat="0" applyFill="0" applyBorder="0" applyAlignment="0" applyProtection="0">
      <alignment vertical="center"/>
    </xf>
    <xf numFmtId="0" fontId="6" fillId="0" borderId="0" applyNumberFormat="0" applyFill="0" applyBorder="0" applyAlignment="0" applyProtection="0">
      <alignment vertical="center"/>
    </xf>
    <xf numFmtId="0" fontId="6" fillId="0" borderId="0" applyNumberFormat="0" applyFill="0" applyBorder="0" applyAlignment="0" applyProtection="0">
      <alignment vertical="center"/>
    </xf>
    <xf numFmtId="0" fontId="7" fillId="22" borderId="4" applyNumberFormat="0" applyAlignment="0" applyProtection="0">
      <alignment vertical="center"/>
    </xf>
    <xf numFmtId="0" fontId="7" fillId="22" borderId="4" applyNumberFormat="0" applyAlignment="0" applyProtection="0">
      <alignment vertical="center"/>
    </xf>
    <xf numFmtId="0" fontId="7" fillId="22" borderId="4" applyNumberFormat="0" applyAlignment="0" applyProtection="0">
      <alignment vertical="center"/>
    </xf>
    <xf numFmtId="0" fontId="7" fillId="22" borderId="4" applyNumberFormat="0" applyAlignment="0" applyProtection="0">
      <alignment vertical="center"/>
    </xf>
    <xf numFmtId="0" fontId="26" fillId="0" borderId="0">
      <alignment vertical="top" wrapText="1"/>
    </xf>
    <xf numFmtId="0" fontId="8" fillId="23" borderId="0" applyNumberFormat="0" applyBorder="0" applyAlignment="0" applyProtection="0">
      <alignment vertical="center"/>
    </xf>
    <xf numFmtId="0" fontId="8" fillId="23" borderId="0" applyNumberFormat="0" applyBorder="0" applyAlignment="0" applyProtection="0">
      <alignment vertical="center"/>
    </xf>
    <xf numFmtId="0" fontId="8" fillId="23" borderId="0" applyNumberFormat="0" applyBorder="0" applyAlignment="0" applyProtection="0">
      <alignment vertical="center"/>
    </xf>
    <xf numFmtId="0" fontId="8" fillId="23" borderId="0" applyNumberFormat="0" applyBorder="0" applyAlignment="0" applyProtection="0">
      <alignment vertical="center"/>
    </xf>
    <xf numFmtId="0" fontId="10" fillId="0" borderId="0" applyNumberFormat="0" applyFill="0" applyBorder="0" applyAlignment="0" applyProtection="0">
      <alignment vertical="top"/>
      <protection locked="0"/>
    </xf>
    <xf numFmtId="0" fontId="9" fillId="24" borderId="5" applyNumberFormat="0" applyFont="0" applyAlignment="0" applyProtection="0">
      <alignment vertical="center"/>
    </xf>
    <xf numFmtId="0" fontId="9" fillId="24" borderId="5" applyNumberFormat="0" applyFont="0" applyAlignment="0" applyProtection="0">
      <alignment vertical="center"/>
    </xf>
    <xf numFmtId="0" fontId="9" fillId="24" borderId="5" applyNumberFormat="0" applyFont="0" applyAlignment="0" applyProtection="0">
      <alignment vertical="center"/>
    </xf>
    <xf numFmtId="0" fontId="11" fillId="0" borderId="6" applyNumberFormat="0" applyFill="0" applyAlignment="0" applyProtection="0">
      <alignment vertical="center"/>
    </xf>
    <xf numFmtId="0" fontId="11" fillId="0" borderId="6" applyNumberFormat="0" applyFill="0" applyAlignment="0" applyProtection="0">
      <alignment vertical="center"/>
    </xf>
    <xf numFmtId="0" fontId="11" fillId="0" borderId="6" applyNumberFormat="0" applyFill="0" applyAlignment="0" applyProtection="0">
      <alignment vertical="center"/>
    </xf>
    <xf numFmtId="0" fontId="11" fillId="0" borderId="6" applyNumberFormat="0" applyFill="0" applyAlignment="0" applyProtection="0">
      <alignment vertical="center"/>
    </xf>
    <xf numFmtId="0" fontId="12" fillId="3" borderId="0" applyNumberFormat="0" applyBorder="0" applyAlignment="0" applyProtection="0">
      <alignment vertical="center"/>
    </xf>
    <xf numFmtId="0" fontId="12" fillId="3" borderId="0" applyNumberFormat="0" applyBorder="0" applyAlignment="0" applyProtection="0">
      <alignment vertical="center"/>
    </xf>
    <xf numFmtId="0" fontId="12" fillId="3" borderId="0" applyNumberFormat="0" applyBorder="0" applyAlignment="0" applyProtection="0">
      <alignment vertical="center"/>
    </xf>
    <xf numFmtId="0" fontId="12" fillId="3" borderId="0" applyNumberFormat="0" applyBorder="0" applyAlignment="0" applyProtection="0">
      <alignment vertical="center"/>
    </xf>
    <xf numFmtId="0" fontId="13" fillId="25" borderId="7" applyNumberFormat="0" applyAlignment="0" applyProtection="0">
      <alignment vertical="center"/>
    </xf>
    <xf numFmtId="0" fontId="13" fillId="25" borderId="7" applyNumberFormat="0" applyAlignment="0" applyProtection="0">
      <alignment vertical="center"/>
    </xf>
    <xf numFmtId="0" fontId="13" fillId="25" borderId="7" applyNumberFormat="0" applyAlignment="0" applyProtection="0">
      <alignment vertical="center"/>
    </xf>
    <xf numFmtId="0" fontId="13" fillId="25" borderId="7" applyNumberFormat="0" applyAlignment="0" applyProtection="0">
      <alignment vertical="center"/>
    </xf>
    <xf numFmtId="0" fontId="14" fillId="0" borderId="0" applyNumberFormat="0" applyFill="0" applyBorder="0" applyAlignment="0" applyProtection="0">
      <alignment vertical="center"/>
    </xf>
    <xf numFmtId="0" fontId="14" fillId="0" borderId="0" applyNumberFormat="0" applyFill="0" applyBorder="0" applyAlignment="0" applyProtection="0">
      <alignment vertical="center"/>
    </xf>
    <xf numFmtId="0" fontId="14" fillId="0" borderId="0" applyNumberFormat="0" applyFill="0" applyBorder="0" applyAlignment="0" applyProtection="0">
      <alignment vertical="center"/>
    </xf>
    <xf numFmtId="177" fontId="1" fillId="0" borderId="0" applyFont="0" applyFill="0" applyBorder="0" applyAlignment="0" applyProtection="0"/>
    <xf numFmtId="176" fontId="1" fillId="0" borderId="0" applyFont="0" applyFill="0" applyBorder="0" applyAlignment="0" applyProtection="0"/>
    <xf numFmtId="38" fontId="9" fillId="0" borderId="0" applyFont="0" applyFill="0" applyBorder="0" applyAlignment="0" applyProtection="0"/>
    <xf numFmtId="38" fontId="9" fillId="0" borderId="0" applyFont="0" applyFill="0" applyBorder="0" applyAlignment="0" applyProtection="0"/>
    <xf numFmtId="0" fontId="15" fillId="0" borderId="8" applyNumberFormat="0" applyFill="0" applyAlignment="0" applyProtection="0">
      <alignment vertical="center"/>
    </xf>
    <xf numFmtId="0" fontId="15" fillId="0" borderId="8" applyNumberFormat="0" applyFill="0" applyAlignment="0" applyProtection="0">
      <alignment vertical="center"/>
    </xf>
    <xf numFmtId="0" fontId="15" fillId="0" borderId="8" applyNumberFormat="0" applyFill="0" applyAlignment="0" applyProtection="0">
      <alignment vertical="center"/>
    </xf>
    <xf numFmtId="0" fontId="15" fillId="0" borderId="8" applyNumberFormat="0" applyFill="0" applyAlignment="0" applyProtection="0">
      <alignment vertical="center"/>
    </xf>
    <xf numFmtId="0" fontId="16" fillId="0" borderId="9" applyNumberFormat="0" applyFill="0" applyAlignment="0" applyProtection="0">
      <alignment vertical="center"/>
    </xf>
    <xf numFmtId="0" fontId="16" fillId="0" borderId="9" applyNumberFormat="0" applyFill="0" applyAlignment="0" applyProtection="0">
      <alignment vertical="center"/>
    </xf>
    <xf numFmtId="0" fontId="16" fillId="0" borderId="9" applyNumberFormat="0" applyFill="0" applyAlignment="0" applyProtection="0">
      <alignment vertical="center"/>
    </xf>
    <xf numFmtId="0" fontId="16" fillId="0" borderId="9" applyNumberFormat="0" applyFill="0" applyAlignment="0" applyProtection="0">
      <alignment vertical="center"/>
    </xf>
    <xf numFmtId="0" fontId="17" fillId="0" borderId="10" applyNumberFormat="0" applyFill="0" applyAlignment="0" applyProtection="0">
      <alignment vertical="center"/>
    </xf>
    <xf numFmtId="0" fontId="17" fillId="0" borderId="10" applyNumberFormat="0" applyFill="0" applyAlignment="0" applyProtection="0">
      <alignment vertical="center"/>
    </xf>
    <xf numFmtId="0" fontId="17" fillId="0" borderId="10" applyNumberFormat="0" applyFill="0" applyAlignment="0" applyProtection="0">
      <alignment vertical="center"/>
    </xf>
    <xf numFmtId="0" fontId="17" fillId="0" borderId="10" applyNumberFormat="0" applyFill="0" applyAlignment="0" applyProtection="0">
      <alignment vertical="center"/>
    </xf>
    <xf numFmtId="0" fontId="17" fillId="0" borderId="0" applyNumberFormat="0" applyFill="0" applyBorder="0" applyAlignment="0" applyProtection="0">
      <alignment vertical="center"/>
    </xf>
    <xf numFmtId="0" fontId="17" fillId="0" borderId="0" applyNumberFormat="0" applyFill="0" applyBorder="0" applyAlignment="0" applyProtection="0">
      <alignment vertical="center"/>
    </xf>
    <xf numFmtId="0" fontId="17" fillId="0" borderId="0" applyNumberFormat="0" applyFill="0" applyBorder="0" applyAlignment="0" applyProtection="0">
      <alignment vertical="center"/>
    </xf>
    <xf numFmtId="0" fontId="17" fillId="0" borderId="0" applyNumberFormat="0" applyFill="0" applyBorder="0" applyAlignment="0" applyProtection="0">
      <alignment vertical="center"/>
    </xf>
    <xf numFmtId="0" fontId="18" fillId="0" borderId="11" applyNumberFormat="0" applyFill="0" applyAlignment="0" applyProtection="0">
      <alignment vertical="center"/>
    </xf>
    <xf numFmtId="0" fontId="18" fillId="0" borderId="11" applyNumberFormat="0" applyFill="0" applyAlignment="0" applyProtection="0">
      <alignment vertical="center"/>
    </xf>
    <xf numFmtId="0" fontId="18" fillId="0" borderId="11" applyNumberFormat="0" applyFill="0" applyAlignment="0" applyProtection="0">
      <alignment vertical="center"/>
    </xf>
    <xf numFmtId="0" fontId="18" fillId="0" borderId="11" applyNumberFormat="0" applyFill="0" applyAlignment="0" applyProtection="0">
      <alignment vertical="center"/>
    </xf>
    <xf numFmtId="0" fontId="19" fillId="25" borderId="12" applyNumberFormat="0" applyAlignment="0" applyProtection="0">
      <alignment vertical="center"/>
    </xf>
    <xf numFmtId="0" fontId="19" fillId="25" borderId="12" applyNumberFormat="0" applyAlignment="0" applyProtection="0">
      <alignment vertical="center"/>
    </xf>
    <xf numFmtId="0" fontId="19" fillId="25" borderId="12" applyNumberFormat="0" applyAlignment="0" applyProtection="0">
      <alignment vertical="center"/>
    </xf>
    <xf numFmtId="0" fontId="19" fillId="25" borderId="12" applyNumberFormat="0" applyAlignment="0" applyProtection="0">
      <alignment vertical="center"/>
    </xf>
    <xf numFmtId="0" fontId="20" fillId="0" borderId="0" applyNumberFormat="0" applyFill="0" applyBorder="0" applyAlignment="0" applyProtection="0">
      <alignment vertical="center"/>
    </xf>
    <xf numFmtId="0" fontId="20" fillId="0" borderId="0" applyNumberFormat="0" applyFill="0" applyBorder="0" applyAlignment="0" applyProtection="0">
      <alignment vertical="center"/>
    </xf>
    <xf numFmtId="0" fontId="20" fillId="0" borderId="0" applyNumberFormat="0" applyFill="0" applyBorder="0" applyAlignment="0" applyProtection="0">
      <alignment vertical="center"/>
    </xf>
    <xf numFmtId="0" fontId="20" fillId="0" borderId="0" applyNumberFormat="0" applyFill="0" applyBorder="0" applyAlignment="0" applyProtection="0">
      <alignment vertical="center"/>
    </xf>
    <xf numFmtId="179" fontId="1" fillId="0" borderId="0" applyFont="0" applyFill="0" applyBorder="0" applyAlignment="0" applyProtection="0"/>
    <xf numFmtId="178" fontId="1" fillId="0" borderId="0" applyFont="0" applyFill="0" applyBorder="0" applyAlignment="0" applyProtection="0"/>
    <xf numFmtId="6" fontId="9" fillId="0" borderId="0" applyFont="0" applyFill="0" applyBorder="0" applyAlignment="0" applyProtection="0">
      <alignment vertical="center"/>
    </xf>
    <xf numFmtId="0" fontId="21" fillId="7" borderId="7" applyNumberFormat="0" applyAlignment="0" applyProtection="0">
      <alignment vertical="center"/>
    </xf>
    <xf numFmtId="0" fontId="21" fillId="7" borderId="7" applyNumberFormat="0" applyAlignment="0" applyProtection="0">
      <alignment vertical="center"/>
    </xf>
    <xf numFmtId="0" fontId="21" fillId="7" borderId="7" applyNumberFormat="0" applyAlignment="0" applyProtection="0">
      <alignment vertical="center"/>
    </xf>
    <xf numFmtId="0" fontId="21" fillId="7" borderId="7" applyNumberFormat="0" applyAlignment="0" applyProtection="0">
      <alignment vertical="center"/>
    </xf>
    <xf numFmtId="0" fontId="38" fillId="0" borderId="0">
      <alignment vertical="center"/>
    </xf>
    <xf numFmtId="0" fontId="9" fillId="0" borderId="0"/>
    <xf numFmtId="0" fontId="39" fillId="0" borderId="0">
      <alignment vertical="center"/>
    </xf>
    <xf numFmtId="0" fontId="9" fillId="0" borderId="0"/>
    <xf numFmtId="0" fontId="38" fillId="0" borderId="0">
      <alignment vertical="center"/>
    </xf>
    <xf numFmtId="0" fontId="38" fillId="0" borderId="0">
      <alignment vertical="center"/>
    </xf>
    <xf numFmtId="0" fontId="33" fillId="0" borderId="0"/>
    <xf numFmtId="0" fontId="9" fillId="0" borderId="0"/>
    <xf numFmtId="49" fontId="9" fillId="0" borderId="0"/>
    <xf numFmtId="0" fontId="22" fillId="0" borderId="0"/>
    <xf numFmtId="0" fontId="23" fillId="4" borderId="0" applyNumberFormat="0" applyBorder="0" applyAlignment="0" applyProtection="0">
      <alignment vertical="center"/>
    </xf>
    <xf numFmtId="0" fontId="23" fillId="4" borderId="0" applyNumberFormat="0" applyBorder="0" applyAlignment="0" applyProtection="0">
      <alignment vertical="center"/>
    </xf>
    <xf numFmtId="0" fontId="23" fillId="4" borderId="0" applyNumberFormat="0" applyBorder="0" applyAlignment="0" applyProtection="0">
      <alignment vertical="center"/>
    </xf>
    <xf numFmtId="0" fontId="23" fillId="4" borderId="0" applyNumberFormat="0" applyBorder="0" applyAlignment="0" applyProtection="0">
      <alignment vertical="center"/>
    </xf>
    <xf numFmtId="0" fontId="38" fillId="0" borderId="0">
      <alignment vertical="center"/>
    </xf>
    <xf numFmtId="0" fontId="64" fillId="0" borderId="0" applyNumberFormat="0" applyFill="0" applyBorder="0" applyAlignment="0" applyProtection="0"/>
    <xf numFmtId="6" fontId="9" fillId="0" borderId="0" applyFont="0" applyFill="0" applyBorder="0" applyAlignment="0" applyProtection="0">
      <alignment vertical="center"/>
    </xf>
    <xf numFmtId="37" fontId="72" fillId="0" borderId="0"/>
    <xf numFmtId="6" fontId="9" fillId="0" borderId="0" applyFont="0" applyFill="0" applyBorder="0" applyAlignment="0" applyProtection="0">
      <alignment vertical="center"/>
    </xf>
    <xf numFmtId="6" fontId="9" fillId="0" borderId="0" applyFont="0" applyFill="0" applyBorder="0" applyAlignment="0" applyProtection="0">
      <alignment vertical="center"/>
    </xf>
    <xf numFmtId="0" fontId="9" fillId="0" borderId="0">
      <alignment vertical="center"/>
    </xf>
    <xf numFmtId="0" fontId="9" fillId="0" borderId="0"/>
    <xf numFmtId="0" fontId="9" fillId="0" borderId="0">
      <alignment vertical="center"/>
    </xf>
    <xf numFmtId="38" fontId="9" fillId="0" borderId="0" applyFont="0" applyFill="0" applyBorder="0" applyAlignment="0" applyProtection="0"/>
    <xf numFmtId="0" fontId="9" fillId="0" borderId="0"/>
  </cellStyleXfs>
  <cellXfs count="784">
    <xf numFmtId="0" fontId="0" fillId="0" borderId="0" xfId="0"/>
    <xf numFmtId="0" fontId="0" fillId="0" borderId="0" xfId="0" applyAlignment="1">
      <alignment vertical="center"/>
    </xf>
    <xf numFmtId="0" fontId="0" fillId="0" borderId="22" xfId="0" applyBorder="1" applyAlignment="1">
      <alignment vertical="center"/>
    </xf>
    <xf numFmtId="0" fontId="27" fillId="0" borderId="0" xfId="0" applyFont="1" applyAlignment="1">
      <alignment vertical="center"/>
    </xf>
    <xf numFmtId="0" fontId="27" fillId="0" borderId="16" xfId="0" applyFont="1" applyBorder="1" applyAlignment="1">
      <alignment vertical="center"/>
    </xf>
    <xf numFmtId="0" fontId="27" fillId="0" borderId="22" xfId="0" applyFont="1" applyBorder="1" applyAlignment="1">
      <alignment vertical="center"/>
    </xf>
    <xf numFmtId="49" fontId="0" fillId="0" borderId="22" xfId="0" applyNumberFormat="1" applyBorder="1" applyAlignment="1" applyProtection="1">
      <alignment vertical="center"/>
      <protection locked="0"/>
    </xf>
    <xf numFmtId="0" fontId="36" fillId="0" borderId="0" xfId="0" applyFont="1" applyAlignment="1">
      <alignment vertical="center"/>
    </xf>
    <xf numFmtId="49" fontId="0" fillId="0" borderId="0" xfId="0" applyNumberFormat="1" applyAlignment="1" applyProtection="1">
      <alignment vertical="center"/>
      <protection locked="0"/>
    </xf>
    <xf numFmtId="49" fontId="0" fillId="0" borderId="0" xfId="0" applyNumberFormat="1" applyAlignment="1">
      <alignment vertical="center"/>
    </xf>
    <xf numFmtId="0" fontId="0" fillId="0" borderId="16" xfId="0" applyBorder="1" applyAlignment="1">
      <alignment vertical="center"/>
    </xf>
    <xf numFmtId="0" fontId="0" fillId="0" borderId="0" xfId="0" applyAlignment="1">
      <alignment horizontal="center" vertical="center"/>
    </xf>
    <xf numFmtId="0" fontId="34" fillId="0" borderId="0" xfId="0" applyFont="1" applyAlignment="1">
      <alignment vertical="center"/>
    </xf>
    <xf numFmtId="0" fontId="0" fillId="28" borderId="0" xfId="0" applyFill="1" applyAlignment="1">
      <alignment vertical="center"/>
    </xf>
    <xf numFmtId="49" fontId="27" fillId="0" borderId="0" xfId="0" applyNumberFormat="1" applyFont="1" applyAlignment="1">
      <alignment vertical="center"/>
    </xf>
    <xf numFmtId="0" fontId="27" fillId="0" borderId="22" xfId="0" applyFont="1" applyBorder="1" applyAlignment="1" applyProtection="1">
      <alignment vertical="center"/>
      <protection locked="0"/>
    </xf>
    <xf numFmtId="0" fontId="43" fillId="0" borderId="0" xfId="0" applyFont="1" applyAlignment="1">
      <alignment vertical="center"/>
    </xf>
    <xf numFmtId="0" fontId="27" fillId="0" borderId="18" xfId="0" applyFont="1" applyBorder="1" applyAlignment="1">
      <alignment vertical="center"/>
    </xf>
    <xf numFmtId="0" fontId="35" fillId="0" borderId="0" xfId="0" applyFont="1" applyAlignment="1">
      <alignment vertical="center"/>
    </xf>
    <xf numFmtId="0" fontId="41" fillId="28" borderId="22" xfId="0" applyFont="1" applyFill="1" applyBorder="1" applyAlignment="1" applyProtection="1">
      <alignment vertical="center"/>
      <protection locked="0"/>
    </xf>
    <xf numFmtId="0" fontId="41" fillId="0" borderId="22" xfId="0" applyFont="1" applyBorder="1" applyAlignment="1" applyProtection="1">
      <alignment vertical="center"/>
      <protection locked="0"/>
    </xf>
    <xf numFmtId="0" fontId="43" fillId="0" borderId="19" xfId="0" applyFont="1" applyBorder="1" applyAlignment="1">
      <alignment vertical="center"/>
    </xf>
    <xf numFmtId="0" fontId="43" fillId="0" borderId="15" xfId="0" applyFont="1" applyBorder="1" applyAlignment="1">
      <alignment vertical="center"/>
    </xf>
    <xf numFmtId="0" fontId="43" fillId="0" borderId="20" xfId="0" applyFont="1" applyBorder="1" applyAlignment="1">
      <alignment vertical="center"/>
    </xf>
    <xf numFmtId="0" fontId="43" fillId="0" borderId="18" xfId="0" applyFont="1" applyBorder="1" applyAlignment="1">
      <alignment vertical="center"/>
    </xf>
    <xf numFmtId="0" fontId="43" fillId="0" borderId="22" xfId="0" applyFont="1" applyBorder="1" applyAlignment="1">
      <alignment vertical="center"/>
    </xf>
    <xf numFmtId="0" fontId="41" fillId="0" borderId="0" xfId="0" applyFont="1" applyAlignment="1">
      <alignment vertical="center"/>
    </xf>
    <xf numFmtId="0" fontId="44" fillId="0" borderId="0" xfId="0" applyFont="1" applyAlignment="1">
      <alignment vertical="center"/>
    </xf>
    <xf numFmtId="0" fontId="27" fillId="28" borderId="0" xfId="0" applyFont="1" applyFill="1" applyAlignment="1">
      <alignment vertical="center"/>
    </xf>
    <xf numFmtId="0" fontId="43" fillId="0" borderId="16" xfId="0" applyFont="1" applyBorder="1" applyAlignment="1">
      <alignment vertical="center"/>
    </xf>
    <xf numFmtId="0" fontId="27" fillId="0" borderId="0" xfId="0" applyFont="1"/>
    <xf numFmtId="0" fontId="27" fillId="0" borderId="0" xfId="0" applyFont="1" applyAlignment="1" applyProtection="1">
      <alignment vertical="center"/>
      <protection locked="0"/>
    </xf>
    <xf numFmtId="0" fontId="27" fillId="0" borderId="0" xfId="0" applyFont="1" applyAlignment="1">
      <alignment vertical="center" wrapText="1"/>
    </xf>
    <xf numFmtId="0" fontId="27" fillId="0" borderId="0" xfId="0" applyFont="1" applyAlignment="1">
      <alignment wrapText="1"/>
    </xf>
    <xf numFmtId="0" fontId="0" fillId="0" borderId="0" xfId="0" applyAlignment="1">
      <alignment vertical="center" wrapText="1"/>
    </xf>
    <xf numFmtId="0" fontId="0" fillId="28" borderId="0" xfId="0" applyFill="1" applyAlignment="1">
      <alignment vertical="center" wrapText="1"/>
    </xf>
    <xf numFmtId="0" fontId="27" fillId="0" borderId="18" xfId="0" applyFont="1" applyBorder="1" applyAlignment="1">
      <alignment vertical="center" wrapText="1"/>
    </xf>
    <xf numFmtId="0" fontId="45" fillId="28" borderId="16" xfId="191" applyFont="1" applyFill="1" applyBorder="1" applyAlignment="1" applyProtection="1">
      <alignment horizontal="center" vertical="center"/>
      <protection locked="0"/>
    </xf>
    <xf numFmtId="0" fontId="41" fillId="28" borderId="16" xfId="0" applyFont="1" applyFill="1" applyBorder="1" applyAlignment="1">
      <alignment vertical="center"/>
    </xf>
    <xf numFmtId="0" fontId="41" fillId="28" borderId="16" xfId="0" applyFont="1" applyFill="1" applyBorder="1" applyAlignment="1">
      <alignment vertical="center" wrapText="1"/>
    </xf>
    <xf numFmtId="0" fontId="42" fillId="0" borderId="18" xfId="190" applyFont="1" applyBorder="1" applyAlignment="1">
      <alignment vertical="center" wrapText="1"/>
    </xf>
    <xf numFmtId="0" fontId="41" fillId="0" borderId="18" xfId="0" applyFont="1" applyBorder="1" applyAlignment="1">
      <alignment horizontal="center" vertical="center" shrinkToFit="1"/>
    </xf>
    <xf numFmtId="49" fontId="43" fillId="0" borderId="22" xfId="0" applyNumberFormat="1" applyFont="1" applyBorder="1" applyAlignment="1" applyProtection="1">
      <alignment vertical="center"/>
      <protection locked="0"/>
    </xf>
    <xf numFmtId="49" fontId="43" fillId="0" borderId="0" xfId="0" applyNumberFormat="1" applyFont="1" applyAlignment="1" applyProtection="1">
      <alignment vertical="center"/>
      <protection locked="0"/>
    </xf>
    <xf numFmtId="49" fontId="43" fillId="0" borderId="0" xfId="0" applyNumberFormat="1" applyFont="1" applyAlignment="1">
      <alignment vertical="center" wrapText="1"/>
    </xf>
    <xf numFmtId="49" fontId="43" fillId="0" borderId="0" xfId="0" applyNumberFormat="1" applyFont="1" applyAlignment="1">
      <alignment vertical="center"/>
    </xf>
    <xf numFmtId="49" fontId="41" fillId="0" borderId="22" xfId="0" applyNumberFormat="1" applyFont="1" applyBorder="1" applyAlignment="1" applyProtection="1">
      <alignment vertical="center"/>
      <protection locked="0"/>
    </xf>
    <xf numFmtId="0" fontId="46" fillId="0" borderId="0" xfId="0" applyFont="1" applyAlignment="1">
      <alignment vertical="center"/>
    </xf>
    <xf numFmtId="0" fontId="41" fillId="0" borderId="16" xfId="0" applyFont="1" applyBorder="1" applyAlignment="1">
      <alignment vertical="center"/>
    </xf>
    <xf numFmtId="0" fontId="43" fillId="0" borderId="0" xfId="0" applyFont="1" applyAlignment="1">
      <alignment vertical="center" wrapText="1"/>
    </xf>
    <xf numFmtId="0" fontId="42" fillId="0" borderId="0" xfId="0" applyFont="1" applyAlignment="1">
      <alignment vertical="center"/>
    </xf>
    <xf numFmtId="0" fontId="43" fillId="0" borderId="22" xfId="0" applyFont="1" applyBorder="1" applyAlignment="1" applyProtection="1">
      <alignment vertical="center"/>
      <protection locked="0"/>
    </xf>
    <xf numFmtId="0" fontId="43" fillId="0" borderId="0" xfId="0" applyFont="1"/>
    <xf numFmtId="0" fontId="43" fillId="0" borderId="0" xfId="0" applyFont="1" applyAlignment="1" applyProtection="1">
      <alignment vertical="center"/>
      <protection locked="0"/>
    </xf>
    <xf numFmtId="0" fontId="41" fillId="28" borderId="0" xfId="0" applyFont="1" applyFill="1" applyAlignment="1">
      <alignment vertical="center"/>
    </xf>
    <xf numFmtId="0" fontId="41" fillId="0" borderId="0" xfId="0" applyFont="1" applyAlignment="1">
      <alignment vertical="center" wrapText="1"/>
    </xf>
    <xf numFmtId="0" fontId="41" fillId="28" borderId="22" xfId="0" applyFont="1" applyFill="1" applyBorder="1" applyAlignment="1" applyProtection="1">
      <alignment vertical="center" wrapText="1"/>
      <protection locked="0"/>
    </xf>
    <xf numFmtId="0" fontId="41" fillId="28" borderId="0" xfId="0" applyFont="1" applyFill="1" applyAlignment="1">
      <alignment vertical="center" wrapText="1"/>
    </xf>
    <xf numFmtId="0" fontId="41" fillId="0" borderId="15" xfId="0" applyFont="1" applyBorder="1" applyAlignment="1">
      <alignment vertical="center"/>
    </xf>
    <xf numFmtId="0" fontId="41" fillId="0" borderId="18" xfId="0" applyFont="1" applyBorder="1" applyAlignment="1">
      <alignment horizontal="center" vertical="center"/>
    </xf>
    <xf numFmtId="0" fontId="42" fillId="0" borderId="18" xfId="191" applyFont="1" applyBorder="1" applyAlignment="1" applyProtection="1">
      <alignment horizontal="center" vertical="center"/>
      <protection locked="0"/>
    </xf>
    <xf numFmtId="0" fontId="43" fillId="0" borderId="15" xfId="0" applyFont="1" applyBorder="1" applyAlignment="1">
      <alignment vertical="center" wrapText="1"/>
    </xf>
    <xf numFmtId="0" fontId="43" fillId="0" borderId="17" xfId="0" applyFont="1" applyBorder="1" applyAlignment="1">
      <alignment vertical="center"/>
    </xf>
    <xf numFmtId="0" fontId="41" fillId="0" borderId="18" xfId="190" applyFont="1" applyBorder="1" applyAlignment="1">
      <alignment vertical="center" wrapText="1"/>
    </xf>
    <xf numFmtId="0" fontId="41" fillId="0" borderId="18" xfId="191" applyFont="1" applyBorder="1" applyAlignment="1" applyProtection="1">
      <alignment horizontal="left" vertical="center"/>
      <protection locked="0"/>
    </xf>
    <xf numFmtId="0" fontId="41" fillId="0" borderId="18" xfId="191" applyFont="1" applyBorder="1" applyAlignment="1" applyProtection="1">
      <alignment horizontal="center" vertical="center"/>
      <protection locked="0"/>
    </xf>
    <xf numFmtId="0" fontId="41" fillId="0" borderId="18" xfId="0" applyFont="1" applyBorder="1" applyAlignment="1">
      <alignment horizontal="left" vertical="center"/>
    </xf>
    <xf numFmtId="0" fontId="41" fillId="0" borderId="0" xfId="190" applyFont="1" applyAlignment="1">
      <alignment vertical="center" wrapText="1"/>
    </xf>
    <xf numFmtId="0" fontId="40" fillId="0" borderId="0" xfId="0" applyFont="1" applyAlignment="1">
      <alignment vertical="center"/>
    </xf>
    <xf numFmtId="0" fontId="0" fillId="0" borderId="16" xfId="0" applyBorder="1" applyAlignment="1">
      <alignment horizontal="left" vertical="center"/>
    </xf>
    <xf numFmtId="0" fontId="41" fillId="0" borderId="22" xfId="0" applyFont="1" applyBorder="1" applyAlignment="1">
      <alignment vertical="center"/>
    </xf>
    <xf numFmtId="0" fontId="41" fillId="0" borderId="0" xfId="0" applyFont="1"/>
    <xf numFmtId="0" fontId="41" fillId="0" borderId="0" xfId="0" applyFont="1" applyAlignment="1" applyProtection="1">
      <alignment vertical="center"/>
      <protection locked="0"/>
    </xf>
    <xf numFmtId="0" fontId="41" fillId="28" borderId="18" xfId="0" applyFont="1" applyFill="1" applyBorder="1" applyAlignment="1">
      <alignment horizontal="center" vertical="center"/>
    </xf>
    <xf numFmtId="0" fontId="41" fillId="0" borderId="18" xfId="191" applyFont="1" applyBorder="1" applyAlignment="1" applyProtection="1">
      <alignment horizontal="left" vertical="top"/>
      <protection locked="0"/>
    </xf>
    <xf numFmtId="0" fontId="41" fillId="28" borderId="0" xfId="191" applyFont="1" applyFill="1" applyAlignment="1" applyProtection="1">
      <alignment horizontal="center" vertical="center"/>
      <protection locked="0"/>
    </xf>
    <xf numFmtId="0" fontId="41" fillId="0" borderId="0" xfId="191" applyFont="1" applyAlignment="1" applyProtection="1">
      <alignment horizontal="left" vertical="center"/>
      <protection locked="0"/>
    </xf>
    <xf numFmtId="0" fontId="45" fillId="0" borderId="0" xfId="191" applyFont="1" applyAlignment="1" applyProtection="1">
      <alignment horizontal="left" vertical="center"/>
      <protection locked="0"/>
    </xf>
    <xf numFmtId="0" fontId="36" fillId="0" borderId="0" xfId="0" applyFont="1" applyAlignment="1">
      <alignment horizontal="right" vertical="center"/>
    </xf>
    <xf numFmtId="0" fontId="47" fillId="30" borderId="14" xfId="0" applyFont="1" applyFill="1" applyBorder="1" applyAlignment="1">
      <alignment horizontal="left" vertical="center"/>
    </xf>
    <xf numFmtId="0" fontId="48" fillId="30" borderId="2" xfId="0" applyFont="1" applyFill="1" applyBorder="1" applyAlignment="1">
      <alignment horizontal="left" vertical="center"/>
    </xf>
    <xf numFmtId="0" fontId="49" fillId="30" borderId="2" xfId="0" applyFont="1" applyFill="1" applyBorder="1" applyAlignment="1">
      <alignment horizontal="left" vertical="center"/>
    </xf>
    <xf numFmtId="0" fontId="48" fillId="30" borderId="13" xfId="0" applyFont="1" applyFill="1" applyBorder="1" applyAlignment="1">
      <alignment horizontal="left" vertical="center"/>
    </xf>
    <xf numFmtId="0" fontId="0" fillId="31" borderId="26" xfId="0" applyFill="1" applyBorder="1" applyAlignment="1">
      <alignment vertical="center"/>
    </xf>
    <xf numFmtId="0" fontId="28" fillId="31" borderId="27" xfId="0" applyFont="1" applyFill="1" applyBorder="1" applyAlignment="1">
      <alignment vertical="center"/>
    </xf>
    <xf numFmtId="0" fontId="47" fillId="31" borderId="27" xfId="0" applyFont="1" applyFill="1" applyBorder="1" applyAlignment="1">
      <alignment vertical="center"/>
    </xf>
    <xf numFmtId="0" fontId="0" fillId="31" borderId="27" xfId="0" applyFill="1" applyBorder="1" applyAlignment="1">
      <alignment vertical="center"/>
    </xf>
    <xf numFmtId="0" fontId="0" fillId="31" borderId="28" xfId="0" applyFill="1" applyBorder="1" applyAlignment="1">
      <alignment vertical="center"/>
    </xf>
    <xf numFmtId="0" fontId="0" fillId="0" borderId="29" xfId="0" applyBorder="1"/>
    <xf numFmtId="0" fontId="0" fillId="0" borderId="30" xfId="0" applyBorder="1"/>
    <xf numFmtId="49" fontId="0" fillId="0" borderId="22" xfId="0" applyNumberFormat="1" applyBorder="1" applyAlignment="1">
      <alignment vertical="center"/>
    </xf>
    <xf numFmtId="49" fontId="36" fillId="0" borderId="0" xfId="0" applyNumberFormat="1" applyFont="1" applyAlignment="1">
      <alignment vertical="center"/>
    </xf>
    <xf numFmtId="49" fontId="0" fillId="0" borderId="16" xfId="0" applyNumberFormat="1" applyBorder="1" applyAlignment="1">
      <alignment horizontal="left" vertical="center"/>
    </xf>
    <xf numFmtId="0" fontId="50" fillId="0" borderId="22" xfId="0" applyFont="1" applyBorder="1" applyAlignment="1">
      <alignment vertical="center"/>
    </xf>
    <xf numFmtId="0" fontId="51" fillId="0" borderId="0" xfId="0" applyFont="1" applyAlignment="1">
      <alignment vertical="center"/>
    </xf>
    <xf numFmtId="0" fontId="50" fillId="0" borderId="0" xfId="0" applyFont="1" applyAlignment="1">
      <alignment vertical="center"/>
    </xf>
    <xf numFmtId="0" fontId="50" fillId="0" borderId="16" xfId="0" applyFont="1" applyBorder="1" applyAlignment="1">
      <alignment horizontal="left" vertical="center"/>
    </xf>
    <xf numFmtId="0" fontId="46" fillId="0" borderId="0" xfId="0" applyFont="1" applyAlignment="1">
      <alignment horizontal="center" vertical="center"/>
    </xf>
    <xf numFmtId="0" fontId="0" fillId="0" borderId="0" xfId="0" applyAlignment="1">
      <alignment horizontal="right" vertical="center"/>
    </xf>
    <xf numFmtId="0" fontId="51" fillId="0" borderId="0" xfId="0" applyFont="1" applyAlignment="1">
      <alignment horizontal="right" vertical="center"/>
    </xf>
    <xf numFmtId="0" fontId="51" fillId="0" borderId="0" xfId="0" applyFont="1" applyAlignment="1">
      <alignment horizontal="center" vertical="center"/>
    </xf>
    <xf numFmtId="0" fontId="0" fillId="0" borderId="16" xfId="0" applyBorder="1"/>
    <xf numFmtId="49" fontId="0" fillId="0" borderId="16" xfId="0" applyNumberFormat="1" applyBorder="1" applyAlignment="1" applyProtection="1">
      <alignment vertical="center"/>
      <protection locked="0"/>
    </xf>
    <xf numFmtId="0" fontId="36" fillId="0" borderId="16" xfId="0" applyFont="1" applyBorder="1" applyAlignment="1">
      <alignment vertical="center"/>
    </xf>
    <xf numFmtId="0" fontId="0" fillId="0" borderId="31" xfId="0" applyBorder="1"/>
    <xf numFmtId="49" fontId="0" fillId="0" borderId="16" xfId="0" applyNumberFormat="1" applyBorder="1" applyAlignment="1">
      <alignment vertical="center"/>
    </xf>
    <xf numFmtId="0" fontId="50" fillId="0" borderId="16" xfId="0" applyFont="1" applyBorder="1" applyAlignment="1">
      <alignment vertical="center"/>
    </xf>
    <xf numFmtId="0" fontId="48" fillId="30" borderId="14" xfId="0" applyFont="1" applyFill="1" applyBorder="1" applyAlignment="1">
      <alignment horizontal="left" vertical="center"/>
    </xf>
    <xf numFmtId="0" fontId="47" fillId="31" borderId="26" xfId="0" applyFont="1" applyFill="1" applyBorder="1" applyAlignment="1">
      <alignment vertical="center"/>
    </xf>
    <xf numFmtId="49" fontId="43" fillId="0" borderId="16" xfId="0" applyNumberFormat="1" applyFont="1" applyBorder="1" applyAlignment="1" applyProtection="1">
      <alignment vertical="center"/>
      <protection locked="0"/>
    </xf>
    <xf numFmtId="0" fontId="36" fillId="0" borderId="0" xfId="0" applyFont="1" applyAlignment="1">
      <alignment horizontal="center" vertical="center"/>
    </xf>
    <xf numFmtId="49" fontId="43" fillId="0" borderId="31" xfId="0" applyNumberFormat="1" applyFont="1" applyBorder="1" applyAlignment="1" applyProtection="1">
      <alignment vertical="center"/>
      <protection locked="0"/>
    </xf>
    <xf numFmtId="49" fontId="43" fillId="0" borderId="31" xfId="0" applyNumberFormat="1" applyFont="1" applyBorder="1" applyAlignment="1">
      <alignment vertical="center" wrapText="1"/>
    </xf>
    <xf numFmtId="49" fontId="0" fillId="0" borderId="0" xfId="0" applyNumberFormat="1" applyAlignment="1">
      <alignment vertical="center" wrapText="1"/>
    </xf>
    <xf numFmtId="0" fontId="41" fillId="0" borderId="18" xfId="0" applyFont="1" applyBorder="1" applyAlignment="1">
      <alignment vertical="center" wrapText="1"/>
    </xf>
    <xf numFmtId="49" fontId="0" fillId="0" borderId="0" xfId="0" applyNumberFormat="1" applyAlignment="1" applyProtection="1">
      <alignment vertical="center" wrapText="1"/>
      <protection locked="0"/>
    </xf>
    <xf numFmtId="0" fontId="41" fillId="28" borderId="18" xfId="0" applyFont="1" applyFill="1" applyBorder="1" applyAlignment="1">
      <alignment vertical="center" wrapText="1"/>
    </xf>
    <xf numFmtId="0" fontId="50" fillId="0" borderId="0" xfId="0" applyFont="1" applyAlignment="1">
      <alignment vertical="center" wrapText="1"/>
    </xf>
    <xf numFmtId="0" fontId="41" fillId="28" borderId="3" xfId="0" applyFont="1" applyFill="1" applyBorder="1" applyAlignment="1">
      <alignment vertical="center" wrapText="1"/>
    </xf>
    <xf numFmtId="0" fontId="41" fillId="0" borderId="0" xfId="0" applyFont="1" applyAlignment="1">
      <alignment horizontal="left" vertical="center"/>
    </xf>
    <xf numFmtId="0" fontId="41" fillId="0" borderId="18" xfId="191" applyFont="1" applyBorder="1" applyAlignment="1" applyProtection="1">
      <alignment horizontal="center" vertical="center" wrapText="1"/>
      <protection locked="0"/>
    </xf>
    <xf numFmtId="0" fontId="45" fillId="0" borderId="0" xfId="191" applyFont="1" applyAlignment="1" applyProtection="1">
      <alignment horizontal="center" vertical="center"/>
      <protection locked="0"/>
    </xf>
    <xf numFmtId="0" fontId="41" fillId="0" borderId="0" xfId="0" applyFont="1" applyAlignment="1">
      <alignment horizontal="center" vertical="center"/>
    </xf>
    <xf numFmtId="0" fontId="41" fillId="0" borderId="18" xfId="0" applyFont="1" applyBorder="1" applyAlignment="1">
      <alignment horizontal="centerContinuous" vertical="center"/>
    </xf>
    <xf numFmtId="0" fontId="41" fillId="28" borderId="0" xfId="0" applyFont="1" applyFill="1" applyAlignment="1">
      <alignment horizontal="center" vertical="center"/>
    </xf>
    <xf numFmtId="0" fontId="41" fillId="28" borderId="0" xfId="190" applyFont="1" applyFill="1" applyAlignment="1">
      <alignment vertical="center" wrapText="1"/>
    </xf>
    <xf numFmtId="0" fontId="41" fillId="28" borderId="0" xfId="0" applyFont="1" applyFill="1" applyAlignment="1">
      <alignment horizontal="center" vertical="center" shrinkToFit="1"/>
    </xf>
    <xf numFmtId="0" fontId="0" fillId="0" borderId="0" xfId="0" applyAlignment="1">
      <alignment horizontal="left" vertical="top"/>
    </xf>
    <xf numFmtId="0" fontId="54" fillId="0" borderId="0" xfId="0" applyFont="1" applyAlignment="1">
      <alignment vertical="center"/>
    </xf>
    <xf numFmtId="0" fontId="38" fillId="0" borderId="0" xfId="0" applyFont="1" applyAlignment="1">
      <alignment horizontal="right" vertical="center"/>
    </xf>
    <xf numFmtId="0" fontId="38" fillId="0" borderId="18" xfId="0" applyFont="1" applyBorder="1" applyAlignment="1">
      <alignment vertical="center"/>
    </xf>
    <xf numFmtId="0" fontId="38" fillId="0" borderId="0" xfId="0" applyFont="1" applyAlignment="1">
      <alignment vertical="center"/>
    </xf>
    <xf numFmtId="0" fontId="55" fillId="0" borderId="0" xfId="0" applyFont="1"/>
    <xf numFmtId="49" fontId="38" fillId="0" borderId="0" xfId="0" applyNumberFormat="1" applyFont="1" applyAlignment="1">
      <alignment vertical="center"/>
    </xf>
    <xf numFmtId="49" fontId="55" fillId="0" borderId="0" xfId="0" applyNumberFormat="1" applyFont="1" applyAlignment="1">
      <alignment horizontal="center" vertical="center"/>
    </xf>
    <xf numFmtId="0" fontId="57" fillId="0" borderId="0" xfId="191" applyFont="1" applyAlignment="1" applyProtection="1">
      <alignment horizontal="center" vertical="center"/>
      <protection locked="0"/>
    </xf>
    <xf numFmtId="0" fontId="55" fillId="0" borderId="14" xfId="0" applyFont="1" applyBorder="1" applyAlignment="1">
      <alignment horizontal="center" vertical="center"/>
    </xf>
    <xf numFmtId="0" fontId="55" fillId="0" borderId="19" xfId="191" applyFont="1" applyBorder="1" applyAlignment="1" applyProtection="1">
      <alignment horizontal="left" vertical="center"/>
      <protection locked="0"/>
    </xf>
    <xf numFmtId="0" fontId="55" fillId="0" borderId="15" xfId="191" applyFont="1" applyBorder="1" applyAlignment="1" applyProtection="1">
      <alignment horizontal="center" vertical="center"/>
      <protection locked="0"/>
    </xf>
    <xf numFmtId="0" fontId="55" fillId="0" borderId="14" xfId="191" applyFont="1" applyBorder="1" applyAlignment="1" applyProtection="1">
      <alignment vertical="center"/>
      <protection locked="0"/>
    </xf>
    <xf numFmtId="0" fontId="55" fillId="0" borderId="14" xfId="191" applyFont="1" applyBorder="1" applyAlignment="1" applyProtection="1">
      <alignment horizontal="center" vertical="center" wrapText="1"/>
      <protection locked="0"/>
    </xf>
    <xf numFmtId="0" fontId="55" fillId="0" borderId="14" xfId="191" applyFont="1" applyBorder="1" applyAlignment="1" applyProtection="1">
      <alignment horizontal="center" vertical="center"/>
      <protection locked="0"/>
    </xf>
    <xf numFmtId="0" fontId="59" fillId="0" borderId="3" xfId="0" applyFont="1" applyBorder="1" applyAlignment="1">
      <alignment horizontal="center"/>
    </xf>
    <xf numFmtId="0" fontId="59" fillId="0" borderId="2" xfId="191" applyFont="1" applyBorder="1" applyAlignment="1" applyProtection="1">
      <alignment vertical="center"/>
      <protection locked="0"/>
    </xf>
    <xf numFmtId="0" fontId="55" fillId="0" borderId="2" xfId="191" applyFont="1" applyBorder="1" applyAlignment="1" applyProtection="1">
      <alignment vertical="center"/>
      <protection locked="0"/>
    </xf>
    <xf numFmtId="0" fontId="60" fillId="0" borderId="0" xfId="191" applyFont="1" applyAlignment="1" applyProtection="1">
      <alignment vertical="center"/>
      <protection locked="0"/>
    </xf>
    <xf numFmtId="49" fontId="38" fillId="0" borderId="0" xfId="0" applyNumberFormat="1" applyFont="1" applyAlignment="1">
      <alignment horizontal="center" vertical="center"/>
    </xf>
    <xf numFmtId="0" fontId="38" fillId="0" borderId="0" xfId="191" applyFont="1" applyAlignment="1" applyProtection="1">
      <alignment horizontal="left" vertical="center"/>
      <protection locked="0"/>
    </xf>
    <xf numFmtId="49" fontId="55" fillId="0" borderId="0" xfId="0" applyNumberFormat="1" applyFont="1" applyAlignment="1">
      <alignment horizontal="left" vertical="center"/>
    </xf>
    <xf numFmtId="0" fontId="55" fillId="34" borderId="14" xfId="0" applyFont="1" applyFill="1" applyBorder="1" applyAlignment="1">
      <alignment horizontal="center" vertical="center"/>
    </xf>
    <xf numFmtId="0" fontId="55" fillId="34" borderId="14" xfId="191" applyFont="1" applyFill="1" applyBorder="1" applyAlignment="1" applyProtection="1">
      <alignment vertical="center"/>
      <protection locked="0"/>
    </xf>
    <xf numFmtId="0" fontId="55" fillId="34" borderId="2" xfId="191" applyFont="1" applyFill="1" applyBorder="1" applyAlignment="1" applyProtection="1">
      <alignment vertical="center"/>
      <protection locked="0"/>
    </xf>
    <xf numFmtId="0" fontId="55" fillId="34" borderId="14" xfId="191" applyFont="1" applyFill="1" applyBorder="1" applyAlignment="1" applyProtection="1">
      <alignment horizontal="center" vertical="center"/>
      <protection locked="0"/>
    </xf>
    <xf numFmtId="0" fontId="59" fillId="34" borderId="3" xfId="0" applyFont="1" applyFill="1" applyBorder="1" applyAlignment="1">
      <alignment horizontal="center" vertical="center"/>
    </xf>
    <xf numFmtId="0" fontId="55" fillId="28" borderId="0" xfId="0" applyFont="1" applyFill="1" applyAlignment="1">
      <alignment horizontal="center" vertical="center"/>
    </xf>
    <xf numFmtId="0" fontId="55" fillId="28" borderId="0" xfId="191" applyFont="1" applyFill="1" applyAlignment="1" applyProtection="1">
      <alignment vertical="center"/>
      <protection locked="0"/>
    </xf>
    <xf numFmtId="0" fontId="55" fillId="28" borderId="0" xfId="191" applyFont="1" applyFill="1" applyAlignment="1" applyProtection="1">
      <alignment horizontal="center" vertical="center"/>
      <protection locked="0"/>
    </xf>
    <xf numFmtId="0" fontId="59" fillId="28" borderId="0" xfId="0" applyFont="1" applyFill="1" applyAlignment="1">
      <alignment horizontal="center" vertical="center"/>
    </xf>
    <xf numFmtId="0" fontId="61" fillId="28" borderId="0" xfId="191" applyFont="1" applyFill="1" applyAlignment="1" applyProtection="1">
      <alignment horizontal="left" vertical="center" wrapText="1"/>
      <protection locked="0"/>
    </xf>
    <xf numFmtId="0" fontId="61" fillId="28" borderId="0" xfId="191" applyFont="1" applyFill="1" applyAlignment="1" applyProtection="1">
      <alignment horizontal="left" vertical="center"/>
      <protection locked="0"/>
    </xf>
    <xf numFmtId="0" fontId="55" fillId="28" borderId="0" xfId="0" applyFont="1" applyFill="1" applyAlignment="1">
      <alignment horizontal="left" vertical="center"/>
    </xf>
    <xf numFmtId="0" fontId="55" fillId="28" borderId="0" xfId="191" applyFont="1" applyFill="1" applyAlignment="1" applyProtection="1">
      <alignment horizontal="left" vertical="center"/>
      <protection locked="0"/>
    </xf>
    <xf numFmtId="0" fontId="59" fillId="28" borderId="0" xfId="0" applyFont="1" applyFill="1" applyAlignment="1">
      <alignment horizontal="left" vertical="center"/>
    </xf>
    <xf numFmtId="0" fontId="55" fillId="0" borderId="0" xfId="0" applyFont="1" applyAlignment="1" applyProtection="1">
      <alignment vertical="center"/>
      <protection locked="0"/>
    </xf>
    <xf numFmtId="0" fontId="55" fillId="0" borderId="0" xfId="0" applyFont="1" applyAlignment="1">
      <alignment vertical="center"/>
    </xf>
    <xf numFmtId="0" fontId="55" fillId="0" borderId="0" xfId="0" applyFont="1" applyAlignment="1">
      <alignment vertical="center" shrinkToFit="1"/>
    </xf>
    <xf numFmtId="0" fontId="55" fillId="0" borderId="14" xfId="191" applyFont="1" applyBorder="1" applyAlignment="1" applyProtection="1">
      <alignment vertical="center" shrinkToFit="1"/>
      <protection locked="0"/>
    </xf>
    <xf numFmtId="0" fontId="55" fillId="0" borderId="2" xfId="191" applyFont="1" applyBorder="1" applyAlignment="1" applyProtection="1">
      <alignment vertical="center" shrinkToFit="1"/>
      <protection locked="0"/>
    </xf>
    <xf numFmtId="0" fontId="55" fillId="0" borderId="13" xfId="191" applyFont="1" applyBorder="1" applyAlignment="1" applyProtection="1">
      <alignment vertical="center" shrinkToFit="1"/>
      <protection locked="0"/>
    </xf>
    <xf numFmtId="0" fontId="55" fillId="0" borderId="14" xfId="0" applyFont="1" applyBorder="1" applyAlignment="1">
      <alignment vertical="center" shrinkToFit="1"/>
    </xf>
    <xf numFmtId="0" fontId="55" fillId="0" borderId="2" xfId="0" applyFont="1" applyBorder="1" applyAlignment="1">
      <alignment vertical="center" shrinkToFit="1"/>
    </xf>
    <xf numFmtId="0" fontId="55" fillId="0" borderId="14" xfId="0" applyFont="1" applyBorder="1" applyAlignment="1">
      <alignment vertical="center"/>
    </xf>
    <xf numFmtId="0" fontId="55" fillId="0" borderId="13" xfId="0" applyFont="1" applyBorder="1" applyAlignment="1">
      <alignment vertical="center" shrinkToFit="1"/>
    </xf>
    <xf numFmtId="0" fontId="38" fillId="33" borderId="3" xfId="0" applyFont="1" applyFill="1" applyBorder="1" applyAlignment="1">
      <alignment horizontal="center" vertical="center"/>
    </xf>
    <xf numFmtId="0" fontId="38" fillId="0" borderId="3" xfId="0" applyFont="1" applyBorder="1" applyAlignment="1">
      <alignment vertical="center"/>
    </xf>
    <xf numFmtId="49" fontId="38" fillId="0" borderId="0" xfId="0" applyNumberFormat="1" applyFont="1" applyAlignment="1">
      <alignment horizontal="left" vertical="center"/>
    </xf>
    <xf numFmtId="0" fontId="60" fillId="0" borderId="0" xfId="0" applyFont="1" applyAlignment="1">
      <alignment vertical="center"/>
    </xf>
    <xf numFmtId="49" fontId="56" fillId="0" borderId="0" xfId="0" applyNumberFormat="1" applyFont="1" applyAlignment="1">
      <alignment horizontal="left" vertical="center"/>
    </xf>
    <xf numFmtId="0" fontId="65" fillId="0" borderId="41" xfId="0" applyFont="1" applyBorder="1" applyAlignment="1">
      <alignment vertical="center"/>
    </xf>
    <xf numFmtId="0" fontId="65" fillId="0" borderId="42" xfId="0" applyFont="1" applyBorder="1" applyAlignment="1">
      <alignment vertical="center"/>
    </xf>
    <xf numFmtId="0" fontId="65" fillId="0" borderId="44" xfId="0" applyFont="1" applyBorder="1" applyAlignment="1">
      <alignment vertical="center"/>
    </xf>
    <xf numFmtId="0" fontId="65" fillId="0" borderId="45" xfId="0" applyFont="1" applyBorder="1" applyAlignment="1">
      <alignment vertical="center"/>
    </xf>
    <xf numFmtId="0" fontId="56" fillId="0" borderId="40" xfId="0" applyFont="1" applyBorder="1" applyAlignment="1">
      <alignment vertical="center"/>
    </xf>
    <xf numFmtId="0" fontId="56" fillId="0" borderId="43" xfId="0" applyFont="1" applyBorder="1" applyAlignment="1">
      <alignment vertical="center"/>
    </xf>
    <xf numFmtId="0" fontId="38" fillId="32" borderId="0" xfId="0" applyFont="1" applyFill="1" applyAlignment="1">
      <alignment vertical="center"/>
    </xf>
    <xf numFmtId="0" fontId="54" fillId="32" borderId="0" xfId="0" applyFont="1" applyFill="1" applyAlignment="1">
      <alignment vertical="center"/>
    </xf>
    <xf numFmtId="49" fontId="54" fillId="0" borderId="0" xfId="0" applyNumberFormat="1" applyFont="1" applyAlignment="1">
      <alignment horizontal="left" vertical="center"/>
    </xf>
    <xf numFmtId="0" fontId="59" fillId="0" borderId="14" xfId="0" applyFont="1" applyBorder="1" applyAlignment="1">
      <alignment vertical="center" shrinkToFit="1"/>
    </xf>
    <xf numFmtId="0" fontId="55" fillId="0" borderId="2" xfId="0" applyFont="1" applyBorder="1" applyAlignment="1">
      <alignment vertical="center"/>
    </xf>
    <xf numFmtId="0" fontId="54" fillId="28" borderId="32" xfId="0" applyFont="1" applyFill="1" applyBorder="1" applyAlignment="1">
      <alignment vertical="center"/>
    </xf>
    <xf numFmtId="0" fontId="38" fillId="28" borderId="33" xfId="0" applyFont="1" applyFill="1" applyBorder="1" applyAlignment="1">
      <alignment vertical="center"/>
    </xf>
    <xf numFmtId="0" fontId="38" fillId="28" borderId="34" xfId="0" applyFont="1" applyFill="1" applyBorder="1" applyAlignment="1">
      <alignment vertical="center"/>
    </xf>
    <xf numFmtId="0" fontId="54" fillId="28" borderId="35" xfId="0" applyFont="1" applyFill="1" applyBorder="1" applyAlignment="1">
      <alignment vertical="center"/>
    </xf>
    <xf numFmtId="0" fontId="38" fillId="28" borderId="0" xfId="0" applyFont="1" applyFill="1" applyAlignment="1">
      <alignment vertical="center"/>
    </xf>
    <xf numFmtId="0" fontId="38" fillId="28" borderId="36" xfId="0" applyFont="1" applyFill="1" applyBorder="1" applyAlignment="1">
      <alignment vertical="center"/>
    </xf>
    <xf numFmtId="0" fontId="38" fillId="28" borderId="35" xfId="0" applyFont="1" applyFill="1" applyBorder="1" applyAlignment="1">
      <alignment vertical="center"/>
    </xf>
    <xf numFmtId="0" fontId="54" fillId="28" borderId="0" xfId="0" applyFont="1" applyFill="1" applyAlignment="1">
      <alignment vertical="center"/>
    </xf>
    <xf numFmtId="0" fontId="55" fillId="28" borderId="0" xfId="0" applyFont="1" applyFill="1" applyAlignment="1">
      <alignment vertical="center"/>
    </xf>
    <xf numFmtId="0" fontId="38" fillId="28" borderId="37" xfId="0" applyFont="1" applyFill="1" applyBorder="1" applyAlignment="1">
      <alignment vertical="center"/>
    </xf>
    <xf numFmtId="0" fontId="38" fillId="28" borderId="38" xfId="0" applyFont="1" applyFill="1" applyBorder="1" applyAlignment="1">
      <alignment vertical="center"/>
    </xf>
    <xf numFmtId="0" fontId="38" fillId="28" borderId="39" xfId="0" applyFont="1" applyFill="1" applyBorder="1" applyAlignment="1">
      <alignment vertical="center"/>
    </xf>
    <xf numFmtId="0" fontId="56" fillId="0" borderId="0" xfId="0" applyFont="1" applyAlignment="1">
      <alignment vertical="center"/>
    </xf>
    <xf numFmtId="0" fontId="65" fillId="0" borderId="0" xfId="0" applyFont="1" applyAlignment="1">
      <alignment vertical="center"/>
    </xf>
    <xf numFmtId="0" fontId="56" fillId="0" borderId="46" xfId="0" applyFont="1" applyBorder="1" applyAlignment="1">
      <alignment vertical="center"/>
    </xf>
    <xf numFmtId="0" fontId="65" fillId="0" borderId="47" xfId="0" applyFont="1" applyBorder="1" applyAlignment="1">
      <alignment vertical="center"/>
    </xf>
    <xf numFmtId="0" fontId="41" fillId="0" borderId="0" xfId="191" applyFont="1" applyAlignment="1" applyProtection="1">
      <alignment horizontal="center" vertical="center"/>
      <protection locked="0"/>
    </xf>
    <xf numFmtId="0" fontId="41" fillId="0" borderId="0" xfId="191" applyFont="1" applyAlignment="1" applyProtection="1">
      <alignment horizontal="center" vertical="center" wrapText="1"/>
      <protection locked="0"/>
    </xf>
    <xf numFmtId="0" fontId="41" fillId="0" borderId="0" xfId="191" applyFont="1" applyAlignment="1" applyProtection="1">
      <alignment horizontal="left" vertical="top"/>
      <protection locked="0"/>
    </xf>
    <xf numFmtId="0" fontId="41" fillId="0" borderId="0" xfId="191" applyFont="1" applyAlignment="1" applyProtection="1">
      <alignment horizontal="left" vertical="top" wrapText="1"/>
      <protection locked="0"/>
    </xf>
    <xf numFmtId="0" fontId="41" fillId="28" borderId="3" xfId="0" applyFont="1" applyFill="1" applyBorder="1" applyAlignment="1">
      <alignment horizontal="center" vertical="center"/>
    </xf>
    <xf numFmtId="0" fontId="41" fillId="0" borderId="3" xfId="191" applyFont="1" applyBorder="1" applyAlignment="1" applyProtection="1">
      <alignment horizontal="center" vertical="center"/>
      <protection locked="0"/>
    </xf>
    <xf numFmtId="0" fontId="41" fillId="28" borderId="3" xfId="191" applyFont="1" applyFill="1" applyBorder="1" applyAlignment="1" applyProtection="1">
      <alignment horizontal="center" vertical="center"/>
      <protection locked="0"/>
    </xf>
    <xf numFmtId="0" fontId="0" fillId="0" borderId="0" xfId="191" applyFont="1" applyAlignment="1" applyProtection="1">
      <alignment horizontal="center" vertical="center"/>
      <protection locked="0"/>
    </xf>
    <xf numFmtId="0" fontId="41" fillId="0" borderId="3" xfId="0" applyFont="1" applyBorder="1" applyAlignment="1">
      <alignment horizontal="center" vertical="center"/>
    </xf>
    <xf numFmtId="38" fontId="41" fillId="0" borderId="0" xfId="147" applyFont="1" applyFill="1" applyBorder="1" applyAlignment="1">
      <alignment vertical="center"/>
    </xf>
    <xf numFmtId="0" fontId="41" fillId="28" borderId="0" xfId="191" applyFont="1" applyFill="1" applyAlignment="1" applyProtection="1">
      <alignment horizontal="left" vertical="top"/>
      <protection locked="0"/>
    </xf>
    <xf numFmtId="0" fontId="41" fillId="28" borderId="0" xfId="191" applyFont="1" applyFill="1" applyAlignment="1" applyProtection="1">
      <alignment horizontal="center" vertical="center" wrapText="1"/>
      <protection locked="0"/>
    </xf>
    <xf numFmtId="0" fontId="0" fillId="30" borderId="2" xfId="0" applyFill="1" applyBorder="1" applyAlignment="1">
      <alignment horizontal="left" vertical="center"/>
    </xf>
    <xf numFmtId="49" fontId="46" fillId="29" borderId="3" xfId="0" applyNumberFormat="1" applyFont="1" applyFill="1" applyBorder="1" applyAlignment="1">
      <alignment vertical="center" wrapText="1"/>
    </xf>
    <xf numFmtId="0" fontId="41" fillId="0" borderId="3" xfId="190" applyFont="1" applyBorder="1" applyAlignment="1">
      <alignment vertical="center"/>
    </xf>
    <xf numFmtId="38" fontId="41" fillId="27" borderId="3" xfId="147" applyFont="1" applyFill="1" applyBorder="1" applyAlignment="1">
      <alignment vertical="center"/>
    </xf>
    <xf numFmtId="38" fontId="41" fillId="0" borderId="3" xfId="147" applyFont="1" applyFill="1" applyBorder="1" applyAlignment="1">
      <alignment vertical="center"/>
    </xf>
    <xf numFmtId="49" fontId="41" fillId="0" borderId="3" xfId="190" applyNumberFormat="1" applyFont="1" applyBorder="1" applyAlignment="1">
      <alignment vertical="center"/>
    </xf>
    <xf numFmtId="49" fontId="41" fillId="0" borderId="0" xfId="190" applyNumberFormat="1" applyFont="1" applyAlignment="1">
      <alignment vertical="center"/>
    </xf>
    <xf numFmtId="0" fontId="41" fillId="0" borderId="18" xfId="0" applyFont="1" applyBorder="1" applyAlignment="1">
      <alignment vertical="center"/>
    </xf>
    <xf numFmtId="49" fontId="41" fillId="0" borderId="3" xfId="0" applyNumberFormat="1" applyFont="1" applyBorder="1" applyAlignment="1">
      <alignment vertical="center"/>
    </xf>
    <xf numFmtId="49" fontId="46" fillId="29" borderId="23" xfId="0" applyNumberFormat="1" applyFont="1" applyFill="1" applyBorder="1" applyAlignment="1">
      <alignment vertical="center" wrapText="1"/>
    </xf>
    <xf numFmtId="49" fontId="46" fillId="29" borderId="25" xfId="0" applyNumberFormat="1" applyFont="1" applyFill="1" applyBorder="1" applyAlignment="1">
      <alignment vertical="center" wrapText="1"/>
    </xf>
    <xf numFmtId="38" fontId="41" fillId="0" borderId="18" xfId="147" applyFont="1" applyFill="1" applyBorder="1" applyAlignment="1">
      <alignment vertical="center"/>
    </xf>
    <xf numFmtId="38" fontId="41" fillId="0" borderId="3" xfId="148" applyFont="1" applyFill="1" applyBorder="1" applyAlignment="1">
      <alignment vertical="center"/>
    </xf>
    <xf numFmtId="38" fontId="41" fillId="27" borderId="3" xfId="148" applyFont="1" applyFill="1" applyBorder="1" applyAlignment="1">
      <alignment vertical="center"/>
    </xf>
    <xf numFmtId="0" fontId="41" fillId="28" borderId="3" xfId="191" applyFont="1" applyFill="1" applyBorder="1" applyAlignment="1" applyProtection="1">
      <alignment horizontal="left" vertical="center"/>
      <protection locked="0"/>
    </xf>
    <xf numFmtId="0" fontId="41" fillId="0" borderId="3" xfId="0" applyFont="1" applyBorder="1" applyAlignment="1">
      <alignment horizontal="left" vertical="center"/>
    </xf>
    <xf numFmtId="0" fontId="48" fillId="30" borderId="2" xfId="0" applyFont="1" applyFill="1" applyBorder="1" applyAlignment="1">
      <alignment horizontal="center" vertical="center"/>
    </xf>
    <xf numFmtId="0" fontId="0" fillId="31" borderId="27" xfId="0" applyFill="1" applyBorder="1" applyAlignment="1">
      <alignment horizontal="center" vertical="center"/>
    </xf>
    <xf numFmtId="0" fontId="0" fillId="0" borderId="0" xfId="0" applyAlignment="1">
      <alignment horizontal="center"/>
    </xf>
    <xf numFmtId="49" fontId="0" fillId="0" borderId="0" xfId="0" applyNumberFormat="1" applyAlignment="1">
      <alignment horizontal="center" vertical="center"/>
    </xf>
    <xf numFmtId="0" fontId="27" fillId="0" borderId="0" xfId="0" applyFont="1" applyAlignment="1">
      <alignment horizontal="center" vertical="center"/>
    </xf>
    <xf numFmtId="0" fontId="43" fillId="0" borderId="0" xfId="0" applyFont="1" applyAlignment="1">
      <alignment horizontal="center" vertical="center"/>
    </xf>
    <xf numFmtId="0" fontId="43" fillId="0" borderId="15" xfId="0" applyFont="1" applyBorder="1" applyAlignment="1">
      <alignment horizontal="center" vertical="center"/>
    </xf>
    <xf numFmtId="38" fontId="41" fillId="28" borderId="3" xfId="148" applyFont="1" applyFill="1" applyBorder="1" applyAlignment="1">
      <alignment vertical="center"/>
    </xf>
    <xf numFmtId="38" fontId="41" fillId="0" borderId="0" xfId="148" applyFont="1" applyFill="1" applyBorder="1" applyAlignment="1">
      <alignment vertical="center"/>
    </xf>
    <xf numFmtId="0" fontId="0" fillId="0" borderId="18" xfId="0" applyBorder="1" applyAlignment="1">
      <alignment vertical="center"/>
    </xf>
    <xf numFmtId="49" fontId="41" fillId="0" borderId="0" xfId="0" applyNumberFormat="1" applyFont="1" applyAlignment="1">
      <alignment vertical="center" wrapText="1"/>
    </xf>
    <xf numFmtId="0" fontId="41" fillId="0" borderId="3" xfId="191" applyFont="1" applyBorder="1" applyAlignment="1" applyProtection="1">
      <alignment vertical="center"/>
      <protection locked="0"/>
    </xf>
    <xf numFmtId="0" fontId="41" fillId="0" borderId="15" xfId="0" applyFont="1" applyBorder="1" applyAlignment="1">
      <alignment vertical="center" wrapText="1"/>
    </xf>
    <xf numFmtId="38" fontId="41" fillId="28" borderId="0" xfId="147" applyFont="1" applyFill="1" applyBorder="1" applyAlignment="1">
      <alignment vertical="center"/>
    </xf>
    <xf numFmtId="38" fontId="41" fillId="28" borderId="0" xfId="148" applyFont="1" applyFill="1" applyBorder="1" applyAlignment="1">
      <alignment vertical="center"/>
    </xf>
    <xf numFmtId="0" fontId="41" fillId="0" borderId="3" xfId="190" applyFont="1" applyBorder="1" applyAlignment="1">
      <alignment vertical="center" shrinkToFit="1"/>
    </xf>
    <xf numFmtId="0" fontId="41" fillId="0" borderId="3" xfId="190" applyFont="1" applyBorder="1" applyAlignment="1">
      <alignment vertical="center" wrapText="1"/>
    </xf>
    <xf numFmtId="49" fontId="41" fillId="0" borderId="0" xfId="0" applyNumberFormat="1" applyFont="1" applyAlignment="1">
      <alignment vertical="center"/>
    </xf>
    <xf numFmtId="0" fontId="41" fillId="0" borderId="0" xfId="190" applyFont="1" applyAlignment="1">
      <alignment vertical="center"/>
    </xf>
    <xf numFmtId="38" fontId="41" fillId="35" borderId="0" xfId="148" applyFont="1" applyFill="1" applyBorder="1" applyAlignment="1">
      <alignment vertical="center"/>
    </xf>
    <xf numFmtId="38" fontId="41" fillId="35" borderId="0" xfId="147" applyFont="1" applyFill="1" applyBorder="1" applyAlignment="1">
      <alignment vertical="center"/>
    </xf>
    <xf numFmtId="0" fontId="41" fillId="28" borderId="0" xfId="190" applyFont="1" applyFill="1" applyAlignment="1">
      <alignment vertical="center" shrinkToFit="1"/>
    </xf>
    <xf numFmtId="49" fontId="44" fillId="0" borderId="0" xfId="0" applyNumberFormat="1" applyFont="1" applyAlignment="1">
      <alignment vertical="center"/>
    </xf>
    <xf numFmtId="49" fontId="74" fillId="0" borderId="0" xfId="0" applyNumberFormat="1" applyFont="1" applyAlignment="1">
      <alignment vertical="center"/>
    </xf>
    <xf numFmtId="0" fontId="75" fillId="0" borderId="0" xfId="0" applyFont="1"/>
    <xf numFmtId="49" fontId="0" fillId="0" borderId="0" xfId="0" applyNumberFormat="1" applyAlignment="1">
      <alignment horizontal="left" vertical="center"/>
    </xf>
    <xf numFmtId="38" fontId="41" fillId="35" borderId="3" xfId="147" applyFont="1" applyFill="1" applyBorder="1" applyAlignment="1">
      <alignment vertical="center"/>
    </xf>
    <xf numFmtId="49" fontId="41" fillId="35" borderId="3" xfId="190" applyNumberFormat="1" applyFont="1" applyFill="1" applyBorder="1" applyAlignment="1">
      <alignment vertical="center"/>
    </xf>
    <xf numFmtId="49" fontId="41" fillId="35" borderId="3" xfId="0" applyNumberFormat="1" applyFont="1" applyFill="1" applyBorder="1" applyAlignment="1">
      <alignment vertical="center"/>
    </xf>
    <xf numFmtId="38" fontId="41" fillId="35" borderId="3" xfId="148" applyFont="1" applyFill="1" applyBorder="1" applyAlignment="1">
      <alignment vertical="center"/>
    </xf>
    <xf numFmtId="0" fontId="50" fillId="0" borderId="0" xfId="0" applyFont="1" applyAlignment="1">
      <alignment horizontal="left" vertical="center"/>
    </xf>
    <xf numFmtId="0" fontId="27" fillId="0" borderId="0" xfId="0" applyFont="1" applyAlignment="1">
      <alignment horizontal="left" vertical="center"/>
    </xf>
    <xf numFmtId="0" fontId="38" fillId="0" borderId="3" xfId="0" applyFont="1" applyBorder="1" applyAlignment="1">
      <alignment vertical="center" wrapText="1"/>
    </xf>
    <xf numFmtId="0" fontId="38" fillId="0" borderId="13" xfId="191" applyFont="1" applyBorder="1" applyAlignment="1" applyProtection="1">
      <alignment horizontal="center" vertical="center" shrinkToFit="1"/>
      <protection locked="0"/>
    </xf>
    <xf numFmtId="0" fontId="38" fillId="28" borderId="3" xfId="0" applyFont="1" applyFill="1" applyBorder="1" applyAlignment="1">
      <alignment vertical="center" wrapText="1"/>
    </xf>
    <xf numFmtId="0" fontId="41" fillId="35" borderId="3" xfId="0" applyFont="1" applyFill="1" applyBorder="1" applyAlignment="1">
      <alignment horizontal="center" vertical="center"/>
    </xf>
    <xf numFmtId="0" fontId="41" fillId="35" borderId="3" xfId="191" applyFont="1" applyFill="1" applyBorder="1" applyAlignment="1" applyProtection="1">
      <alignment horizontal="center" vertical="center"/>
      <protection locked="0"/>
    </xf>
    <xf numFmtId="0" fontId="0" fillId="30" borderId="2" xfId="0" applyFill="1" applyBorder="1" applyAlignment="1">
      <alignment horizontal="left" vertical="center" wrapText="1"/>
    </xf>
    <xf numFmtId="0" fontId="0" fillId="31" borderId="27" xfId="0" applyFill="1" applyBorder="1" applyAlignment="1">
      <alignment vertical="center" wrapText="1"/>
    </xf>
    <xf numFmtId="0" fontId="0" fillId="0" borderId="0" xfId="0" applyAlignment="1">
      <alignment wrapText="1"/>
    </xf>
    <xf numFmtId="49" fontId="41" fillId="0" borderId="0" xfId="0" applyNumberFormat="1" applyFont="1" applyAlignment="1" applyProtection="1">
      <alignment vertical="center" wrapText="1"/>
      <protection locked="0"/>
    </xf>
    <xf numFmtId="0" fontId="76" fillId="0" borderId="0" xfId="0" applyFont="1" applyAlignment="1">
      <alignment vertical="center" wrapText="1"/>
    </xf>
    <xf numFmtId="0" fontId="41" fillId="27" borderId="3" xfId="191" applyFont="1" applyFill="1" applyBorder="1" applyAlignment="1" applyProtection="1">
      <alignment horizontal="center" vertical="center"/>
      <protection locked="0"/>
    </xf>
    <xf numFmtId="49" fontId="38" fillId="0" borderId="0" xfId="0" applyNumberFormat="1" applyFont="1" applyAlignment="1">
      <alignment vertical="center" wrapText="1"/>
    </xf>
    <xf numFmtId="0" fontId="59" fillId="0" borderId="14" xfId="0" applyFont="1" applyBorder="1" applyAlignment="1">
      <alignment horizontal="center" vertical="center" shrinkToFit="1"/>
    </xf>
    <xf numFmtId="49" fontId="38" fillId="0" borderId="3" xfId="0" applyNumberFormat="1" applyFont="1" applyBorder="1" applyAlignment="1">
      <alignment horizontal="center" vertical="center"/>
    </xf>
    <xf numFmtId="0" fontId="61" fillId="0" borderId="3" xfId="0" applyFont="1" applyBorder="1" applyAlignment="1">
      <alignment horizontal="center" vertical="center"/>
    </xf>
    <xf numFmtId="0" fontId="54" fillId="0" borderId="20" xfId="0" applyFont="1" applyBorder="1" applyAlignment="1">
      <alignment vertical="center"/>
    </xf>
    <xf numFmtId="0" fontId="54" fillId="0" borderId="18" xfId="0" applyFont="1" applyBorder="1" applyAlignment="1">
      <alignment vertical="center"/>
    </xf>
    <xf numFmtId="0" fontId="38" fillId="0" borderId="18" xfId="0" applyFont="1" applyBorder="1" applyAlignment="1">
      <alignment horizontal="right" vertical="center"/>
    </xf>
    <xf numFmtId="0" fontId="38" fillId="0" borderId="21" xfId="0" applyFont="1" applyBorder="1" applyAlignment="1">
      <alignment vertical="center"/>
    </xf>
    <xf numFmtId="0" fontId="54" fillId="0" borderId="22" xfId="0" applyFont="1" applyBorder="1" applyAlignment="1">
      <alignment vertical="center"/>
    </xf>
    <xf numFmtId="0" fontId="38" fillId="0" borderId="16" xfId="0" applyFont="1" applyBorder="1" applyAlignment="1">
      <alignment vertical="center"/>
    </xf>
    <xf numFmtId="0" fontId="69" fillId="0" borderId="0" xfId="0" applyFont="1" applyAlignment="1">
      <alignment vertical="center"/>
    </xf>
    <xf numFmtId="0" fontId="64" fillId="0" borderId="0" xfId="199" applyBorder="1" applyAlignment="1">
      <alignment vertical="center"/>
    </xf>
    <xf numFmtId="0" fontId="38" fillId="0" borderId="22" xfId="0" applyFont="1" applyBorder="1" applyAlignment="1">
      <alignment vertical="center"/>
    </xf>
    <xf numFmtId="0" fontId="77" fillId="0" borderId="0" xfId="0" applyFont="1" applyAlignment="1">
      <alignment vertical="center"/>
    </xf>
    <xf numFmtId="0" fontId="68" fillId="0" borderId="22" xfId="0" applyFont="1" applyBorder="1" applyAlignment="1">
      <alignment vertical="center"/>
    </xf>
    <xf numFmtId="0" fontId="67" fillId="0" borderId="0" xfId="0" applyFont="1" applyAlignment="1">
      <alignment vertical="center"/>
    </xf>
    <xf numFmtId="0" fontId="0" fillId="0" borderId="22" xfId="0" applyBorder="1"/>
    <xf numFmtId="0" fontId="55" fillId="0" borderId="16" xfId="0" applyFont="1" applyBorder="1"/>
    <xf numFmtId="0" fontId="56" fillId="0" borderId="22" xfId="0" applyFont="1" applyBorder="1"/>
    <xf numFmtId="0" fontId="57" fillId="0" borderId="0" xfId="0" applyFont="1" applyAlignment="1">
      <alignment vertical="center"/>
    </xf>
    <xf numFmtId="49" fontId="38" fillId="0" borderId="22" xfId="0" applyNumberFormat="1" applyFont="1" applyBorder="1" applyAlignment="1">
      <alignment vertical="center"/>
    </xf>
    <xf numFmtId="49" fontId="38" fillId="0" borderId="16" xfId="0" applyNumberFormat="1" applyFont="1" applyBorder="1" applyAlignment="1">
      <alignment vertical="center"/>
    </xf>
    <xf numFmtId="0" fontId="70" fillId="0" borderId="0" xfId="0" applyFont="1" applyAlignment="1">
      <alignment vertical="center"/>
    </xf>
    <xf numFmtId="0" fontId="60" fillId="0" borderId="16" xfId="191" applyFont="1" applyBorder="1" applyAlignment="1" applyProtection="1">
      <alignment vertical="center"/>
      <protection locked="0"/>
    </xf>
    <xf numFmtId="49" fontId="38" fillId="0" borderId="22" xfId="0" applyNumberFormat="1" applyFont="1" applyBorder="1" applyAlignment="1">
      <alignment vertical="center" wrapText="1"/>
    </xf>
    <xf numFmtId="49" fontId="38" fillId="0" borderId="16" xfId="0" applyNumberFormat="1" applyFont="1" applyBorder="1" applyAlignment="1">
      <alignment vertical="center" wrapText="1"/>
    </xf>
    <xf numFmtId="0" fontId="63" fillId="0" borderId="0" xfId="0" applyFont="1" applyAlignment="1">
      <alignment vertical="center"/>
    </xf>
    <xf numFmtId="0" fontId="66" fillId="0" borderId="0" xfId="0" applyFont="1" applyAlignment="1">
      <alignment vertical="center"/>
    </xf>
    <xf numFmtId="0" fontId="62" fillId="0" borderId="0" xfId="0" applyFont="1" applyAlignment="1">
      <alignment vertical="center"/>
    </xf>
    <xf numFmtId="0" fontId="66" fillId="32" borderId="0" xfId="0" applyFont="1" applyFill="1" applyAlignment="1">
      <alignment vertical="center"/>
    </xf>
    <xf numFmtId="0" fontId="55" fillId="0" borderId="16" xfId="0" applyFont="1" applyBorder="1" applyAlignment="1">
      <alignment vertical="center"/>
    </xf>
    <xf numFmtId="0" fontId="56" fillId="32" borderId="0" xfId="0" applyFont="1" applyFill="1" applyAlignment="1">
      <alignment vertical="center"/>
    </xf>
    <xf numFmtId="49" fontId="55" fillId="0" borderId="0" xfId="0" applyNumberFormat="1" applyFont="1" applyAlignment="1">
      <alignment vertical="center"/>
    </xf>
    <xf numFmtId="0" fontId="60" fillId="0" borderId="22" xfId="0" applyFont="1" applyBorder="1" applyAlignment="1">
      <alignment vertical="center"/>
    </xf>
    <xf numFmtId="0" fontId="55" fillId="0" borderId="22" xfId="0" applyFont="1" applyBorder="1" applyAlignment="1">
      <alignment vertical="center"/>
    </xf>
    <xf numFmtId="49" fontId="54" fillId="0" borderId="0" xfId="0" applyNumberFormat="1" applyFont="1" applyAlignment="1">
      <alignment vertical="center"/>
    </xf>
    <xf numFmtId="49" fontId="38" fillId="32" borderId="0" xfId="0" applyNumberFormat="1" applyFont="1" applyFill="1" applyAlignment="1">
      <alignment vertical="center"/>
    </xf>
    <xf numFmtId="0" fontId="38" fillId="28" borderId="22" xfId="0" applyFont="1" applyFill="1" applyBorder="1" applyAlignment="1">
      <alignment vertical="center"/>
    </xf>
    <xf numFmtId="0" fontId="55" fillId="0" borderId="0" xfId="198" applyFont="1">
      <alignment vertical="center"/>
    </xf>
    <xf numFmtId="0" fontId="0" fillId="0" borderId="19" xfId="0" applyBorder="1"/>
    <xf numFmtId="0" fontId="0" fillId="0" borderId="15" xfId="0" applyBorder="1"/>
    <xf numFmtId="0" fontId="63" fillId="0" borderId="15" xfId="0" applyFont="1" applyBorder="1" applyAlignment="1">
      <alignment vertical="center"/>
    </xf>
    <xf numFmtId="0" fontId="0" fillId="0" borderId="17" xfId="0" applyBorder="1"/>
    <xf numFmtId="49" fontId="41" fillId="27" borderId="3" xfId="0" applyNumberFormat="1" applyFont="1" applyFill="1" applyBorder="1" applyAlignment="1">
      <alignment vertical="center"/>
    </xf>
    <xf numFmtId="0" fontId="41" fillId="27" borderId="3" xfId="190" applyFont="1" applyFill="1" applyBorder="1" applyAlignment="1">
      <alignment vertical="center"/>
    </xf>
    <xf numFmtId="0" fontId="38" fillId="27" borderId="3" xfId="0" applyFont="1" applyFill="1" applyBorder="1" applyAlignment="1">
      <alignment vertical="center" wrapText="1"/>
    </xf>
    <xf numFmtId="0" fontId="46" fillId="0" borderId="0" xfId="0" applyFont="1" applyAlignment="1">
      <alignment horizontal="left" vertical="center"/>
    </xf>
    <xf numFmtId="0" fontId="80" fillId="30" borderId="2" xfId="0" applyFont="1" applyFill="1" applyBorder="1" applyAlignment="1">
      <alignment horizontal="left" vertical="center"/>
    </xf>
    <xf numFmtId="0" fontId="41" fillId="31" borderId="27" xfId="0" applyFont="1" applyFill="1" applyBorder="1" applyAlignment="1">
      <alignment vertical="center"/>
    </xf>
    <xf numFmtId="49" fontId="41" fillId="0" borderId="0" xfId="0" applyNumberFormat="1" applyFont="1" applyAlignment="1" applyProtection="1">
      <alignment vertical="center"/>
      <protection locked="0"/>
    </xf>
    <xf numFmtId="0" fontId="43" fillId="0" borderId="0" xfId="0" applyFont="1" applyAlignment="1">
      <alignment horizontal="center" vertical="center" wrapText="1"/>
    </xf>
    <xf numFmtId="0" fontId="43" fillId="0" borderId="18" xfId="0" applyFont="1" applyBorder="1" applyAlignment="1">
      <alignment horizontal="center" vertical="center" wrapText="1"/>
    </xf>
    <xf numFmtId="0" fontId="43" fillId="0" borderId="15" xfId="0" applyFont="1" applyBorder="1" applyAlignment="1">
      <alignment horizontal="center" vertical="center" wrapText="1"/>
    </xf>
    <xf numFmtId="0" fontId="43" fillId="0" borderId="16" xfId="0" applyFont="1" applyBorder="1" applyAlignment="1">
      <alignment horizontal="left" vertical="center"/>
    </xf>
    <xf numFmtId="0" fontId="43" fillId="28" borderId="16" xfId="0" applyFont="1" applyFill="1" applyBorder="1" applyAlignment="1">
      <alignment horizontal="left" vertical="center"/>
    </xf>
    <xf numFmtId="0" fontId="43" fillId="28" borderId="0" xfId="0" applyFont="1" applyFill="1" applyAlignment="1">
      <alignment vertical="center"/>
    </xf>
    <xf numFmtId="0" fontId="41" fillId="0" borderId="3" xfId="0" applyFont="1" applyBorder="1" applyAlignment="1">
      <alignment vertical="center" wrapText="1"/>
    </xf>
    <xf numFmtId="0" fontId="41" fillId="27" borderId="3" xfId="0" applyFont="1" applyFill="1" applyBorder="1" applyAlignment="1">
      <alignment vertical="center" wrapText="1"/>
    </xf>
    <xf numFmtId="0" fontId="41" fillId="0" borderId="16" xfId="0" applyFont="1" applyBorder="1" applyAlignment="1">
      <alignment horizontal="left" vertical="center"/>
    </xf>
    <xf numFmtId="0" fontId="38" fillId="0" borderId="3" xfId="191" applyFont="1" applyBorder="1" applyAlignment="1" applyProtection="1">
      <alignment vertical="center" wrapText="1"/>
      <protection locked="0"/>
    </xf>
    <xf numFmtId="0" fontId="38" fillId="27" borderId="3" xfId="191" applyFont="1" applyFill="1" applyBorder="1" applyAlignment="1" applyProtection="1">
      <alignment vertical="center" wrapText="1"/>
      <protection locked="0"/>
    </xf>
    <xf numFmtId="0" fontId="38" fillId="0" borderId="23" xfId="0" applyFont="1" applyBorder="1" applyAlignment="1">
      <alignment vertical="center" wrapText="1"/>
    </xf>
    <xf numFmtId="0" fontId="38" fillId="0" borderId="48" xfId="0" applyFont="1" applyBorder="1" applyAlignment="1">
      <alignment vertical="center"/>
    </xf>
    <xf numFmtId="0" fontId="38" fillId="0" borderId="25" xfId="0" applyFont="1" applyBorder="1" applyAlignment="1">
      <alignment vertical="center" wrapText="1"/>
    </xf>
    <xf numFmtId="0" fontId="43" fillId="0" borderId="17" xfId="0" applyFont="1" applyBorder="1" applyAlignment="1">
      <alignment horizontal="left" vertical="center"/>
    </xf>
    <xf numFmtId="0" fontId="43" fillId="0" borderId="18" xfId="0" applyFont="1" applyBorder="1" applyAlignment="1">
      <alignment horizontal="left" vertical="center"/>
    </xf>
    <xf numFmtId="0" fontId="43" fillId="0" borderId="0" xfId="0" applyFont="1" applyAlignment="1">
      <alignment horizontal="left" vertical="center"/>
    </xf>
    <xf numFmtId="0" fontId="38" fillId="0" borderId="3" xfId="191" applyFont="1" applyBorder="1" applyAlignment="1" applyProtection="1">
      <alignment vertical="center" wrapText="1" shrinkToFit="1"/>
      <protection locked="0"/>
    </xf>
    <xf numFmtId="0" fontId="38" fillId="0" borderId="3" xfId="0" applyFont="1" applyBorder="1" applyAlignment="1">
      <alignment vertical="center" wrapText="1" shrinkToFit="1"/>
    </xf>
    <xf numFmtId="0" fontId="38" fillId="27" borderId="3" xfId="0" applyFont="1" applyFill="1" applyBorder="1" applyAlignment="1">
      <alignment vertical="center" wrapText="1" shrinkToFit="1"/>
    </xf>
    <xf numFmtId="0" fontId="38" fillId="27" borderId="3" xfId="191" applyFont="1" applyFill="1" applyBorder="1" applyAlignment="1" applyProtection="1">
      <alignment vertical="center" wrapText="1" shrinkToFit="1"/>
      <protection locked="0"/>
    </xf>
    <xf numFmtId="0" fontId="45" fillId="28" borderId="18" xfId="191" applyFont="1" applyFill="1" applyBorder="1" applyAlignment="1" applyProtection="1">
      <alignment horizontal="center" vertical="center"/>
      <protection locked="0"/>
    </xf>
    <xf numFmtId="0" fontId="41" fillId="28" borderId="15" xfId="0" applyFont="1" applyFill="1" applyBorder="1" applyAlignment="1">
      <alignment horizontal="center" vertical="center"/>
    </xf>
    <xf numFmtId="0" fontId="38" fillId="35" borderId="3" xfId="191" applyFont="1" applyFill="1" applyBorder="1" applyAlignment="1" applyProtection="1">
      <alignment vertical="center" wrapText="1" shrinkToFit="1"/>
      <protection locked="0"/>
    </xf>
    <xf numFmtId="0" fontId="38" fillId="35" borderId="3" xfId="0" applyFont="1" applyFill="1" applyBorder="1" applyAlignment="1">
      <alignment vertical="center" wrapText="1"/>
    </xf>
    <xf numFmtId="0" fontId="38" fillId="0" borderId="3" xfId="191" applyFont="1" applyBorder="1" applyAlignment="1" applyProtection="1">
      <alignment horizontal="left" vertical="center" wrapText="1" shrinkToFit="1"/>
      <protection locked="0"/>
    </xf>
    <xf numFmtId="0" fontId="41" fillId="28" borderId="24" xfId="0" applyFont="1" applyFill="1" applyBorder="1" applyAlignment="1">
      <alignment vertical="center"/>
    </xf>
    <xf numFmtId="0" fontId="43" fillId="0" borderId="24" xfId="0" applyFont="1" applyBorder="1" applyAlignment="1">
      <alignment vertical="center"/>
    </xf>
    <xf numFmtId="0" fontId="38" fillId="27" borderId="3" xfId="191" applyFont="1" applyFill="1" applyBorder="1" applyAlignment="1" applyProtection="1">
      <alignment horizontal="left" vertical="center" wrapText="1" shrinkToFit="1"/>
      <protection locked="0"/>
    </xf>
    <xf numFmtId="0" fontId="41" fillId="30" borderId="2" xfId="0" applyFont="1" applyFill="1" applyBorder="1" applyAlignment="1">
      <alignment horizontal="left" vertical="center" wrapText="1"/>
    </xf>
    <xf numFmtId="0" fontId="80" fillId="30" borderId="13" xfId="0" applyFont="1" applyFill="1" applyBorder="1" applyAlignment="1">
      <alignment horizontal="left" vertical="center"/>
    </xf>
    <xf numFmtId="0" fontId="41" fillId="31" borderId="27" xfId="0" applyFont="1" applyFill="1" applyBorder="1" applyAlignment="1">
      <alignment vertical="center" wrapText="1"/>
    </xf>
    <xf numFmtId="0" fontId="41" fillId="31" borderId="28" xfId="0" applyFont="1" applyFill="1" applyBorder="1" applyAlignment="1">
      <alignment vertical="center"/>
    </xf>
    <xf numFmtId="0" fontId="41" fillId="0" borderId="0" xfId="0" applyFont="1" applyAlignment="1">
      <alignment wrapText="1"/>
    </xf>
    <xf numFmtId="0" fontId="41" fillId="0" borderId="30" xfId="0" applyFont="1" applyBorder="1"/>
    <xf numFmtId="49" fontId="46" fillId="0" borderId="0" xfId="0" applyNumberFormat="1" applyFont="1" applyAlignment="1">
      <alignment vertical="center"/>
    </xf>
    <xf numFmtId="49" fontId="41" fillId="0" borderId="16" xfId="0" applyNumberFormat="1" applyFont="1" applyBorder="1" applyAlignment="1">
      <alignment horizontal="left" vertical="center"/>
    </xf>
    <xf numFmtId="0" fontId="43" fillId="0" borderId="16" xfId="0" applyFont="1" applyBorder="1" applyAlignment="1">
      <alignment horizontal="left" vertical="top" wrapText="1"/>
    </xf>
    <xf numFmtId="0" fontId="41" fillId="0" borderId="16" xfId="0" applyFont="1" applyBorder="1" applyAlignment="1">
      <alignment horizontal="left" vertical="top" wrapText="1"/>
    </xf>
    <xf numFmtId="0" fontId="41" fillId="28" borderId="16" xfId="0" applyFont="1" applyFill="1" applyBorder="1" applyAlignment="1">
      <alignment horizontal="left" vertical="top" wrapText="1"/>
    </xf>
    <xf numFmtId="0" fontId="43" fillId="0" borderId="0" xfId="0" applyFont="1" applyAlignment="1">
      <alignment horizontal="left" vertical="top" wrapText="1"/>
    </xf>
    <xf numFmtId="0" fontId="46" fillId="0" borderId="0" xfId="0" applyFont="1" applyAlignment="1">
      <alignment vertical="center" wrapText="1"/>
    </xf>
    <xf numFmtId="0" fontId="80" fillId="30" borderId="13" xfId="0" applyFont="1" applyFill="1" applyBorder="1" applyAlignment="1">
      <alignment horizontal="left" vertical="center" wrapText="1"/>
    </xf>
    <xf numFmtId="0" fontId="41" fillId="31" borderId="28" xfId="0" applyFont="1" applyFill="1" applyBorder="1" applyAlignment="1">
      <alignment vertical="center" wrapText="1"/>
    </xf>
    <xf numFmtId="0" fontId="81" fillId="0" borderId="16" xfId="0" applyFont="1" applyBorder="1" applyAlignment="1">
      <alignment vertical="center"/>
    </xf>
    <xf numFmtId="0" fontId="41" fillId="0" borderId="16" xfId="191" applyFont="1" applyBorder="1" applyAlignment="1" applyProtection="1">
      <alignment horizontal="center" vertical="center"/>
      <protection locked="0"/>
    </xf>
    <xf numFmtId="0" fontId="41" fillId="27" borderId="3" xfId="190" applyFont="1" applyFill="1" applyBorder="1" applyAlignment="1">
      <alignment vertical="center" wrapText="1"/>
    </xf>
    <xf numFmtId="0" fontId="41" fillId="27" borderId="3" xfId="190" applyFont="1" applyFill="1" applyBorder="1" applyAlignment="1">
      <alignment vertical="center" shrinkToFit="1"/>
    </xf>
    <xf numFmtId="0" fontId="41" fillId="35" borderId="3" xfId="190" applyFont="1" applyFill="1" applyBorder="1" applyAlignment="1">
      <alignment vertical="center"/>
    </xf>
    <xf numFmtId="0" fontId="36" fillId="0" borderId="0" xfId="0" applyFont="1" applyAlignment="1">
      <alignment horizontal="left" vertical="center"/>
    </xf>
    <xf numFmtId="49" fontId="36" fillId="0" borderId="0" xfId="0" applyNumberFormat="1" applyFont="1" applyAlignment="1">
      <alignment horizontal="right" vertical="center"/>
    </xf>
    <xf numFmtId="49" fontId="36" fillId="0" borderId="16" xfId="0" applyNumberFormat="1" applyFont="1" applyBorder="1" applyAlignment="1">
      <alignment horizontal="center" vertical="center"/>
    </xf>
    <xf numFmtId="0" fontId="41" fillId="0" borderId="3" xfId="191" applyFont="1" applyBorder="1" applyAlignment="1" applyProtection="1">
      <alignment horizontal="center" vertical="center" wrapText="1"/>
      <protection locked="0"/>
    </xf>
    <xf numFmtId="49" fontId="36" fillId="0" borderId="0" xfId="0" applyNumberFormat="1" applyFont="1" applyAlignment="1">
      <alignment horizontal="left" vertical="center"/>
    </xf>
    <xf numFmtId="0" fontId="41" fillId="0" borderId="19" xfId="0" applyFont="1" applyBorder="1" applyAlignment="1">
      <alignment vertical="center"/>
    </xf>
    <xf numFmtId="0" fontId="38" fillId="0" borderId="13" xfId="191" applyFont="1" applyBorder="1" applyAlignment="1" applyProtection="1">
      <alignment horizontal="center" vertical="center"/>
      <protection locked="0"/>
    </xf>
    <xf numFmtId="0" fontId="41" fillId="35" borderId="3" xfId="191" applyFont="1" applyFill="1" applyBorder="1" applyAlignment="1" applyProtection="1">
      <alignment horizontal="center" vertical="center" wrapText="1"/>
      <protection locked="0"/>
    </xf>
    <xf numFmtId="0" fontId="41" fillId="0" borderId="0" xfId="0" applyFont="1" applyAlignment="1">
      <alignment horizontal="right" vertical="center"/>
    </xf>
    <xf numFmtId="0" fontId="41" fillId="0" borderId="14" xfId="190" applyFont="1" applyBorder="1" applyAlignment="1">
      <alignment horizontal="left" vertical="center"/>
    </xf>
    <xf numFmtId="0" fontId="41" fillId="0" borderId="14" xfId="190" applyFont="1" applyBorder="1" applyAlignment="1">
      <alignment vertical="center"/>
    </xf>
    <xf numFmtId="38" fontId="41" fillId="35" borderId="14" xfId="147" applyFont="1" applyFill="1" applyBorder="1" applyAlignment="1">
      <alignment vertical="center"/>
    </xf>
    <xf numFmtId="38" fontId="41" fillId="0" borderId="14" xfId="147" applyFont="1" applyFill="1" applyBorder="1" applyAlignment="1">
      <alignment vertical="center"/>
    </xf>
    <xf numFmtId="49" fontId="41" fillId="0" borderId="14" xfId="0" applyNumberFormat="1" applyFont="1" applyBorder="1" applyAlignment="1">
      <alignment vertical="center"/>
    </xf>
    <xf numFmtId="49" fontId="41" fillId="0" borderId="14" xfId="190" applyNumberFormat="1" applyFont="1" applyBorder="1" applyAlignment="1">
      <alignment vertical="center"/>
    </xf>
    <xf numFmtId="0" fontId="46" fillId="0" borderId="0" xfId="0" applyFont="1" applyAlignment="1">
      <alignment horizontal="right" vertical="center"/>
    </xf>
    <xf numFmtId="38" fontId="41" fillId="0" borderId="3" xfId="147" applyFont="1" applyFill="1" applyBorder="1" applyAlignment="1">
      <alignment vertical="center" wrapText="1"/>
    </xf>
    <xf numFmtId="0" fontId="0" fillId="0" borderId="22" xfId="0" applyBorder="1" applyAlignment="1" applyProtection="1">
      <alignment vertical="center"/>
      <protection locked="0"/>
    </xf>
    <xf numFmtId="0" fontId="0" fillId="0" borderId="22" xfId="0" applyBorder="1" applyAlignment="1" applyProtection="1">
      <alignment vertical="center" wrapText="1"/>
      <protection locked="0"/>
    </xf>
    <xf numFmtId="0" fontId="41" fillId="0" borderId="22" xfId="0" applyFont="1" applyBorder="1" applyAlignment="1" applyProtection="1">
      <alignment vertical="center" wrapText="1"/>
      <protection locked="0"/>
    </xf>
    <xf numFmtId="49" fontId="41" fillId="0" borderId="18" xfId="190" applyNumberFormat="1" applyFont="1" applyBorder="1" applyAlignment="1">
      <alignment vertical="center"/>
    </xf>
    <xf numFmtId="0" fontId="40" fillId="0" borderId="0" xfId="0" applyFont="1"/>
    <xf numFmtId="0" fontId="0" fillId="0" borderId="0" xfId="0" applyBorder="1"/>
    <xf numFmtId="0" fontId="38" fillId="0" borderId="22" xfId="0" applyFont="1" applyFill="1" applyBorder="1" applyAlignment="1">
      <alignment vertical="center"/>
    </xf>
    <xf numFmtId="0" fontId="0" fillId="0" borderId="22" xfId="0" applyFill="1" applyBorder="1"/>
    <xf numFmtId="0" fontId="41" fillId="27" borderId="14" xfId="0" applyFont="1" applyFill="1" applyBorder="1" applyAlignment="1">
      <alignment horizontal="center" vertical="center"/>
    </xf>
    <xf numFmtId="0" fontId="41" fillId="27" borderId="14" xfId="191" applyFont="1" applyFill="1" applyBorder="1" applyAlignment="1" applyProtection="1">
      <alignment horizontal="center" vertical="center"/>
      <protection locked="0"/>
    </xf>
    <xf numFmtId="0" fontId="41" fillId="27" borderId="13" xfId="191" applyFont="1" applyFill="1" applyBorder="1" applyAlignment="1" applyProtection="1">
      <alignment horizontal="center" vertical="center"/>
      <protection locked="0"/>
    </xf>
    <xf numFmtId="0" fontId="41" fillId="0" borderId="14" xfId="0" applyFont="1" applyBorder="1" applyAlignment="1">
      <alignment horizontal="center" vertical="center"/>
    </xf>
    <xf numFmtId="0" fontId="41" fillId="0" borderId="13" xfId="0" applyFont="1" applyBorder="1" applyAlignment="1">
      <alignment horizontal="center" vertical="center"/>
    </xf>
    <xf numFmtId="0" fontId="41" fillId="0" borderId="14" xfId="191" applyFont="1" applyBorder="1" applyAlignment="1" applyProtection="1">
      <alignment horizontal="center" vertical="center"/>
      <protection locked="0"/>
    </xf>
    <xf numFmtId="0" fontId="41" fillId="0" borderId="13" xfId="191" applyFont="1" applyBorder="1" applyAlignment="1" applyProtection="1">
      <alignment horizontal="center" vertical="center"/>
      <protection locked="0"/>
    </xf>
    <xf numFmtId="0" fontId="41" fillId="0" borderId="3" xfId="0" applyFont="1" applyBorder="1" applyAlignment="1">
      <alignment vertical="center"/>
    </xf>
    <xf numFmtId="0" fontId="38" fillId="0" borderId="13" xfId="191" applyFont="1" applyBorder="1" applyAlignment="1" applyProtection="1">
      <alignment horizontal="center" vertical="center"/>
      <protection locked="0"/>
    </xf>
    <xf numFmtId="0" fontId="38" fillId="27" borderId="13" xfId="191" applyFont="1" applyFill="1" applyBorder="1" applyAlignment="1" applyProtection="1">
      <alignment horizontal="center" vertical="center"/>
      <protection locked="0"/>
    </xf>
    <xf numFmtId="0" fontId="38" fillId="0" borderId="13" xfId="191" applyFont="1" applyBorder="1" applyAlignment="1" applyProtection="1">
      <alignment horizontal="center" vertical="center" wrapText="1"/>
      <protection locked="0"/>
    </xf>
    <xf numFmtId="0" fontId="41" fillId="0" borderId="18" xfId="0" applyFont="1" applyBorder="1" applyAlignment="1">
      <alignment horizontal="center" vertical="center"/>
    </xf>
    <xf numFmtId="0" fontId="43" fillId="0" borderId="18" xfId="0" applyFont="1" applyBorder="1" applyAlignment="1">
      <alignment horizontal="center" vertical="center"/>
    </xf>
    <xf numFmtId="0" fontId="41" fillId="0" borderId="18" xfId="191" applyFont="1" applyBorder="1" applyAlignment="1" applyProtection="1">
      <alignment horizontal="center" vertical="center"/>
      <protection locked="0"/>
    </xf>
    <xf numFmtId="0" fontId="41" fillId="0" borderId="14" xfId="191" applyFont="1" applyBorder="1" applyAlignment="1" applyProtection="1">
      <alignment horizontal="center" vertical="center" wrapText="1"/>
      <protection locked="0"/>
    </xf>
    <xf numFmtId="0" fontId="41" fillId="0" borderId="3" xfId="191" applyFont="1" applyBorder="1" applyAlignment="1" applyProtection="1">
      <alignment horizontal="center" vertical="center" wrapText="1"/>
      <protection locked="0"/>
    </xf>
    <xf numFmtId="0" fontId="38" fillId="35" borderId="13" xfId="191" applyFont="1" applyFill="1" applyBorder="1" applyAlignment="1" applyProtection="1">
      <alignment horizontal="center" vertical="center"/>
      <protection locked="0"/>
    </xf>
    <xf numFmtId="0" fontId="41" fillId="35" borderId="3" xfId="191" applyFont="1" applyFill="1" applyBorder="1" applyAlignment="1" applyProtection="1">
      <alignment horizontal="center" vertical="center" wrapText="1"/>
      <protection locked="0"/>
    </xf>
    <xf numFmtId="0" fontId="38" fillId="0" borderId="13" xfId="0" applyFont="1" applyBorder="1" applyAlignment="1">
      <alignment horizontal="center" vertical="center"/>
    </xf>
    <xf numFmtId="0" fontId="41" fillId="27" borderId="3" xfId="191" applyFont="1" applyFill="1" applyBorder="1" applyAlignment="1" applyProtection="1">
      <alignment horizontal="center" vertical="center" wrapText="1"/>
      <protection locked="0"/>
    </xf>
    <xf numFmtId="0" fontId="41" fillId="28" borderId="3" xfId="191" applyFont="1" applyFill="1" applyBorder="1" applyAlignment="1" applyProtection="1">
      <alignment horizontal="center" vertical="center" wrapText="1"/>
      <protection locked="0"/>
    </xf>
    <xf numFmtId="0" fontId="42" fillId="0" borderId="14" xfId="0" applyFont="1" applyBorder="1" applyAlignment="1">
      <alignment horizontal="center" vertical="center"/>
    </xf>
    <xf numFmtId="0" fontId="55" fillId="0" borderId="14" xfId="191" applyFont="1" applyBorder="1" applyAlignment="1" applyProtection="1">
      <alignment horizontal="center" vertical="center"/>
      <protection locked="0"/>
    </xf>
    <xf numFmtId="0" fontId="55" fillId="0" borderId="2" xfId="191" applyFont="1" applyBorder="1" applyAlignment="1" applyProtection="1">
      <alignment horizontal="center" vertical="center"/>
      <protection locked="0"/>
    </xf>
    <xf numFmtId="0" fontId="55" fillId="0" borderId="13" xfId="191" applyFont="1" applyBorder="1" applyAlignment="1" applyProtection="1">
      <alignment horizontal="center" vertical="center"/>
      <protection locked="0"/>
    </xf>
    <xf numFmtId="0" fontId="38" fillId="0" borderId="3" xfId="0" applyFont="1" applyBorder="1" applyAlignment="1">
      <alignment horizontal="left" vertical="center" wrapText="1"/>
    </xf>
    <xf numFmtId="49" fontId="38" fillId="33" borderId="20" xfId="0" applyNumberFormat="1" applyFont="1" applyFill="1" applyBorder="1" applyAlignment="1">
      <alignment horizontal="center" vertical="center" wrapText="1"/>
    </xf>
    <xf numFmtId="49" fontId="38" fillId="33" borderId="21" xfId="0" applyNumberFormat="1" applyFont="1" applyFill="1" applyBorder="1" applyAlignment="1">
      <alignment horizontal="center" vertical="center" wrapText="1"/>
    </xf>
    <xf numFmtId="49" fontId="38" fillId="33" borderId="19" xfId="0" applyNumberFormat="1" applyFont="1" applyFill="1" applyBorder="1" applyAlignment="1">
      <alignment horizontal="center" vertical="center" wrapText="1"/>
    </xf>
    <xf numFmtId="49" fontId="38" fillId="33" borderId="17" xfId="0" applyNumberFormat="1" applyFont="1" applyFill="1" applyBorder="1" applyAlignment="1">
      <alignment horizontal="center" vertical="center" wrapText="1"/>
    </xf>
    <xf numFmtId="0" fontId="38" fillId="0" borderId="3" xfId="0" applyFont="1" applyBorder="1" applyAlignment="1">
      <alignment horizontal="left" vertical="center"/>
    </xf>
    <xf numFmtId="0" fontId="38" fillId="0" borderId="20" xfId="0" applyFont="1" applyBorder="1" applyAlignment="1">
      <alignment horizontal="left" vertical="center"/>
    </xf>
    <xf numFmtId="0" fontId="38" fillId="0" borderId="21" xfId="0" applyFont="1" applyBorder="1" applyAlignment="1">
      <alignment horizontal="left" vertical="center"/>
    </xf>
    <xf numFmtId="0" fontId="38" fillId="0" borderId="19" xfId="0" applyFont="1" applyBorder="1" applyAlignment="1">
      <alignment horizontal="left" vertical="center"/>
    </xf>
    <xf numFmtId="0" fontId="38" fillId="0" borderId="17" xfId="0" applyFont="1" applyBorder="1" applyAlignment="1">
      <alignment horizontal="left" vertical="center"/>
    </xf>
    <xf numFmtId="0" fontId="38" fillId="0" borderId="23" xfId="0" applyFont="1" applyBorder="1" applyAlignment="1">
      <alignment horizontal="left" vertical="center"/>
    </xf>
    <xf numFmtId="49" fontId="38" fillId="33" borderId="3" xfId="0" applyNumberFormat="1" applyFont="1" applyFill="1" applyBorder="1" applyAlignment="1">
      <alignment horizontal="center" vertical="center" wrapText="1"/>
    </xf>
    <xf numFmtId="0" fontId="38" fillId="0" borderId="25" xfId="0" applyFont="1" applyBorder="1" applyAlignment="1">
      <alignment horizontal="left" vertical="center"/>
    </xf>
    <xf numFmtId="0" fontId="38" fillId="0" borderId="14" xfId="0" applyFont="1" applyBorder="1" applyAlignment="1">
      <alignment horizontal="left" vertical="center"/>
    </xf>
    <xf numFmtId="0" fontId="38" fillId="0" borderId="2" xfId="0" applyFont="1" applyBorder="1" applyAlignment="1">
      <alignment horizontal="left" vertical="center"/>
    </xf>
    <xf numFmtId="0" fontId="38" fillId="0" borderId="13" xfId="0" applyFont="1" applyBorder="1" applyAlignment="1">
      <alignment horizontal="left" vertical="center"/>
    </xf>
    <xf numFmtId="0" fontId="38" fillId="0" borderId="18" xfId="0" applyFont="1" applyBorder="1" applyAlignment="1">
      <alignment horizontal="left" vertical="center"/>
    </xf>
    <xf numFmtId="0" fontId="38" fillId="0" borderId="15" xfId="0" applyFont="1" applyBorder="1" applyAlignment="1">
      <alignment horizontal="left" vertical="center"/>
    </xf>
    <xf numFmtId="0" fontId="55" fillId="0" borderId="14" xfId="191" applyFont="1" applyBorder="1" applyAlignment="1" applyProtection="1">
      <alignment vertical="center"/>
      <protection locked="0"/>
    </xf>
    <xf numFmtId="0" fontId="55" fillId="0" borderId="13" xfId="191" applyFont="1" applyBorder="1" applyAlignment="1" applyProtection="1">
      <alignment vertical="center"/>
      <protection locked="0"/>
    </xf>
    <xf numFmtId="0" fontId="59" fillId="0" borderId="14" xfId="0" applyFont="1" applyBorder="1" applyAlignment="1">
      <alignment horizontal="center" vertical="center" shrinkToFit="1"/>
    </xf>
    <xf numFmtId="0" fontId="59" fillId="0" borderId="13" xfId="0" applyFont="1" applyBorder="1" applyAlignment="1">
      <alignment horizontal="center" vertical="center" shrinkToFit="1"/>
    </xf>
    <xf numFmtId="0" fontId="55" fillId="0" borderId="14" xfId="191" applyFont="1" applyBorder="1" applyAlignment="1" applyProtection="1">
      <alignment horizontal="center" vertical="center" shrinkToFit="1"/>
      <protection locked="0"/>
    </xf>
    <xf numFmtId="0" fontId="55" fillId="0" borderId="2" xfId="191" applyFont="1" applyBorder="1" applyAlignment="1" applyProtection="1">
      <alignment horizontal="center" vertical="center" shrinkToFit="1"/>
      <protection locked="0"/>
    </xf>
    <xf numFmtId="0" fontId="55" fillId="0" borderId="13" xfId="191" applyFont="1" applyBorder="1" applyAlignment="1" applyProtection="1">
      <alignment horizontal="center" vertical="center" shrinkToFit="1"/>
      <protection locked="0"/>
    </xf>
    <xf numFmtId="0" fontId="55" fillId="0" borderId="23" xfId="0" applyFont="1" applyBorder="1" applyAlignment="1">
      <alignment horizontal="center" vertical="center" textRotation="255"/>
    </xf>
    <xf numFmtId="0" fontId="55" fillId="0" borderId="24" xfId="0" applyFont="1" applyBorder="1" applyAlignment="1">
      <alignment horizontal="center" vertical="center" textRotation="255"/>
    </xf>
    <xf numFmtId="0" fontId="55" fillId="0" borderId="25" xfId="0" applyFont="1" applyBorder="1" applyAlignment="1">
      <alignment horizontal="center" vertical="center" textRotation="255"/>
    </xf>
    <xf numFmtId="0" fontId="55" fillId="0" borderId="20" xfId="191" applyFont="1" applyBorder="1" applyAlignment="1" applyProtection="1">
      <alignment horizontal="center" vertical="center" textRotation="255"/>
      <protection locked="0"/>
    </xf>
    <xf numFmtId="0" fontId="55" fillId="0" borderId="21" xfId="191" applyFont="1" applyBorder="1" applyAlignment="1" applyProtection="1">
      <alignment horizontal="center" vertical="center" textRotation="255"/>
      <protection locked="0"/>
    </xf>
    <xf numFmtId="0" fontId="55" fillId="0" borderId="22" xfId="191" applyFont="1" applyBorder="1" applyAlignment="1" applyProtection="1">
      <alignment horizontal="center" vertical="center" textRotation="255"/>
      <protection locked="0"/>
    </xf>
    <xf numFmtId="0" fontId="55" fillId="0" borderId="16" xfId="191" applyFont="1" applyBorder="1" applyAlignment="1" applyProtection="1">
      <alignment horizontal="center" vertical="center" textRotation="255"/>
      <protection locked="0"/>
    </xf>
    <xf numFmtId="0" fontId="55" fillId="0" borderId="19" xfId="191" applyFont="1" applyBorder="1" applyAlignment="1" applyProtection="1">
      <alignment horizontal="center" vertical="center" textRotation="255"/>
      <protection locked="0"/>
    </xf>
    <xf numFmtId="0" fontId="55" fillId="0" borderId="17" xfId="191" applyFont="1" applyBorder="1" applyAlignment="1" applyProtection="1">
      <alignment horizontal="center" vertical="center" textRotation="255"/>
      <protection locked="0"/>
    </xf>
    <xf numFmtId="0" fontId="55" fillId="0" borderId="14" xfId="191" applyFont="1" applyBorder="1" applyAlignment="1" applyProtection="1">
      <alignment horizontal="left" vertical="center"/>
      <protection locked="0"/>
    </xf>
    <xf numFmtId="0" fontId="55" fillId="0" borderId="13" xfId="191" applyFont="1" applyBorder="1" applyAlignment="1" applyProtection="1">
      <alignment horizontal="left" vertical="center"/>
      <protection locked="0"/>
    </xf>
    <xf numFmtId="0" fontId="38" fillId="0" borderId="0" xfId="0" applyFont="1" applyAlignment="1">
      <alignment horizontal="left" vertical="center"/>
    </xf>
    <xf numFmtId="0" fontId="55" fillId="33" borderId="23" xfId="191" applyFont="1" applyFill="1" applyBorder="1" applyAlignment="1" applyProtection="1">
      <alignment horizontal="center" vertical="center"/>
      <protection locked="0"/>
    </xf>
    <xf numFmtId="0" fontId="55" fillId="33" borderId="25" xfId="191" applyFont="1" applyFill="1" applyBorder="1" applyAlignment="1" applyProtection="1">
      <alignment horizontal="center" vertical="center"/>
      <protection locked="0"/>
    </xf>
    <xf numFmtId="0" fontId="55" fillId="33" borderId="20" xfId="191" applyFont="1" applyFill="1" applyBorder="1" applyAlignment="1" applyProtection="1">
      <alignment horizontal="center" vertical="center"/>
      <protection locked="0"/>
    </xf>
    <xf numFmtId="0" fontId="55" fillId="33" borderId="21" xfId="191" applyFont="1" applyFill="1" applyBorder="1" applyAlignment="1" applyProtection="1">
      <alignment horizontal="center" vertical="center"/>
      <protection locked="0"/>
    </xf>
    <xf numFmtId="0" fontId="55" fillId="33" borderId="19" xfId="191" applyFont="1" applyFill="1" applyBorder="1" applyAlignment="1" applyProtection="1">
      <alignment horizontal="center" vertical="center"/>
      <protection locked="0"/>
    </xf>
    <xf numFmtId="0" fontId="55" fillId="33" borderId="17" xfId="191" applyFont="1" applyFill="1" applyBorder="1" applyAlignment="1" applyProtection="1">
      <alignment horizontal="center" vertical="center"/>
      <protection locked="0"/>
    </xf>
    <xf numFmtId="0" fontId="55" fillId="26" borderId="23" xfId="191" applyFont="1" applyFill="1" applyBorder="1" applyAlignment="1" applyProtection="1">
      <alignment horizontal="center" vertical="center"/>
      <protection locked="0"/>
    </xf>
    <xf numFmtId="0" fontId="55" fillId="26" borderId="25" xfId="191" applyFont="1" applyFill="1" applyBorder="1" applyAlignment="1" applyProtection="1">
      <alignment horizontal="center" vertical="center"/>
      <protection locked="0"/>
    </xf>
    <xf numFmtId="0" fontId="59" fillId="26" borderId="23" xfId="191" applyFont="1" applyFill="1" applyBorder="1" applyAlignment="1" applyProtection="1">
      <alignment horizontal="center" vertical="center" wrapText="1"/>
      <protection locked="0"/>
    </xf>
    <xf numFmtId="0" fontId="59" fillId="26" borderId="25" xfId="191" applyFont="1" applyFill="1" applyBorder="1" applyAlignment="1" applyProtection="1">
      <alignment horizontal="center" vertical="center" wrapText="1"/>
      <protection locked="0"/>
    </xf>
    <xf numFmtId="0" fontId="55" fillId="26" borderId="14" xfId="191" applyFont="1" applyFill="1" applyBorder="1" applyAlignment="1" applyProtection="1">
      <alignment horizontal="center" vertical="center"/>
      <protection locked="0"/>
    </xf>
    <xf numFmtId="0" fontId="55" fillId="26" borderId="2" xfId="191" applyFont="1" applyFill="1" applyBorder="1" applyAlignment="1" applyProtection="1">
      <alignment horizontal="center" vertical="center"/>
      <protection locked="0"/>
    </xf>
    <xf numFmtId="0" fontId="55" fillId="26" borderId="13" xfId="191" applyFont="1" applyFill="1" applyBorder="1" applyAlignment="1" applyProtection="1">
      <alignment horizontal="center" vertical="center"/>
      <protection locked="0"/>
    </xf>
    <xf numFmtId="0" fontId="78" fillId="33" borderId="23" xfId="191" applyFont="1" applyFill="1" applyBorder="1" applyAlignment="1" applyProtection="1">
      <alignment horizontal="center" vertical="center"/>
      <protection locked="0"/>
    </xf>
    <xf numFmtId="0" fontId="78" fillId="33" borderId="25" xfId="191" applyFont="1" applyFill="1" applyBorder="1" applyAlignment="1" applyProtection="1">
      <alignment horizontal="center" vertical="center"/>
      <protection locked="0"/>
    </xf>
    <xf numFmtId="0" fontId="59" fillId="0" borderId="14" xfId="191" applyFont="1" applyBorder="1" applyAlignment="1" applyProtection="1">
      <alignment horizontal="left" vertical="center" shrinkToFit="1"/>
      <protection locked="0"/>
    </xf>
    <xf numFmtId="0" fontId="59" fillId="0" borderId="2" xfId="191" applyFont="1" applyBorder="1" applyAlignment="1" applyProtection="1">
      <alignment horizontal="left" vertical="center" shrinkToFit="1"/>
      <protection locked="0"/>
    </xf>
    <xf numFmtId="0" fontId="59" fillId="0" borderId="13" xfId="191" applyFont="1" applyBorder="1" applyAlignment="1" applyProtection="1">
      <alignment horizontal="left" vertical="center" shrinkToFit="1"/>
      <protection locked="0"/>
    </xf>
    <xf numFmtId="0" fontId="61" fillId="33" borderId="20" xfId="191" applyFont="1" applyFill="1" applyBorder="1" applyAlignment="1" applyProtection="1">
      <alignment horizontal="center" vertical="center" wrapText="1"/>
      <protection locked="0"/>
    </xf>
    <xf numFmtId="0" fontId="61" fillId="33" borderId="21" xfId="191" applyFont="1" applyFill="1" applyBorder="1" applyAlignment="1" applyProtection="1">
      <alignment horizontal="center" vertical="center"/>
      <protection locked="0"/>
    </xf>
    <xf numFmtId="0" fontId="61" fillId="33" borderId="19" xfId="191" applyFont="1" applyFill="1" applyBorder="1" applyAlignment="1" applyProtection="1">
      <alignment horizontal="center" vertical="center"/>
      <protection locked="0"/>
    </xf>
    <xf numFmtId="0" fontId="61" fillId="33" borderId="17" xfId="191" applyFont="1" applyFill="1" applyBorder="1" applyAlignment="1" applyProtection="1">
      <alignment horizontal="center" vertical="center"/>
      <protection locked="0"/>
    </xf>
    <xf numFmtId="0" fontId="56" fillId="33" borderId="20" xfId="191" applyFont="1" applyFill="1" applyBorder="1" applyAlignment="1" applyProtection="1">
      <alignment horizontal="center" vertical="center"/>
      <protection locked="0"/>
    </xf>
    <xf numFmtId="0" fontId="56" fillId="33" borderId="19" xfId="191" applyFont="1" applyFill="1" applyBorder="1" applyAlignment="1" applyProtection="1">
      <alignment horizontal="center" vertical="center"/>
      <protection locked="0"/>
    </xf>
    <xf numFmtId="0" fontId="56" fillId="33" borderId="18" xfId="191" applyFont="1" applyFill="1" applyBorder="1" applyAlignment="1" applyProtection="1">
      <alignment horizontal="center" vertical="center"/>
      <protection locked="0"/>
    </xf>
    <xf numFmtId="0" fontId="56" fillId="33" borderId="21" xfId="191" applyFont="1" applyFill="1" applyBorder="1" applyAlignment="1" applyProtection="1">
      <alignment horizontal="center" vertical="center"/>
      <protection locked="0"/>
    </xf>
    <xf numFmtId="0" fontId="56" fillId="33" borderId="15" xfId="191" applyFont="1" applyFill="1" applyBorder="1" applyAlignment="1" applyProtection="1">
      <alignment horizontal="center" vertical="center"/>
      <protection locked="0"/>
    </xf>
    <xf numFmtId="0" fontId="56" fillId="33" borderId="17" xfId="191" applyFont="1" applyFill="1" applyBorder="1" applyAlignment="1" applyProtection="1">
      <alignment horizontal="center" vertical="center"/>
      <protection locked="0"/>
    </xf>
    <xf numFmtId="0" fontId="59" fillId="0" borderId="14" xfId="0" applyFont="1" applyBorder="1" applyAlignment="1">
      <alignment horizontal="left" vertical="center" wrapText="1"/>
    </xf>
    <xf numFmtId="0" fontId="59" fillId="0" borderId="2" xfId="0" applyFont="1" applyBorder="1" applyAlignment="1">
      <alignment horizontal="left" vertical="center" wrapText="1"/>
    </xf>
    <xf numFmtId="0" fontId="59" fillId="0" borderId="13" xfId="0" applyFont="1" applyBorder="1" applyAlignment="1">
      <alignment horizontal="left" vertical="center" wrapText="1"/>
    </xf>
    <xf numFmtId="0" fontId="43" fillId="26" borderId="3" xfId="191" applyFont="1" applyFill="1" applyBorder="1" applyAlignment="1" applyProtection="1">
      <alignment horizontal="center" vertical="center" wrapText="1"/>
      <protection locked="0"/>
    </xf>
    <xf numFmtId="0" fontId="56" fillId="33" borderId="23" xfId="191" applyFont="1" applyFill="1" applyBorder="1" applyAlignment="1" applyProtection="1">
      <alignment horizontal="center" vertical="center"/>
      <protection locked="0"/>
    </xf>
    <xf numFmtId="0" fontId="56" fillId="33" borderId="25" xfId="191" applyFont="1" applyFill="1" applyBorder="1" applyAlignment="1" applyProtection="1">
      <alignment horizontal="center" vertical="center"/>
      <protection locked="0"/>
    </xf>
    <xf numFmtId="49" fontId="38" fillId="0" borderId="3" xfId="0" applyNumberFormat="1" applyFont="1" applyBorder="1" applyAlignment="1">
      <alignment horizontal="center" vertical="center"/>
    </xf>
    <xf numFmtId="0" fontId="38" fillId="0" borderId="3" xfId="191" applyFont="1" applyBorder="1" applyAlignment="1" applyProtection="1">
      <alignment horizontal="left" vertical="center"/>
      <protection locked="0"/>
    </xf>
    <xf numFmtId="0" fontId="55" fillId="26" borderId="23" xfId="191" applyFont="1" applyFill="1" applyBorder="1" applyAlignment="1" applyProtection="1">
      <alignment horizontal="center" vertical="center" wrapText="1"/>
      <protection locked="0"/>
    </xf>
    <xf numFmtId="0" fontId="55" fillId="26" borderId="25" xfId="191" applyFont="1" applyFill="1" applyBorder="1" applyAlignment="1" applyProtection="1">
      <alignment horizontal="center" vertical="center" wrapText="1"/>
      <protection locked="0"/>
    </xf>
    <xf numFmtId="0" fontId="55" fillId="26" borderId="20" xfId="191" applyFont="1" applyFill="1" applyBorder="1" applyAlignment="1" applyProtection="1">
      <alignment horizontal="center" vertical="center" wrapText="1"/>
      <protection locked="0"/>
    </xf>
    <xf numFmtId="0" fontId="55" fillId="26" borderId="19" xfId="191" applyFont="1" applyFill="1" applyBorder="1" applyAlignment="1" applyProtection="1">
      <alignment horizontal="center" vertical="center" wrapText="1"/>
      <protection locked="0"/>
    </xf>
    <xf numFmtId="0" fontId="79" fillId="26" borderId="23" xfId="191" applyFont="1" applyFill="1" applyBorder="1" applyAlignment="1" applyProtection="1">
      <alignment horizontal="center" vertical="center" wrapText="1"/>
      <protection locked="0"/>
    </xf>
    <xf numFmtId="0" fontId="79" fillId="26" borderId="25" xfId="191" applyFont="1" applyFill="1" applyBorder="1" applyAlignment="1" applyProtection="1">
      <alignment horizontal="center" vertical="center" wrapText="1"/>
      <protection locked="0"/>
    </xf>
    <xf numFmtId="0" fontId="61" fillId="34" borderId="14" xfId="191" applyFont="1" applyFill="1" applyBorder="1" applyAlignment="1" applyProtection="1">
      <alignment horizontal="left" vertical="center" wrapText="1"/>
      <protection locked="0"/>
    </xf>
    <xf numFmtId="0" fontId="61" fillId="34" borderId="2" xfId="191" applyFont="1" applyFill="1" applyBorder="1" applyAlignment="1" applyProtection="1">
      <alignment horizontal="left" vertical="center"/>
      <protection locked="0"/>
    </xf>
    <xf numFmtId="0" fontId="61" fillId="34" borderId="13" xfId="191" applyFont="1" applyFill="1" applyBorder="1" applyAlignment="1" applyProtection="1">
      <alignment horizontal="left" vertical="center"/>
      <protection locked="0"/>
    </xf>
    <xf numFmtId="0" fontId="59" fillId="33" borderId="20" xfId="191" applyFont="1" applyFill="1" applyBorder="1" applyAlignment="1" applyProtection="1">
      <alignment horizontal="center" vertical="center"/>
      <protection locked="0"/>
    </xf>
    <xf numFmtId="0" fontId="59" fillId="33" borderId="21" xfId="191" applyFont="1" applyFill="1" applyBorder="1" applyAlignment="1" applyProtection="1">
      <alignment horizontal="center" vertical="center"/>
      <protection locked="0"/>
    </xf>
    <xf numFmtId="0" fontId="59" fillId="33" borderId="19" xfId="191" applyFont="1" applyFill="1" applyBorder="1" applyAlignment="1" applyProtection="1">
      <alignment horizontal="center" vertical="center"/>
      <protection locked="0"/>
    </xf>
    <xf numFmtId="0" fontId="59" fillId="33" borderId="17" xfId="191" applyFont="1" applyFill="1" applyBorder="1" applyAlignment="1" applyProtection="1">
      <alignment horizontal="center" vertical="center"/>
      <protection locked="0"/>
    </xf>
    <xf numFmtId="0" fontId="59" fillId="33" borderId="18" xfId="191" applyFont="1" applyFill="1" applyBorder="1" applyAlignment="1" applyProtection="1">
      <alignment horizontal="center" vertical="center"/>
      <protection locked="0"/>
    </xf>
    <xf numFmtId="0" fontId="59" fillId="33" borderId="15" xfId="191" applyFont="1" applyFill="1" applyBorder="1" applyAlignment="1" applyProtection="1">
      <alignment horizontal="center" vertical="center"/>
      <protection locked="0"/>
    </xf>
    <xf numFmtId="0" fontId="59" fillId="0" borderId="2" xfId="0" applyFont="1" applyBorder="1" applyAlignment="1">
      <alignment horizontal="left" vertical="center"/>
    </xf>
    <xf numFmtId="0" fontId="59" fillId="0" borderId="13" xfId="0" applyFont="1" applyBorder="1" applyAlignment="1">
      <alignment horizontal="left" vertical="center"/>
    </xf>
    <xf numFmtId="0" fontId="55" fillId="0" borderId="14" xfId="0" applyFont="1" applyBorder="1" applyAlignment="1">
      <alignment horizontal="center" vertical="center" shrinkToFit="1"/>
    </xf>
    <xf numFmtId="0" fontId="55" fillId="0" borderId="2" xfId="0" applyFont="1" applyBorder="1" applyAlignment="1">
      <alignment horizontal="center" vertical="center" shrinkToFit="1"/>
    </xf>
    <xf numFmtId="0" fontId="55" fillId="0" borderId="13" xfId="0" applyFont="1" applyBorder="1" applyAlignment="1">
      <alignment horizontal="center" vertical="center" shrinkToFit="1"/>
    </xf>
    <xf numFmtId="49" fontId="55" fillId="0" borderId="14" xfId="0" applyNumberFormat="1" applyFont="1" applyBorder="1" applyAlignment="1">
      <alignment horizontal="center" vertical="center"/>
    </xf>
    <xf numFmtId="49" fontId="55" fillId="0" borderId="13" xfId="0" applyNumberFormat="1" applyFont="1" applyBorder="1" applyAlignment="1">
      <alignment horizontal="center" vertical="center"/>
    </xf>
    <xf numFmtId="49" fontId="55" fillId="33" borderId="3" xfId="0" applyNumberFormat="1" applyFont="1" applyFill="1" applyBorder="1" applyAlignment="1">
      <alignment horizontal="center" vertical="center"/>
    </xf>
    <xf numFmtId="0" fontId="38" fillId="0" borderId="3" xfId="191" applyFont="1" applyBorder="1" applyAlignment="1" applyProtection="1">
      <alignment horizontal="center" vertical="center"/>
      <protection locked="0"/>
    </xf>
    <xf numFmtId="49" fontId="38" fillId="0" borderId="3" xfId="0" applyNumberFormat="1" applyFont="1" applyBorder="1" applyAlignment="1">
      <alignment horizontal="center" vertical="center" wrapText="1"/>
    </xf>
    <xf numFmtId="0" fontId="38" fillId="0" borderId="3" xfId="191" applyFont="1" applyBorder="1" applyAlignment="1" applyProtection="1">
      <alignment horizontal="left" vertical="center" wrapText="1"/>
      <protection locked="0"/>
    </xf>
    <xf numFmtId="49" fontId="78" fillId="0" borderId="14" xfId="0" applyNumberFormat="1" applyFont="1" applyBorder="1" applyAlignment="1">
      <alignment horizontal="center" vertical="center"/>
    </xf>
    <xf numFmtId="49" fontId="78" fillId="0" borderId="13" xfId="0" applyNumberFormat="1" applyFont="1" applyBorder="1" applyAlignment="1">
      <alignment horizontal="center" vertical="center"/>
    </xf>
    <xf numFmtId="0" fontId="59" fillId="0" borderId="3" xfId="0" applyFont="1" applyBorder="1" applyAlignment="1">
      <alignment horizontal="center" shrinkToFit="1"/>
    </xf>
    <xf numFmtId="49" fontId="38" fillId="0" borderId="23" xfId="0" applyNumberFormat="1" applyFont="1" applyBorder="1" applyAlignment="1">
      <alignment horizontal="center" vertical="center" textRotation="255"/>
    </xf>
    <xf numFmtId="49" fontId="38" fillId="0" borderId="24" xfId="0" applyNumberFormat="1" applyFont="1" applyBorder="1" applyAlignment="1">
      <alignment horizontal="center" vertical="center" textRotation="255"/>
    </xf>
    <xf numFmtId="49" fontId="38" fillId="0" borderId="25" xfId="0" applyNumberFormat="1" applyFont="1" applyBorder="1" applyAlignment="1">
      <alignment horizontal="center" vertical="center" textRotation="255"/>
    </xf>
    <xf numFmtId="49" fontId="55" fillId="0" borderId="20" xfId="0" applyNumberFormat="1" applyFont="1" applyBorder="1" applyAlignment="1">
      <alignment horizontal="center" vertical="center" textRotation="255"/>
    </xf>
    <xf numFmtId="49" fontId="55" fillId="0" borderId="21" xfId="0" applyNumberFormat="1" applyFont="1" applyBorder="1" applyAlignment="1">
      <alignment horizontal="center" vertical="center" textRotation="255"/>
    </xf>
    <xf numFmtId="49" fontId="55" fillId="0" borderId="22" xfId="0" applyNumberFormat="1" applyFont="1" applyBorder="1" applyAlignment="1">
      <alignment horizontal="center" vertical="center" textRotation="255"/>
    </xf>
    <xf numFmtId="49" fontId="55" fillId="0" borderId="16" xfId="0" applyNumberFormat="1" applyFont="1" applyBorder="1" applyAlignment="1">
      <alignment horizontal="center" vertical="center" textRotation="255"/>
    </xf>
    <xf numFmtId="49" fontId="55" fillId="0" borderId="19" xfId="0" applyNumberFormat="1" applyFont="1" applyBorder="1" applyAlignment="1">
      <alignment horizontal="center" vertical="center" textRotation="255"/>
    </xf>
    <xf numFmtId="49" fontId="55" fillId="0" borderId="17" xfId="0" applyNumberFormat="1" applyFont="1" applyBorder="1" applyAlignment="1">
      <alignment horizontal="center" vertical="center" textRotation="255"/>
    </xf>
    <xf numFmtId="49" fontId="55" fillId="33" borderId="23" xfId="0" applyNumberFormat="1" applyFont="1" applyFill="1" applyBorder="1" applyAlignment="1">
      <alignment horizontal="center" vertical="center" wrapText="1"/>
    </xf>
    <xf numFmtId="49" fontId="55" fillId="33" borderId="25" xfId="0" applyNumberFormat="1" applyFont="1" applyFill="1" applyBorder="1" applyAlignment="1">
      <alignment horizontal="center" vertical="center" wrapText="1"/>
    </xf>
    <xf numFmtId="0" fontId="59" fillId="26" borderId="3" xfId="191" applyFont="1" applyFill="1" applyBorder="1" applyAlignment="1" applyProtection="1">
      <alignment horizontal="center" vertical="center" wrapText="1"/>
      <protection locked="0"/>
    </xf>
    <xf numFmtId="0" fontId="59" fillId="26" borderId="3" xfId="191" applyFont="1" applyFill="1" applyBorder="1" applyAlignment="1" applyProtection="1">
      <alignment horizontal="center" vertical="center"/>
      <protection locked="0"/>
    </xf>
    <xf numFmtId="0" fontId="59" fillId="0" borderId="3" xfId="0" applyFont="1" applyBorder="1" applyAlignment="1">
      <alignment horizontal="left" vertical="center" shrinkToFit="1"/>
    </xf>
    <xf numFmtId="0" fontId="41" fillId="0" borderId="14" xfId="0" applyFont="1" applyBorder="1" applyAlignment="1">
      <alignment horizontal="center" vertical="center"/>
    </xf>
    <xf numFmtId="0" fontId="41" fillId="0" borderId="13" xfId="0" applyFont="1" applyBorder="1" applyAlignment="1">
      <alignment horizontal="center" vertical="center"/>
    </xf>
    <xf numFmtId="0" fontId="41" fillId="0" borderId="14" xfId="191" applyFont="1" applyBorder="1" applyAlignment="1" applyProtection="1">
      <alignment horizontal="left" vertical="center" wrapText="1"/>
      <protection locked="0"/>
    </xf>
    <xf numFmtId="0" fontId="41" fillId="0" borderId="2" xfId="191" applyFont="1" applyBorder="1" applyAlignment="1" applyProtection="1">
      <alignment horizontal="left" vertical="center" wrapText="1"/>
      <protection locked="0"/>
    </xf>
    <xf numFmtId="0" fontId="41" fillId="0" borderId="13" xfId="191" applyFont="1" applyBorder="1" applyAlignment="1" applyProtection="1">
      <alignment horizontal="left" vertical="center" wrapText="1"/>
      <protection locked="0"/>
    </xf>
    <xf numFmtId="0" fontId="41" fillId="0" borderId="14" xfId="191" applyFont="1" applyBorder="1" applyAlignment="1" applyProtection="1">
      <alignment horizontal="center" vertical="center"/>
      <protection locked="0"/>
    </xf>
    <xf numFmtId="0" fontId="41" fillId="0" borderId="2" xfId="191" applyFont="1" applyBorder="1" applyAlignment="1" applyProtection="1">
      <alignment horizontal="center" vertical="center"/>
      <protection locked="0"/>
    </xf>
    <xf numFmtId="0" fontId="41" fillId="0" borderId="13" xfId="191" applyFont="1" applyBorder="1" applyAlignment="1" applyProtection="1">
      <alignment horizontal="center" vertical="center"/>
      <protection locked="0"/>
    </xf>
    <xf numFmtId="0" fontId="41" fillId="0" borderId="14" xfId="0" applyFont="1" applyBorder="1" applyAlignment="1">
      <alignment horizontal="center" vertical="center" shrinkToFit="1"/>
    </xf>
    <xf numFmtId="0" fontId="41" fillId="0" borderId="2" xfId="0" applyFont="1" applyBorder="1" applyAlignment="1">
      <alignment horizontal="center" vertical="center" shrinkToFit="1"/>
    </xf>
    <xf numFmtId="0" fontId="41" fillId="0" borderId="13" xfId="0" applyFont="1" applyBorder="1" applyAlignment="1">
      <alignment horizontal="center" vertical="center" shrinkToFit="1"/>
    </xf>
    <xf numFmtId="0" fontId="41" fillId="27" borderId="14" xfId="0" applyFont="1" applyFill="1" applyBorder="1" applyAlignment="1">
      <alignment horizontal="center" vertical="center"/>
    </xf>
    <xf numFmtId="0" fontId="41" fillId="27" borderId="13" xfId="0" applyFont="1" applyFill="1" applyBorder="1" applyAlignment="1">
      <alignment horizontal="center" vertical="center"/>
    </xf>
    <xf numFmtId="0" fontId="41" fillId="27" borderId="14" xfId="191" applyFont="1" applyFill="1" applyBorder="1" applyAlignment="1" applyProtection="1">
      <alignment horizontal="left" vertical="center" wrapText="1"/>
      <protection locked="0"/>
    </xf>
    <xf numFmtId="0" fontId="41" fillId="27" borderId="2" xfId="191" applyFont="1" applyFill="1" applyBorder="1" applyAlignment="1" applyProtection="1">
      <alignment horizontal="left" vertical="center" wrapText="1"/>
      <protection locked="0"/>
    </xf>
    <xf numFmtId="0" fontId="41" fillId="27" borderId="13" xfId="191" applyFont="1" applyFill="1" applyBorder="1" applyAlignment="1" applyProtection="1">
      <alignment horizontal="left" vertical="center" wrapText="1"/>
      <protection locked="0"/>
    </xf>
    <xf numFmtId="0" fontId="41" fillId="27" borderId="14" xfId="191" applyFont="1" applyFill="1" applyBorder="1" applyAlignment="1" applyProtection="1">
      <alignment horizontal="center" vertical="center"/>
      <protection locked="0"/>
    </xf>
    <xf numFmtId="0" fontId="41" fillId="27" borderId="2" xfId="191" applyFont="1" applyFill="1" applyBorder="1" applyAlignment="1" applyProtection="1">
      <alignment horizontal="center" vertical="center"/>
      <protection locked="0"/>
    </xf>
    <xf numFmtId="0" fontId="41" fillId="27" borderId="13" xfId="191" applyFont="1" applyFill="1" applyBorder="1" applyAlignment="1" applyProtection="1">
      <alignment horizontal="center" vertical="center"/>
      <protection locked="0"/>
    </xf>
    <xf numFmtId="0" fontId="41" fillId="27" borderId="14" xfId="0" applyFont="1" applyFill="1" applyBorder="1" applyAlignment="1">
      <alignment horizontal="center" vertical="center" shrinkToFit="1"/>
    </xf>
    <xf numFmtId="0" fontId="41" fillId="27" borderId="2" xfId="0" applyFont="1" applyFill="1" applyBorder="1" applyAlignment="1">
      <alignment horizontal="center" vertical="center" shrinkToFit="1"/>
    </xf>
    <xf numFmtId="0" fontId="41" fillId="27" borderId="13" xfId="0" applyFont="1" applyFill="1" applyBorder="1" applyAlignment="1">
      <alignment horizontal="center" vertical="center" shrinkToFit="1"/>
    </xf>
    <xf numFmtId="0" fontId="41" fillId="0" borderId="14" xfId="190" applyFont="1" applyBorder="1" applyAlignment="1">
      <alignment horizontal="left" vertical="center" wrapText="1"/>
    </xf>
    <xf numFmtId="0" fontId="41" fillId="0" borderId="2" xfId="190" applyFont="1" applyBorder="1" applyAlignment="1">
      <alignment horizontal="left" vertical="center" wrapText="1"/>
    </xf>
    <xf numFmtId="0" fontId="41" fillId="0" borderId="13" xfId="190" applyFont="1" applyBorder="1" applyAlignment="1">
      <alignment horizontal="left" vertical="center" wrapText="1"/>
    </xf>
    <xf numFmtId="0" fontId="41" fillId="27" borderId="14" xfId="190" applyFont="1" applyFill="1" applyBorder="1" applyAlignment="1">
      <alignment horizontal="left" vertical="center" wrapText="1"/>
    </xf>
    <xf numFmtId="0" fontId="41" fillId="27" borderId="2" xfId="190" applyFont="1" applyFill="1" applyBorder="1" applyAlignment="1">
      <alignment horizontal="left" vertical="center" wrapText="1"/>
    </xf>
    <xf numFmtId="0" fontId="41" fillId="27" borderId="13" xfId="190" applyFont="1" applyFill="1" applyBorder="1" applyAlignment="1">
      <alignment horizontal="left" vertical="center" wrapText="1"/>
    </xf>
    <xf numFmtId="0" fontId="41" fillId="27" borderId="14" xfId="191" applyFont="1" applyFill="1" applyBorder="1" applyAlignment="1" applyProtection="1">
      <alignment horizontal="center" vertical="center" wrapText="1"/>
      <protection locked="0"/>
    </xf>
    <xf numFmtId="0" fontId="41" fillId="27" borderId="13" xfId="191" applyFont="1" applyFill="1" applyBorder="1" applyAlignment="1" applyProtection="1">
      <alignment horizontal="center" vertical="center" wrapText="1"/>
      <protection locked="0"/>
    </xf>
    <xf numFmtId="0" fontId="45" fillId="26" borderId="3" xfId="191" applyFont="1" applyFill="1" applyBorder="1" applyAlignment="1" applyProtection="1">
      <alignment horizontal="center" vertical="center"/>
      <protection locked="0"/>
    </xf>
    <xf numFmtId="0" fontId="41" fillId="26" borderId="3" xfId="191" applyFont="1" applyFill="1" applyBorder="1" applyAlignment="1" applyProtection="1">
      <alignment horizontal="center" vertical="center" wrapText="1"/>
      <protection locked="0"/>
    </xf>
    <xf numFmtId="0" fontId="41" fillId="0" borderId="3" xfId="0" applyFont="1" applyBorder="1" applyAlignment="1">
      <alignment vertical="center"/>
    </xf>
    <xf numFmtId="0" fontId="45" fillId="26" borderId="3" xfId="191" applyFont="1" applyFill="1" applyBorder="1" applyAlignment="1" applyProtection="1">
      <alignment horizontal="center" vertical="center" wrapText="1"/>
      <protection locked="0"/>
    </xf>
    <xf numFmtId="0" fontId="45" fillId="26" borderId="20" xfId="191" applyFont="1" applyFill="1" applyBorder="1" applyAlignment="1" applyProtection="1">
      <alignment horizontal="center" vertical="center" wrapText="1"/>
      <protection locked="0"/>
    </xf>
    <xf numFmtId="0" fontId="45" fillId="26" borderId="18" xfId="191" applyFont="1" applyFill="1" applyBorder="1" applyAlignment="1" applyProtection="1">
      <alignment horizontal="center" vertical="center" wrapText="1"/>
      <protection locked="0"/>
    </xf>
    <xf numFmtId="0" fontId="45" fillId="26" borderId="21" xfId="191" applyFont="1" applyFill="1" applyBorder="1" applyAlignment="1" applyProtection="1">
      <alignment horizontal="center" vertical="center" wrapText="1"/>
      <protection locked="0"/>
    </xf>
    <xf numFmtId="0" fontId="45" fillId="26" borderId="19" xfId="191" applyFont="1" applyFill="1" applyBorder="1" applyAlignment="1" applyProtection="1">
      <alignment horizontal="center" vertical="center" wrapText="1"/>
      <protection locked="0"/>
    </xf>
    <xf numFmtId="0" fontId="45" fillId="26" borderId="15" xfId="191" applyFont="1" applyFill="1" applyBorder="1" applyAlignment="1" applyProtection="1">
      <alignment horizontal="center" vertical="center" wrapText="1"/>
      <protection locked="0"/>
    </xf>
    <xf numFmtId="0" fontId="45" fillId="26" borderId="17" xfId="191" applyFont="1" applyFill="1" applyBorder="1" applyAlignment="1" applyProtection="1">
      <alignment horizontal="center" vertical="center" wrapText="1"/>
      <protection locked="0"/>
    </xf>
    <xf numFmtId="0" fontId="38" fillId="26" borderId="23" xfId="191" applyFont="1" applyFill="1" applyBorder="1" applyAlignment="1" applyProtection="1">
      <alignment horizontal="center" vertical="center" wrapText="1"/>
      <protection locked="0"/>
    </xf>
    <xf numFmtId="0" fontId="38" fillId="26" borderId="25" xfId="191" applyFont="1" applyFill="1" applyBorder="1" applyAlignment="1" applyProtection="1">
      <alignment horizontal="center" vertical="center" wrapText="1"/>
      <protection locked="0"/>
    </xf>
    <xf numFmtId="0" fontId="41" fillId="26" borderId="3" xfId="191" applyFont="1" applyFill="1" applyBorder="1" applyAlignment="1" applyProtection="1">
      <alignment horizontal="center" vertical="center"/>
      <protection locked="0"/>
    </xf>
    <xf numFmtId="49" fontId="46" fillId="29" borderId="23" xfId="0" applyNumberFormat="1" applyFont="1" applyFill="1" applyBorder="1" applyAlignment="1">
      <alignment horizontal="left" vertical="top" wrapText="1"/>
    </xf>
    <xf numFmtId="49" fontId="46" fillId="29" borderId="25" xfId="0" applyNumberFormat="1" applyFont="1" applyFill="1" applyBorder="1" applyAlignment="1">
      <alignment horizontal="left" vertical="top" wrapText="1"/>
    </xf>
    <xf numFmtId="0" fontId="41" fillId="0" borderId="14" xfId="190" applyFont="1" applyBorder="1" applyAlignment="1">
      <alignment vertical="center" wrapText="1"/>
    </xf>
    <xf numFmtId="0" fontId="41" fillId="0" borderId="2" xfId="190" applyFont="1" applyBorder="1" applyAlignment="1">
      <alignment vertical="center" wrapText="1"/>
    </xf>
    <xf numFmtId="0" fontId="41" fillId="0" borderId="13" xfId="190" applyFont="1" applyBorder="1" applyAlignment="1">
      <alignment vertical="center" wrapText="1"/>
    </xf>
    <xf numFmtId="0" fontId="41" fillId="27" borderId="14" xfId="190" applyFont="1" applyFill="1" applyBorder="1" applyAlignment="1">
      <alignment vertical="center" wrapText="1"/>
    </xf>
    <xf numFmtId="0" fontId="41" fillId="27" borderId="2" xfId="190" applyFont="1" applyFill="1" applyBorder="1" applyAlignment="1">
      <alignment vertical="center" wrapText="1"/>
    </xf>
    <xf numFmtId="0" fontId="41" fillId="27" borderId="13" xfId="190" applyFont="1" applyFill="1" applyBorder="1" applyAlignment="1">
      <alignment vertical="center" wrapText="1"/>
    </xf>
    <xf numFmtId="0" fontId="41" fillId="0" borderId="3" xfId="0" applyFont="1" applyBorder="1" applyAlignment="1">
      <alignment horizontal="center" vertical="center" shrinkToFit="1"/>
    </xf>
    <xf numFmtId="0" fontId="41" fillId="27" borderId="3" xfId="0" applyFont="1" applyFill="1" applyBorder="1" applyAlignment="1">
      <alignment horizontal="center" vertical="center" shrinkToFit="1"/>
    </xf>
    <xf numFmtId="0" fontId="41" fillId="27" borderId="2" xfId="191" applyFont="1" applyFill="1" applyBorder="1" applyAlignment="1" applyProtection="1">
      <alignment horizontal="center" vertical="center" wrapText="1"/>
      <protection locked="0"/>
    </xf>
    <xf numFmtId="0" fontId="41" fillId="0" borderId="14" xfId="191" applyFont="1" applyBorder="1" applyAlignment="1" applyProtection="1">
      <alignment horizontal="left" vertical="center" shrinkToFit="1"/>
      <protection locked="0"/>
    </xf>
    <xf numFmtId="0" fontId="41" fillId="0" borderId="2" xfId="191" applyFont="1" applyBorder="1" applyAlignment="1" applyProtection="1">
      <alignment horizontal="left" vertical="center" shrinkToFit="1"/>
      <protection locked="0"/>
    </xf>
    <xf numFmtId="0" fontId="41" fillId="0" borderId="13" xfId="191" applyFont="1" applyBorder="1" applyAlignment="1" applyProtection="1">
      <alignment horizontal="left" vertical="center" shrinkToFit="1"/>
      <protection locked="0"/>
    </xf>
    <xf numFmtId="0" fontId="73" fillId="26" borderId="20" xfId="191" applyFont="1" applyFill="1" applyBorder="1" applyAlignment="1" applyProtection="1">
      <alignment horizontal="center" vertical="center"/>
      <protection locked="0"/>
    </xf>
    <xf numFmtId="0" fontId="73" fillId="26" borderId="18" xfId="191" applyFont="1" applyFill="1" applyBorder="1" applyAlignment="1" applyProtection="1">
      <alignment horizontal="center" vertical="center"/>
      <protection locked="0"/>
    </xf>
    <xf numFmtId="0" fontId="73" fillId="26" borderId="21" xfId="191" applyFont="1" applyFill="1" applyBorder="1" applyAlignment="1" applyProtection="1">
      <alignment horizontal="center" vertical="center"/>
      <protection locked="0"/>
    </xf>
    <xf numFmtId="0" fontId="73" fillId="26" borderId="19" xfId="191" applyFont="1" applyFill="1" applyBorder="1" applyAlignment="1" applyProtection="1">
      <alignment horizontal="center" vertical="center"/>
      <protection locked="0"/>
    </xf>
    <xf numFmtId="0" fontId="73" fillId="26" borderId="15" xfId="191" applyFont="1" applyFill="1" applyBorder="1" applyAlignment="1" applyProtection="1">
      <alignment horizontal="center" vertical="center"/>
      <protection locked="0"/>
    </xf>
    <xf numFmtId="0" fontId="73" fillId="26" borderId="17" xfId="191" applyFont="1" applyFill="1" applyBorder="1" applyAlignment="1" applyProtection="1">
      <alignment horizontal="center" vertical="center"/>
      <protection locked="0"/>
    </xf>
    <xf numFmtId="49" fontId="36" fillId="0" borderId="14" xfId="0" applyNumberFormat="1" applyFont="1" applyBorder="1" applyAlignment="1">
      <alignment horizontal="center" vertical="center"/>
    </xf>
    <xf numFmtId="49" fontId="36" fillId="0" borderId="13" xfId="0" applyNumberFormat="1" applyFont="1" applyBorder="1" applyAlignment="1">
      <alignment horizontal="center" vertical="center"/>
    </xf>
    <xf numFmtId="0" fontId="0" fillId="0" borderId="14" xfId="0" applyBorder="1" applyAlignment="1">
      <alignment horizontal="center" vertical="center"/>
    </xf>
    <xf numFmtId="0" fontId="0" fillId="0" borderId="2" xfId="0" applyBorder="1" applyAlignment="1">
      <alignment horizontal="center" vertical="center"/>
    </xf>
    <xf numFmtId="0" fontId="0" fillId="0" borderId="13" xfId="0" applyBorder="1" applyAlignment="1">
      <alignment horizontal="center" vertical="center"/>
    </xf>
    <xf numFmtId="0" fontId="46" fillId="0" borderId="14" xfId="0" applyFont="1" applyBorder="1" applyAlignment="1">
      <alignment horizontal="center" vertical="center"/>
    </xf>
    <xf numFmtId="0" fontId="46" fillId="0" borderId="2" xfId="0" applyFont="1" applyBorder="1" applyAlignment="1">
      <alignment horizontal="center" vertical="center"/>
    </xf>
    <xf numFmtId="0" fontId="46" fillId="0" borderId="13" xfId="0" applyFont="1" applyBorder="1" applyAlignment="1">
      <alignment horizontal="center" vertical="center"/>
    </xf>
    <xf numFmtId="0" fontId="36" fillId="0" borderId="14" xfId="0" applyFont="1" applyBorder="1" applyAlignment="1">
      <alignment horizontal="center" vertical="center"/>
    </xf>
    <xf numFmtId="0" fontId="36" fillId="0" borderId="2" xfId="0" applyFont="1" applyBorder="1" applyAlignment="1">
      <alignment horizontal="center" vertical="center"/>
    </xf>
    <xf numFmtId="0" fontId="36" fillId="0" borderId="13" xfId="0" applyFont="1" applyBorder="1" applyAlignment="1">
      <alignment horizontal="center" vertical="center"/>
    </xf>
    <xf numFmtId="49" fontId="36" fillId="0" borderId="0" xfId="0" applyNumberFormat="1" applyFont="1" applyAlignment="1">
      <alignment horizontal="right" vertical="center"/>
    </xf>
    <xf numFmtId="49" fontId="36" fillId="0" borderId="0" xfId="0" applyNumberFormat="1" applyFont="1" applyAlignment="1">
      <alignment horizontal="center" vertical="center"/>
    </xf>
    <xf numFmtId="49" fontId="36" fillId="0" borderId="16" xfId="0" applyNumberFormat="1" applyFont="1" applyBorder="1" applyAlignment="1">
      <alignment horizontal="center" vertical="center"/>
    </xf>
    <xf numFmtId="0" fontId="36" fillId="0" borderId="0" xfId="0" applyFont="1" applyAlignment="1">
      <alignment horizontal="left" vertical="center"/>
    </xf>
    <xf numFmtId="0" fontId="41" fillId="0" borderId="18" xfId="191" applyFont="1" applyBorder="1" applyAlignment="1" applyProtection="1">
      <alignment horizontal="center" vertical="center"/>
      <protection locked="0"/>
    </xf>
    <xf numFmtId="0" fontId="41" fillId="0" borderId="15" xfId="191" applyFont="1" applyBorder="1" applyAlignment="1" applyProtection="1">
      <alignment horizontal="center" vertical="center"/>
      <protection locked="0"/>
    </xf>
    <xf numFmtId="0" fontId="41" fillId="26" borderId="23" xfId="191" applyFont="1" applyFill="1" applyBorder="1" applyAlignment="1" applyProtection="1">
      <alignment horizontal="center" vertical="center" wrapText="1"/>
      <protection locked="0"/>
    </xf>
    <xf numFmtId="0" fontId="41" fillId="26" borderId="25" xfId="191" applyFont="1" applyFill="1" applyBorder="1" applyAlignment="1" applyProtection="1">
      <alignment horizontal="center" vertical="center" wrapText="1"/>
      <protection locked="0"/>
    </xf>
    <xf numFmtId="0" fontId="38" fillId="0" borderId="14" xfId="191" applyFont="1" applyBorder="1" applyAlignment="1" applyProtection="1">
      <alignment horizontal="center" vertical="center"/>
      <protection locked="0"/>
    </xf>
    <xf numFmtId="0" fontId="38" fillId="0" borderId="2" xfId="191" applyFont="1" applyBorder="1" applyAlignment="1" applyProtection="1">
      <alignment horizontal="center" vertical="center"/>
      <protection locked="0"/>
    </xf>
    <xf numFmtId="0" fontId="38" fillId="0" borderId="13" xfId="191" applyFont="1" applyBorder="1" applyAlignment="1" applyProtection="1">
      <alignment horizontal="center" vertical="center"/>
      <protection locked="0"/>
    </xf>
    <xf numFmtId="0" fontId="38" fillId="27" borderId="14" xfId="191" applyFont="1" applyFill="1" applyBorder="1" applyAlignment="1" applyProtection="1">
      <alignment horizontal="center" vertical="center"/>
      <protection locked="0"/>
    </xf>
    <xf numFmtId="0" fontId="38" fillId="27" borderId="2" xfId="191" applyFont="1" applyFill="1" applyBorder="1" applyAlignment="1" applyProtection="1">
      <alignment horizontal="center" vertical="center"/>
      <protection locked="0"/>
    </xf>
    <xf numFmtId="0" fontId="38" fillId="27" borderId="13" xfId="191" applyFont="1" applyFill="1" applyBorder="1" applyAlignment="1" applyProtection="1">
      <alignment horizontal="center" vertical="center"/>
      <protection locked="0"/>
    </xf>
    <xf numFmtId="0" fontId="43" fillId="0" borderId="18" xfId="0" applyFont="1" applyBorder="1" applyAlignment="1">
      <alignment horizontal="center" vertical="center"/>
    </xf>
    <xf numFmtId="0" fontId="41" fillId="0" borderId="15" xfId="0" applyFont="1" applyBorder="1" applyAlignment="1">
      <alignment horizontal="center" vertical="center"/>
    </xf>
    <xf numFmtId="0" fontId="41" fillId="0" borderId="14" xfId="191" applyFont="1" applyBorder="1" applyAlignment="1" applyProtection="1">
      <alignment horizontal="left" vertical="center"/>
      <protection locked="0"/>
    </xf>
    <xf numFmtId="0" fontId="41" fillId="0" borderId="2" xfId="191" applyFont="1" applyBorder="1" applyAlignment="1" applyProtection="1">
      <alignment horizontal="left" vertical="center"/>
      <protection locked="0"/>
    </xf>
    <xf numFmtId="0" fontId="41" fillId="0" borderId="13" xfId="191" applyFont="1" applyBorder="1" applyAlignment="1" applyProtection="1">
      <alignment horizontal="left" vertical="center"/>
      <protection locked="0"/>
    </xf>
    <xf numFmtId="0" fontId="41" fillId="0" borderId="18" xfId="0" applyFont="1" applyBorder="1" applyAlignment="1">
      <alignment horizontal="center" vertical="center"/>
    </xf>
    <xf numFmtId="0" fontId="38" fillId="27" borderId="14" xfId="191" applyFont="1" applyFill="1" applyBorder="1" applyAlignment="1" applyProtection="1">
      <alignment horizontal="center" vertical="center" wrapText="1"/>
      <protection locked="0"/>
    </xf>
    <xf numFmtId="0" fontId="38" fillId="27" borderId="2" xfId="191" applyFont="1" applyFill="1" applyBorder="1" applyAlignment="1" applyProtection="1">
      <alignment horizontal="center" vertical="center" wrapText="1"/>
      <protection locked="0"/>
    </xf>
    <xf numFmtId="0" fontId="38" fillId="27" borderId="13" xfId="191" applyFont="1" applyFill="1" applyBorder="1" applyAlignment="1" applyProtection="1">
      <alignment horizontal="center" vertical="center" wrapText="1"/>
      <protection locked="0"/>
    </xf>
    <xf numFmtId="0" fontId="38" fillId="0" borderId="14" xfId="191" applyFont="1" applyBorder="1" applyAlignment="1" applyProtection="1">
      <alignment horizontal="center" vertical="center" wrapText="1"/>
      <protection locked="0"/>
    </xf>
    <xf numFmtId="0" fontId="38" fillId="0" borderId="2" xfId="191" applyFont="1" applyBorder="1" applyAlignment="1" applyProtection="1">
      <alignment horizontal="center" vertical="center" wrapText="1"/>
      <protection locked="0"/>
    </xf>
    <xf numFmtId="0" fontId="38" fillId="0" borderId="13" xfId="191" applyFont="1" applyBorder="1" applyAlignment="1" applyProtection="1">
      <alignment horizontal="center" vertical="center" wrapText="1"/>
      <protection locked="0"/>
    </xf>
    <xf numFmtId="0" fontId="46" fillId="0" borderId="0" xfId="0" applyFont="1" applyAlignment="1">
      <alignment horizontal="left" vertical="center"/>
    </xf>
    <xf numFmtId="0" fontId="0" fillId="0" borderId="0" xfId="0" applyAlignment="1">
      <alignment horizontal="center"/>
    </xf>
    <xf numFmtId="0" fontId="0" fillId="0" borderId="16" xfId="0" applyBorder="1" applyAlignment="1">
      <alignment horizontal="center"/>
    </xf>
    <xf numFmtId="0" fontId="41" fillId="28" borderId="14" xfId="0" applyFont="1" applyFill="1" applyBorder="1" applyAlignment="1">
      <alignment horizontal="center" vertical="center"/>
    </xf>
    <xf numFmtId="0" fontId="41" fillId="28" borderId="13" xfId="0" applyFont="1" applyFill="1" applyBorder="1" applyAlignment="1">
      <alignment horizontal="center" vertical="center"/>
    </xf>
    <xf numFmtId="0" fontId="41" fillId="0" borderId="14" xfId="191" applyFont="1" applyBorder="1" applyAlignment="1" applyProtection="1">
      <alignment horizontal="center" vertical="center" wrapText="1"/>
      <protection locked="0"/>
    </xf>
    <xf numFmtId="0" fontId="41" fillId="0" borderId="13" xfId="191" applyFont="1" applyBorder="1" applyAlignment="1" applyProtection="1">
      <alignment horizontal="center" vertical="center" wrapText="1"/>
      <protection locked="0"/>
    </xf>
    <xf numFmtId="0" fontId="41" fillId="35" borderId="14" xfId="191" applyFont="1" applyFill="1" applyBorder="1" applyAlignment="1" applyProtection="1">
      <alignment horizontal="center" vertical="center" wrapText="1"/>
      <protection locked="0"/>
    </xf>
    <xf numFmtId="0" fontId="41" fillId="35" borderId="13" xfId="191" applyFont="1" applyFill="1" applyBorder="1" applyAlignment="1" applyProtection="1">
      <alignment horizontal="center" vertical="center" wrapText="1"/>
      <protection locked="0"/>
    </xf>
    <xf numFmtId="0" fontId="41" fillId="28" borderId="18" xfId="191" applyFont="1" applyFill="1" applyBorder="1" applyAlignment="1" applyProtection="1">
      <alignment horizontal="center" vertical="center"/>
      <protection locked="0"/>
    </xf>
    <xf numFmtId="0" fontId="41" fillId="28" borderId="15" xfId="191" applyFont="1" applyFill="1" applyBorder="1" applyAlignment="1" applyProtection="1">
      <alignment horizontal="center" vertical="center"/>
      <protection locked="0"/>
    </xf>
    <xf numFmtId="0" fontId="38" fillId="26" borderId="20" xfId="191" applyFont="1" applyFill="1" applyBorder="1" applyAlignment="1" applyProtection="1">
      <alignment horizontal="center" vertical="center"/>
      <protection locked="0"/>
    </xf>
    <xf numFmtId="0" fontId="38" fillId="26" borderId="18" xfId="191" applyFont="1" applyFill="1" applyBorder="1" applyAlignment="1" applyProtection="1">
      <alignment horizontal="center" vertical="center"/>
      <protection locked="0"/>
    </xf>
    <xf numFmtId="0" fontId="38" fillId="26" borderId="21" xfId="191" applyFont="1" applyFill="1" applyBorder="1" applyAlignment="1" applyProtection="1">
      <alignment horizontal="center" vertical="center"/>
      <protection locked="0"/>
    </xf>
    <xf numFmtId="0" fontId="38" fillId="26" borderId="19" xfId="191" applyFont="1" applyFill="1" applyBorder="1" applyAlignment="1" applyProtection="1">
      <alignment horizontal="center" vertical="center"/>
      <protection locked="0"/>
    </xf>
    <xf numFmtId="0" fontId="38" fillId="26" borderId="15" xfId="191" applyFont="1" applyFill="1" applyBorder="1" applyAlignment="1" applyProtection="1">
      <alignment horizontal="center" vertical="center"/>
      <protection locked="0"/>
    </xf>
    <xf numFmtId="0" fontId="38" fillId="26" borderId="17" xfId="191" applyFont="1" applyFill="1" applyBorder="1" applyAlignment="1" applyProtection="1">
      <alignment horizontal="center" vertical="center"/>
      <protection locked="0"/>
    </xf>
    <xf numFmtId="0" fontId="41" fillId="26" borderId="20" xfId="191" applyFont="1" applyFill="1" applyBorder="1" applyAlignment="1" applyProtection="1">
      <alignment horizontal="center" vertical="center" wrapText="1"/>
      <protection locked="0"/>
    </xf>
    <xf numFmtId="0" fontId="41" fillId="26" borderId="21" xfId="191" applyFont="1" applyFill="1" applyBorder="1" applyAlignment="1" applyProtection="1">
      <alignment horizontal="center" vertical="center" wrapText="1"/>
      <protection locked="0"/>
    </xf>
    <xf numFmtId="0" fontId="41" fillId="26" borderId="19" xfId="191" applyFont="1" applyFill="1" applyBorder="1" applyAlignment="1" applyProtection="1">
      <alignment horizontal="center" vertical="center" wrapText="1"/>
      <protection locked="0"/>
    </xf>
    <xf numFmtId="0" fontId="41" fillId="26" borderId="17" xfId="191" applyFont="1" applyFill="1" applyBorder="1" applyAlignment="1" applyProtection="1">
      <alignment horizontal="center" vertical="center" wrapText="1"/>
      <protection locked="0"/>
    </xf>
    <xf numFmtId="0" fontId="41" fillId="26" borderId="20" xfId="191" applyFont="1" applyFill="1" applyBorder="1" applyAlignment="1" applyProtection="1">
      <alignment horizontal="center" vertical="center"/>
      <protection locked="0"/>
    </xf>
    <xf numFmtId="0" fontId="41" fillId="26" borderId="18" xfId="191" applyFont="1" applyFill="1" applyBorder="1" applyAlignment="1" applyProtection="1">
      <alignment horizontal="center" vertical="center"/>
      <protection locked="0"/>
    </xf>
    <xf numFmtId="0" fontId="41" fillId="26" borderId="21" xfId="191" applyFont="1" applyFill="1" applyBorder="1" applyAlignment="1" applyProtection="1">
      <alignment horizontal="center" vertical="center"/>
      <protection locked="0"/>
    </xf>
    <xf numFmtId="0" fontId="41" fillId="26" borderId="19" xfId="191" applyFont="1" applyFill="1" applyBorder="1" applyAlignment="1" applyProtection="1">
      <alignment horizontal="center" vertical="center"/>
      <protection locked="0"/>
    </xf>
    <xf numFmtId="0" fontId="41" fillId="26" borderId="15" xfId="191" applyFont="1" applyFill="1" applyBorder="1" applyAlignment="1" applyProtection="1">
      <alignment horizontal="center" vertical="center"/>
      <protection locked="0"/>
    </xf>
    <xf numFmtId="0" fontId="41" fillId="26" borderId="17" xfId="191" applyFont="1" applyFill="1" applyBorder="1" applyAlignment="1" applyProtection="1">
      <alignment horizontal="center" vertical="center"/>
      <protection locked="0"/>
    </xf>
    <xf numFmtId="0" fontId="41" fillId="26" borderId="18" xfId="191" applyFont="1" applyFill="1" applyBorder="1" applyAlignment="1" applyProtection="1">
      <alignment horizontal="center" vertical="center" wrapText="1"/>
      <protection locked="0"/>
    </xf>
    <xf numFmtId="0" fontId="41" fillId="26" borderId="15" xfId="191" applyFont="1" applyFill="1" applyBorder="1" applyAlignment="1" applyProtection="1">
      <alignment horizontal="center" vertical="center" wrapText="1"/>
      <protection locked="0"/>
    </xf>
    <xf numFmtId="0" fontId="41" fillId="28" borderId="14" xfId="191" applyFont="1" applyFill="1" applyBorder="1" applyAlignment="1" applyProtection="1">
      <alignment horizontal="left" vertical="center" wrapText="1"/>
      <protection locked="0"/>
    </xf>
    <xf numFmtId="0" fontId="41" fillId="28" borderId="2" xfId="191" applyFont="1" applyFill="1" applyBorder="1" applyAlignment="1" applyProtection="1">
      <alignment horizontal="left" vertical="center" wrapText="1"/>
      <protection locked="0"/>
    </xf>
    <xf numFmtId="0" fontId="41" fillId="28" borderId="13" xfId="191" applyFont="1" applyFill="1" applyBorder="1" applyAlignment="1" applyProtection="1">
      <alignment horizontal="left" vertical="center" wrapText="1"/>
      <protection locked="0"/>
    </xf>
    <xf numFmtId="0" fontId="41" fillId="28" borderId="14" xfId="191" applyFont="1" applyFill="1" applyBorder="1" applyAlignment="1" applyProtection="1">
      <alignment horizontal="center" vertical="center"/>
      <protection locked="0"/>
    </xf>
    <xf numFmtId="0" fontId="41" fillId="28" borderId="2" xfId="191" applyFont="1" applyFill="1" applyBorder="1" applyAlignment="1" applyProtection="1">
      <alignment horizontal="center" vertical="center"/>
      <protection locked="0"/>
    </xf>
    <xf numFmtId="0" fontId="41" fillId="28" borderId="13" xfId="191" applyFont="1" applyFill="1" applyBorder="1" applyAlignment="1" applyProtection="1">
      <alignment horizontal="center" vertical="center"/>
      <protection locked="0"/>
    </xf>
    <xf numFmtId="0" fontId="41" fillId="35" borderId="14" xfId="0" applyFont="1" applyFill="1" applyBorder="1" applyAlignment="1">
      <alignment horizontal="center" vertical="center"/>
    </xf>
    <xf numFmtId="0" fontId="41" fillId="35" borderId="13" xfId="0" applyFont="1" applyFill="1" applyBorder="1" applyAlignment="1">
      <alignment horizontal="center" vertical="center"/>
    </xf>
    <xf numFmtId="0" fontId="41" fillId="35" borderId="14" xfId="191" applyFont="1" applyFill="1" applyBorder="1" applyAlignment="1" applyProtection="1">
      <alignment horizontal="left" vertical="center" wrapText="1"/>
      <protection locked="0"/>
    </xf>
    <xf numFmtId="0" fontId="41" fillId="35" borderId="2" xfId="191" applyFont="1" applyFill="1" applyBorder="1" applyAlignment="1" applyProtection="1">
      <alignment horizontal="left" vertical="center" wrapText="1"/>
      <protection locked="0"/>
    </xf>
    <xf numFmtId="0" fontId="41" fillId="35" borderId="13" xfId="191" applyFont="1" applyFill="1" applyBorder="1" applyAlignment="1" applyProtection="1">
      <alignment horizontal="left" vertical="center" wrapText="1"/>
      <protection locked="0"/>
    </xf>
    <xf numFmtId="0" fontId="41" fillId="35" borderId="14" xfId="191" applyFont="1" applyFill="1" applyBorder="1" applyAlignment="1" applyProtection="1">
      <alignment horizontal="center" vertical="center"/>
      <protection locked="0"/>
    </xf>
    <xf numFmtId="0" fontId="41" fillId="35" borderId="2" xfId="191" applyFont="1" applyFill="1" applyBorder="1" applyAlignment="1" applyProtection="1">
      <alignment horizontal="center" vertical="center"/>
      <protection locked="0"/>
    </xf>
    <xf numFmtId="0" fontId="41" fillId="35" borderId="13" xfId="191" applyFont="1" applyFill="1" applyBorder="1" applyAlignment="1" applyProtection="1">
      <alignment horizontal="center" vertical="center"/>
      <protection locked="0"/>
    </xf>
    <xf numFmtId="0" fontId="41" fillId="35" borderId="14" xfId="0" applyFont="1" applyFill="1" applyBorder="1" applyAlignment="1">
      <alignment horizontal="center" vertical="center" shrinkToFit="1"/>
    </xf>
    <xf numFmtId="0" fontId="41" fillId="35" borderId="2" xfId="0" applyFont="1" applyFill="1" applyBorder="1" applyAlignment="1">
      <alignment horizontal="center" vertical="center" shrinkToFit="1"/>
    </xf>
    <xf numFmtId="0" fontId="41" fillId="35" borderId="13" xfId="0" applyFont="1" applyFill="1" applyBorder="1" applyAlignment="1">
      <alignment horizontal="center" vertical="center" shrinkToFit="1"/>
    </xf>
    <xf numFmtId="0" fontId="41" fillId="35" borderId="14" xfId="191" applyFont="1" applyFill="1" applyBorder="1" applyAlignment="1" applyProtection="1">
      <alignment horizontal="left" vertical="center" wrapText="1" shrinkToFit="1"/>
      <protection locked="0"/>
    </xf>
    <xf numFmtId="0" fontId="41" fillId="35" borderId="2" xfId="191" applyFont="1" applyFill="1" applyBorder="1" applyAlignment="1" applyProtection="1">
      <alignment horizontal="left" vertical="center" wrapText="1" shrinkToFit="1"/>
      <protection locked="0"/>
    </xf>
    <xf numFmtId="0" fontId="41" fillId="35" borderId="13" xfId="191" applyFont="1" applyFill="1" applyBorder="1" applyAlignment="1" applyProtection="1">
      <alignment horizontal="left" vertical="center" wrapText="1" shrinkToFit="1"/>
      <protection locked="0"/>
    </xf>
    <xf numFmtId="0" fontId="41" fillId="35" borderId="2" xfId="191" applyFont="1" applyFill="1" applyBorder="1" applyAlignment="1" applyProtection="1">
      <alignment horizontal="center" vertical="center" wrapText="1"/>
      <protection locked="0"/>
    </xf>
    <xf numFmtId="0" fontId="41" fillId="0" borderId="14" xfId="191" applyFont="1" applyBorder="1" applyAlignment="1" applyProtection="1">
      <alignment horizontal="left" vertical="center" wrapText="1" shrinkToFit="1"/>
      <protection locked="0"/>
    </xf>
    <xf numFmtId="0" fontId="41" fillId="0" borderId="2" xfId="191" applyFont="1" applyBorder="1" applyAlignment="1" applyProtection="1">
      <alignment horizontal="left" vertical="center" wrapText="1" shrinkToFit="1"/>
      <protection locked="0"/>
    </xf>
    <xf numFmtId="0" fontId="41" fillId="0" borderId="13" xfId="191" applyFont="1" applyBorder="1" applyAlignment="1" applyProtection="1">
      <alignment horizontal="left" vertical="center" wrapText="1" shrinkToFit="1"/>
      <protection locked="0"/>
    </xf>
    <xf numFmtId="0" fontId="41" fillId="35" borderId="14" xfId="190" applyFont="1" applyFill="1" applyBorder="1" applyAlignment="1">
      <alignment horizontal="left" vertical="center" wrapText="1"/>
    </xf>
    <xf numFmtId="0" fontId="41" fillId="35" borderId="2" xfId="190" applyFont="1" applyFill="1" applyBorder="1" applyAlignment="1">
      <alignment horizontal="left" vertical="center" wrapText="1"/>
    </xf>
    <xf numFmtId="0" fontId="41" fillId="35" borderId="13" xfId="190" applyFont="1" applyFill="1" applyBorder="1" applyAlignment="1">
      <alignment horizontal="left" vertical="center" wrapText="1"/>
    </xf>
    <xf numFmtId="0" fontId="41" fillId="28" borderId="14" xfId="191" applyFont="1" applyFill="1" applyBorder="1" applyAlignment="1" applyProtection="1">
      <alignment horizontal="center" vertical="center" wrapText="1"/>
      <protection locked="0"/>
    </xf>
    <xf numFmtId="0" fontId="41" fillId="28" borderId="2" xfId="191" applyFont="1" applyFill="1" applyBorder="1" applyAlignment="1" applyProtection="1">
      <alignment horizontal="center" vertical="center" wrapText="1"/>
      <protection locked="0"/>
    </xf>
    <xf numFmtId="0" fontId="41" fillId="28" borderId="13" xfId="191" applyFont="1" applyFill="1" applyBorder="1" applyAlignment="1" applyProtection="1">
      <alignment horizontal="center" vertical="center" wrapText="1"/>
      <protection locked="0"/>
    </xf>
    <xf numFmtId="0" fontId="41" fillId="0" borderId="3" xfId="191" applyFont="1" applyBorder="1" applyAlignment="1" applyProtection="1">
      <alignment horizontal="center" vertical="center" wrapText="1"/>
      <protection locked="0"/>
    </xf>
    <xf numFmtId="0" fontId="41" fillId="0" borderId="14" xfId="191" applyFont="1" applyBorder="1" applyAlignment="1" applyProtection="1">
      <alignment horizontal="center" vertical="center" shrinkToFit="1"/>
      <protection locked="0"/>
    </xf>
    <xf numFmtId="0" fontId="41" fillId="0" borderId="13" xfId="191" applyFont="1" applyBorder="1" applyAlignment="1" applyProtection="1">
      <alignment horizontal="center" vertical="center" shrinkToFit="1"/>
      <protection locked="0"/>
    </xf>
    <xf numFmtId="49" fontId="36" fillId="0" borderId="0" xfId="0" applyNumberFormat="1" applyFont="1" applyAlignment="1">
      <alignment horizontal="left" vertical="center"/>
    </xf>
    <xf numFmtId="49" fontId="0" fillId="0" borderId="0" xfId="0" applyNumberFormat="1" applyAlignment="1">
      <alignment vertical="center"/>
    </xf>
    <xf numFmtId="49" fontId="18" fillId="0" borderId="0" xfId="0" applyNumberFormat="1" applyFont="1" applyAlignment="1">
      <alignment vertical="center"/>
    </xf>
    <xf numFmtId="49" fontId="36" fillId="0" borderId="22" xfId="0" applyNumberFormat="1" applyFont="1" applyBorder="1" applyAlignment="1">
      <alignment horizontal="left" vertical="center"/>
    </xf>
    <xf numFmtId="0" fontId="38" fillId="0" borderId="19" xfId="0" applyFont="1" applyBorder="1" applyAlignment="1">
      <alignment horizontal="center" vertical="center"/>
    </xf>
    <xf numFmtId="0" fontId="41" fillId="27" borderId="14" xfId="191" applyFont="1" applyFill="1" applyBorder="1" applyAlignment="1" applyProtection="1">
      <alignment horizontal="left" vertical="center"/>
      <protection locked="0"/>
    </xf>
    <xf numFmtId="0" fontId="41" fillId="27" borderId="2" xfId="191" applyFont="1" applyFill="1" applyBorder="1" applyAlignment="1" applyProtection="1">
      <alignment horizontal="left" vertical="center"/>
      <protection locked="0"/>
    </xf>
    <xf numFmtId="0" fontId="41" fillId="27" borderId="13" xfId="191" applyFont="1" applyFill="1" applyBorder="1" applyAlignment="1" applyProtection="1">
      <alignment horizontal="left" vertical="center"/>
      <protection locked="0"/>
    </xf>
    <xf numFmtId="0" fontId="41" fillId="35" borderId="14" xfId="191" applyFont="1" applyFill="1" applyBorder="1" applyAlignment="1" applyProtection="1">
      <alignment horizontal="left" vertical="center"/>
      <protection locked="0"/>
    </xf>
    <xf numFmtId="0" fontId="41" fillId="35" borderId="2" xfId="191" applyFont="1" applyFill="1" applyBorder="1" applyAlignment="1" applyProtection="1">
      <alignment horizontal="left" vertical="center"/>
      <protection locked="0"/>
    </xf>
    <xf numFmtId="0" fontId="41" fillId="35" borderId="13" xfId="191" applyFont="1" applyFill="1" applyBorder="1" applyAlignment="1" applyProtection="1">
      <alignment horizontal="left" vertical="center"/>
      <protection locked="0"/>
    </xf>
    <xf numFmtId="0" fontId="41" fillId="0" borderId="14" xfId="0" applyFont="1" applyBorder="1" applyAlignment="1">
      <alignment horizontal="center" vertical="center" wrapText="1"/>
    </xf>
    <xf numFmtId="0" fontId="41" fillId="0" borderId="13" xfId="0" applyFont="1" applyBorder="1" applyAlignment="1">
      <alignment horizontal="center" vertical="center" wrapText="1"/>
    </xf>
    <xf numFmtId="0" fontId="41" fillId="0" borderId="3" xfId="0" applyFont="1" applyBorder="1" applyAlignment="1">
      <alignment horizontal="center" vertical="center" wrapText="1" shrinkToFit="1"/>
    </xf>
    <xf numFmtId="0" fontId="41" fillId="35" borderId="3" xfId="0" applyFont="1" applyFill="1" applyBorder="1" applyAlignment="1">
      <alignment horizontal="center" vertical="center" shrinkToFit="1"/>
    </xf>
    <xf numFmtId="49" fontId="41" fillId="0" borderId="14" xfId="191" applyNumberFormat="1" applyFont="1" applyBorder="1" applyAlignment="1" applyProtection="1">
      <alignment horizontal="left" vertical="center" wrapText="1"/>
      <protection locked="0"/>
    </xf>
    <xf numFmtId="49" fontId="41" fillId="0" borderId="2" xfId="191" applyNumberFormat="1" applyFont="1" applyBorder="1" applyAlignment="1" applyProtection="1">
      <alignment horizontal="left" vertical="center" wrapText="1"/>
      <protection locked="0"/>
    </xf>
    <xf numFmtId="49" fontId="41" fillId="0" borderId="13" xfId="191" applyNumberFormat="1" applyFont="1" applyBorder="1" applyAlignment="1" applyProtection="1">
      <alignment horizontal="left" vertical="center" wrapText="1"/>
      <protection locked="0"/>
    </xf>
    <xf numFmtId="49" fontId="41" fillId="0" borderId="14" xfId="190" applyNumberFormat="1" applyFont="1" applyBorder="1" applyAlignment="1">
      <alignment horizontal="left" vertical="center" wrapText="1"/>
    </xf>
    <xf numFmtId="49" fontId="41" fillId="0" borderId="2" xfId="190" applyNumberFormat="1" applyFont="1" applyBorder="1" applyAlignment="1">
      <alignment horizontal="left" vertical="center" wrapText="1"/>
    </xf>
    <xf numFmtId="49" fontId="41" fillId="0" borderId="13" xfId="190" applyNumberFormat="1" applyFont="1" applyBorder="1" applyAlignment="1">
      <alignment horizontal="left" vertical="center" wrapText="1"/>
    </xf>
    <xf numFmtId="0" fontId="38" fillId="35" borderId="14" xfId="191" applyFont="1" applyFill="1" applyBorder="1" applyAlignment="1" applyProtection="1">
      <alignment horizontal="center" vertical="center"/>
      <protection locked="0"/>
    </xf>
    <xf numFmtId="0" fontId="38" fillId="35" borderId="2" xfId="191" applyFont="1" applyFill="1" applyBorder="1" applyAlignment="1" applyProtection="1">
      <alignment horizontal="center" vertical="center"/>
      <protection locked="0"/>
    </xf>
    <xf numFmtId="0" fontId="38" fillId="35" borderId="13" xfId="191" applyFont="1" applyFill="1" applyBorder="1" applyAlignment="1" applyProtection="1">
      <alignment horizontal="center" vertical="center"/>
      <protection locked="0"/>
    </xf>
    <xf numFmtId="0" fontId="41" fillId="0" borderId="14" xfId="190" applyFont="1" applyBorder="1" applyAlignment="1">
      <alignment horizontal="left" vertical="center" wrapText="1" shrinkToFit="1"/>
    </xf>
    <xf numFmtId="0" fontId="41" fillId="0" borderId="2" xfId="190" applyFont="1" applyBorder="1" applyAlignment="1">
      <alignment horizontal="left" vertical="center" wrapText="1" shrinkToFit="1"/>
    </xf>
    <xf numFmtId="0" fontId="41" fillId="0" borderId="13" xfId="190" applyFont="1" applyBorder="1" applyAlignment="1">
      <alignment horizontal="left" vertical="center" wrapText="1" shrinkToFit="1"/>
    </xf>
    <xf numFmtId="0" fontId="41" fillId="35" borderId="3" xfId="191" applyFont="1" applyFill="1" applyBorder="1" applyAlignment="1" applyProtection="1">
      <alignment horizontal="center" vertical="center" wrapText="1"/>
      <protection locked="0"/>
    </xf>
    <xf numFmtId="0" fontId="41" fillId="35" borderId="14" xfId="0" applyFont="1" applyFill="1" applyBorder="1" applyAlignment="1">
      <alignment horizontal="center" vertical="center" wrapText="1"/>
    </xf>
    <xf numFmtId="0" fontId="41" fillId="35" borderId="13" xfId="0" applyFont="1" applyFill="1" applyBorder="1" applyAlignment="1">
      <alignment horizontal="center" vertical="center" wrapText="1"/>
    </xf>
    <xf numFmtId="0" fontId="38" fillId="35" borderId="14" xfId="191" applyFont="1" applyFill="1" applyBorder="1" applyAlignment="1" applyProtection="1">
      <alignment horizontal="center" vertical="center" wrapText="1"/>
      <protection locked="0"/>
    </xf>
    <xf numFmtId="0" fontId="38" fillId="35" borderId="2" xfId="191" applyFont="1" applyFill="1" applyBorder="1" applyAlignment="1" applyProtection="1">
      <alignment horizontal="center" vertical="center" wrapText="1"/>
      <protection locked="0"/>
    </xf>
    <xf numFmtId="0" fontId="38" fillId="35" borderId="13" xfId="191" applyFont="1" applyFill="1" applyBorder="1" applyAlignment="1" applyProtection="1">
      <alignment horizontal="center" vertical="center" wrapText="1"/>
      <protection locked="0"/>
    </xf>
    <xf numFmtId="0" fontId="38" fillId="26" borderId="20" xfId="191" applyFont="1" applyFill="1" applyBorder="1" applyAlignment="1" applyProtection="1">
      <alignment horizontal="center" vertical="center" wrapText="1"/>
      <protection locked="0"/>
    </xf>
    <xf numFmtId="0" fontId="38" fillId="26" borderId="18" xfId="191" applyFont="1" applyFill="1" applyBorder="1" applyAlignment="1" applyProtection="1">
      <alignment horizontal="center" vertical="center" wrapText="1"/>
      <protection locked="0"/>
    </xf>
    <xf numFmtId="0" fontId="38" fillId="26" borderId="21" xfId="191" applyFont="1" applyFill="1" applyBorder="1" applyAlignment="1" applyProtection="1">
      <alignment horizontal="center" vertical="center" wrapText="1"/>
      <protection locked="0"/>
    </xf>
    <xf numFmtId="0" fontId="38" fillId="26" borderId="19" xfId="191" applyFont="1" applyFill="1" applyBorder="1" applyAlignment="1" applyProtection="1">
      <alignment horizontal="center" vertical="center" wrapText="1"/>
      <protection locked="0"/>
    </xf>
    <xf numFmtId="0" fontId="38" fillId="26" borderId="15" xfId="191" applyFont="1" applyFill="1" applyBorder="1" applyAlignment="1" applyProtection="1">
      <alignment horizontal="center" vertical="center" wrapText="1"/>
      <protection locked="0"/>
    </xf>
    <xf numFmtId="0" fontId="38" fillId="26" borderId="17" xfId="191" applyFont="1" applyFill="1" applyBorder="1" applyAlignment="1" applyProtection="1">
      <alignment horizontal="center" vertical="center" wrapText="1"/>
      <protection locked="0"/>
    </xf>
    <xf numFmtId="49" fontId="36" fillId="0" borderId="0" xfId="0" applyNumberFormat="1" applyFont="1" applyAlignment="1">
      <alignment horizontal="center" vertical="center" wrapText="1"/>
    </xf>
    <xf numFmtId="49" fontId="36" fillId="0" borderId="16" xfId="0" applyNumberFormat="1" applyFont="1" applyBorder="1" applyAlignment="1">
      <alignment horizontal="center" vertical="center" wrapText="1"/>
    </xf>
    <xf numFmtId="49" fontId="36" fillId="0" borderId="22" xfId="0" applyNumberFormat="1" applyFont="1" applyBorder="1" applyAlignment="1">
      <alignment horizontal="left" vertical="center" wrapText="1"/>
    </xf>
    <xf numFmtId="49" fontId="36" fillId="0" borderId="0" xfId="0" applyNumberFormat="1" applyFont="1" applyAlignment="1">
      <alignment horizontal="left" vertical="center" wrapText="1"/>
    </xf>
    <xf numFmtId="0" fontId="38" fillId="26" borderId="3" xfId="191" applyFont="1" applyFill="1" applyBorder="1" applyAlignment="1" applyProtection="1">
      <alignment horizontal="center" vertical="center" wrapText="1"/>
      <protection locked="0"/>
    </xf>
    <xf numFmtId="0" fontId="38" fillId="0" borderId="14" xfId="0" applyFont="1" applyBorder="1" applyAlignment="1">
      <alignment horizontal="center" vertical="center"/>
    </xf>
    <xf numFmtId="0" fontId="38" fillId="0" borderId="2" xfId="0" applyFont="1" applyBorder="1" applyAlignment="1">
      <alignment horizontal="center" vertical="center"/>
    </xf>
    <xf numFmtId="0" fontId="38" fillId="0" borderId="13" xfId="0" applyFont="1" applyBorder="1" applyAlignment="1">
      <alignment horizontal="center" vertical="center"/>
    </xf>
    <xf numFmtId="0" fontId="41" fillId="27" borderId="3" xfId="191" applyFont="1" applyFill="1" applyBorder="1" applyAlignment="1" applyProtection="1">
      <alignment horizontal="center" vertical="center" wrapText="1"/>
      <protection locked="0"/>
    </xf>
    <xf numFmtId="49" fontId="36" fillId="0" borderId="16" xfId="0" applyNumberFormat="1" applyFont="1" applyBorder="1" applyAlignment="1">
      <alignment horizontal="right" vertical="center"/>
    </xf>
    <xf numFmtId="0" fontId="41" fillId="28" borderId="3" xfId="191" applyFont="1" applyFill="1" applyBorder="1" applyAlignment="1" applyProtection="1">
      <alignment horizontal="center" vertical="center" wrapText="1"/>
      <protection locked="0"/>
    </xf>
    <xf numFmtId="0" fontId="41" fillId="27" borderId="14" xfId="190" applyFont="1" applyFill="1" applyBorder="1" applyAlignment="1">
      <alignment horizontal="left" vertical="center" wrapText="1" shrinkToFit="1"/>
    </xf>
    <xf numFmtId="0" fontId="41" fillId="27" borderId="2" xfId="190" applyFont="1" applyFill="1" applyBorder="1" applyAlignment="1">
      <alignment horizontal="left" vertical="center" wrapText="1" shrinkToFit="1"/>
    </xf>
    <xf numFmtId="0" fontId="41" fillId="27" borderId="13" xfId="190" applyFont="1" applyFill="1" applyBorder="1" applyAlignment="1">
      <alignment horizontal="left" vertical="center" wrapText="1" shrinkToFit="1"/>
    </xf>
    <xf numFmtId="0" fontId="41" fillId="28" borderId="3" xfId="0" applyFont="1" applyFill="1" applyBorder="1" applyAlignment="1">
      <alignment horizontal="center" vertical="center" shrinkToFit="1"/>
    </xf>
    <xf numFmtId="0" fontId="41" fillId="0" borderId="2" xfId="191" applyFont="1" applyBorder="1" applyAlignment="1" applyProtection="1">
      <alignment horizontal="center" vertical="center" wrapText="1"/>
      <protection locked="0"/>
    </xf>
    <xf numFmtId="0" fontId="41" fillId="28" borderId="14" xfId="190" applyFont="1" applyFill="1" applyBorder="1" applyAlignment="1">
      <alignment horizontal="left" vertical="center" wrapText="1"/>
    </xf>
    <xf numFmtId="0" fontId="41" fillId="28" borderId="2" xfId="190" applyFont="1" applyFill="1" applyBorder="1" applyAlignment="1">
      <alignment horizontal="left" vertical="center" wrapText="1"/>
    </xf>
    <xf numFmtId="0" fontId="41" fillId="28" borderId="13" xfId="190" applyFont="1" applyFill="1" applyBorder="1" applyAlignment="1">
      <alignment horizontal="left" vertical="center" wrapText="1"/>
    </xf>
    <xf numFmtId="0" fontId="38" fillId="28" borderId="14" xfId="0" applyFont="1" applyFill="1" applyBorder="1" applyAlignment="1">
      <alignment horizontal="center" vertical="center"/>
    </xf>
    <xf numFmtId="0" fontId="38" fillId="28" borderId="2" xfId="0" applyFont="1" applyFill="1" applyBorder="1" applyAlignment="1">
      <alignment horizontal="center" vertical="center"/>
    </xf>
    <xf numFmtId="0" fontId="38" fillId="28" borderId="13" xfId="0" applyFont="1" applyFill="1" applyBorder="1" applyAlignment="1">
      <alignment horizontal="center" vertical="center"/>
    </xf>
    <xf numFmtId="0" fontId="41" fillId="0" borderId="21" xfId="0" applyFont="1" applyBorder="1" applyAlignment="1">
      <alignment vertical="center"/>
    </xf>
    <xf numFmtId="0" fontId="41" fillId="0" borderId="19" xfId="0" applyFont="1" applyBorder="1" applyAlignment="1">
      <alignment vertical="center"/>
    </xf>
    <xf numFmtId="0" fontId="41" fillId="0" borderId="17" xfId="0" applyFont="1" applyBorder="1" applyAlignment="1">
      <alignment vertical="center"/>
    </xf>
    <xf numFmtId="0" fontId="0" fillId="27" borderId="14" xfId="0" applyFont="1" applyFill="1" applyBorder="1" applyAlignment="1">
      <alignment horizontal="center" vertical="center"/>
    </xf>
    <xf numFmtId="0" fontId="0" fillId="27" borderId="13" xfId="0" applyFont="1" applyFill="1" applyBorder="1" applyAlignment="1">
      <alignment horizontal="center" vertical="center"/>
    </xf>
    <xf numFmtId="0" fontId="0" fillId="27" borderId="14" xfId="191" applyFont="1" applyFill="1" applyBorder="1" applyAlignment="1" applyProtection="1">
      <alignment horizontal="left" vertical="center" wrapText="1"/>
      <protection locked="0"/>
    </xf>
    <xf numFmtId="0" fontId="0" fillId="27" borderId="2" xfId="191" applyFont="1" applyFill="1" applyBorder="1" applyAlignment="1" applyProtection="1">
      <alignment horizontal="left" vertical="center" wrapText="1"/>
      <protection locked="0"/>
    </xf>
    <xf numFmtId="0" fontId="0" fillId="27" borderId="13" xfId="191" applyFont="1" applyFill="1" applyBorder="1" applyAlignment="1" applyProtection="1">
      <alignment horizontal="left" vertical="center" wrapText="1"/>
      <protection locked="0"/>
    </xf>
    <xf numFmtId="38" fontId="0" fillId="27" borderId="3" xfId="147" applyFont="1" applyFill="1" applyBorder="1" applyAlignment="1">
      <alignment vertical="center"/>
    </xf>
    <xf numFmtId="0" fontId="0" fillId="27" borderId="14" xfId="191" applyFont="1" applyFill="1" applyBorder="1" applyAlignment="1" applyProtection="1">
      <alignment horizontal="center" vertical="center"/>
      <protection locked="0"/>
    </xf>
    <xf numFmtId="0" fontId="0" fillId="27" borderId="2" xfId="191" applyFont="1" applyFill="1" applyBorder="1" applyAlignment="1" applyProtection="1">
      <alignment horizontal="center" vertical="center"/>
      <protection locked="0"/>
    </xf>
    <xf numFmtId="0" fontId="0" fillId="27" borderId="13" xfId="191" applyFont="1" applyFill="1" applyBorder="1" applyAlignment="1" applyProtection="1">
      <alignment horizontal="center" vertical="center"/>
      <protection locked="0"/>
    </xf>
    <xf numFmtId="0" fontId="55" fillId="27" borderId="14" xfId="191" applyFont="1" applyFill="1" applyBorder="1" applyAlignment="1" applyProtection="1">
      <alignment horizontal="center" vertical="center"/>
      <protection locked="0"/>
    </xf>
    <xf numFmtId="0" fontId="55" fillId="27" borderId="2" xfId="191" applyFont="1" applyFill="1" applyBorder="1" applyAlignment="1" applyProtection="1">
      <alignment horizontal="center" vertical="center"/>
      <protection locked="0"/>
    </xf>
    <xf numFmtId="0" fontId="55" fillId="27" borderId="13" xfId="191" applyFont="1" applyFill="1" applyBorder="1" applyAlignment="1" applyProtection="1">
      <alignment horizontal="center" vertical="center"/>
      <protection locked="0"/>
    </xf>
    <xf numFmtId="0" fontId="0" fillId="27" borderId="3" xfId="191" applyFont="1" applyFill="1" applyBorder="1" applyAlignment="1" applyProtection="1">
      <alignment horizontal="center" vertical="center" wrapText="1"/>
      <protection locked="0"/>
    </xf>
    <xf numFmtId="0" fontId="0" fillId="27" borderId="14" xfId="0" applyFont="1" applyFill="1" applyBorder="1" applyAlignment="1">
      <alignment horizontal="center" vertical="center" shrinkToFit="1"/>
    </xf>
    <xf numFmtId="0" fontId="0" fillId="27" borderId="2" xfId="0" applyFont="1" applyFill="1" applyBorder="1" applyAlignment="1">
      <alignment horizontal="center" vertical="center" shrinkToFit="1"/>
    </xf>
    <xf numFmtId="0" fontId="0" fillId="27" borderId="13" xfId="0" applyFont="1" applyFill="1" applyBorder="1" applyAlignment="1">
      <alignment horizontal="center" vertical="center" shrinkToFit="1"/>
    </xf>
    <xf numFmtId="0" fontId="55" fillId="27" borderId="3" xfId="0" applyFont="1" applyFill="1" applyBorder="1" applyAlignment="1">
      <alignment vertical="center" wrapText="1" shrinkToFit="1"/>
    </xf>
  </cellXfs>
  <cellStyles count="209">
    <cellStyle name="0,0_x000d__x000a_NA_x000d__x000a_" xfId="1" xr:uid="{00000000-0005-0000-0000-000000000000}"/>
    <cellStyle name="20% - アクセント 1" xfId="2" builtinId="30" customBuiltin="1"/>
    <cellStyle name="20% - アクセント 1 2" xfId="3" xr:uid="{00000000-0005-0000-0000-000002000000}"/>
    <cellStyle name="20% - アクセント 1 3" xfId="4" xr:uid="{00000000-0005-0000-0000-000003000000}"/>
    <cellStyle name="20% - アクセント 1 4" xfId="5" xr:uid="{00000000-0005-0000-0000-000004000000}"/>
    <cellStyle name="20% - アクセント 2" xfId="6" builtinId="34" customBuiltin="1"/>
    <cellStyle name="20% - アクセント 2 2" xfId="7" xr:uid="{00000000-0005-0000-0000-000006000000}"/>
    <cellStyle name="20% - アクセント 2 3" xfId="8" xr:uid="{00000000-0005-0000-0000-000007000000}"/>
    <cellStyle name="20% - アクセント 2 4" xfId="9" xr:uid="{00000000-0005-0000-0000-000008000000}"/>
    <cellStyle name="20% - アクセント 3" xfId="10" builtinId="38" customBuiltin="1"/>
    <cellStyle name="20% - アクセント 3 2" xfId="11" xr:uid="{00000000-0005-0000-0000-00000A000000}"/>
    <cellStyle name="20% - アクセント 3 3" xfId="12" xr:uid="{00000000-0005-0000-0000-00000B000000}"/>
    <cellStyle name="20% - アクセント 3 4" xfId="13" xr:uid="{00000000-0005-0000-0000-00000C000000}"/>
    <cellStyle name="20% - アクセント 4" xfId="14" builtinId="42" customBuiltin="1"/>
    <cellStyle name="20% - アクセント 4 2" xfId="15" xr:uid="{00000000-0005-0000-0000-00000E000000}"/>
    <cellStyle name="20% - アクセント 4 3" xfId="16" xr:uid="{00000000-0005-0000-0000-00000F000000}"/>
    <cellStyle name="20% - アクセント 4 4" xfId="17" xr:uid="{00000000-0005-0000-0000-000010000000}"/>
    <cellStyle name="20% - アクセント 5" xfId="18" builtinId="46" customBuiltin="1"/>
    <cellStyle name="20% - アクセント 5 2" xfId="19" xr:uid="{00000000-0005-0000-0000-000012000000}"/>
    <cellStyle name="20% - アクセント 5 3" xfId="20" xr:uid="{00000000-0005-0000-0000-000013000000}"/>
    <cellStyle name="20% - アクセント 5 4" xfId="21" xr:uid="{00000000-0005-0000-0000-000014000000}"/>
    <cellStyle name="20% - アクセント 6" xfId="22" builtinId="50" customBuiltin="1"/>
    <cellStyle name="20% - アクセント 6 2" xfId="23" xr:uid="{00000000-0005-0000-0000-000016000000}"/>
    <cellStyle name="20% - アクセント 6 3" xfId="24" xr:uid="{00000000-0005-0000-0000-000017000000}"/>
    <cellStyle name="20% - アクセント 6 4" xfId="25" xr:uid="{00000000-0005-0000-0000-000018000000}"/>
    <cellStyle name="40% - アクセント 1" xfId="26" builtinId="31" customBuiltin="1"/>
    <cellStyle name="40% - アクセント 1 2" xfId="27" xr:uid="{00000000-0005-0000-0000-00001A000000}"/>
    <cellStyle name="40% - アクセント 1 3" xfId="28" xr:uid="{00000000-0005-0000-0000-00001B000000}"/>
    <cellStyle name="40% - アクセント 1 4" xfId="29" xr:uid="{00000000-0005-0000-0000-00001C000000}"/>
    <cellStyle name="40% - アクセント 2" xfId="30" builtinId="35" customBuiltin="1"/>
    <cellStyle name="40% - アクセント 2 2" xfId="31" xr:uid="{00000000-0005-0000-0000-00001E000000}"/>
    <cellStyle name="40% - アクセント 2 3" xfId="32" xr:uid="{00000000-0005-0000-0000-00001F000000}"/>
    <cellStyle name="40% - アクセント 2 4" xfId="33" xr:uid="{00000000-0005-0000-0000-000020000000}"/>
    <cellStyle name="40% - アクセント 3" xfId="34" builtinId="39" customBuiltin="1"/>
    <cellStyle name="40% - アクセント 3 2" xfId="35" xr:uid="{00000000-0005-0000-0000-000022000000}"/>
    <cellStyle name="40% - アクセント 3 3" xfId="36" xr:uid="{00000000-0005-0000-0000-000023000000}"/>
    <cellStyle name="40% - アクセント 3 4" xfId="37" xr:uid="{00000000-0005-0000-0000-000024000000}"/>
    <cellStyle name="40% - アクセント 4" xfId="38" builtinId="43" customBuiltin="1"/>
    <cellStyle name="40% - アクセント 4 2" xfId="39" xr:uid="{00000000-0005-0000-0000-000026000000}"/>
    <cellStyle name="40% - アクセント 4 3" xfId="40" xr:uid="{00000000-0005-0000-0000-000027000000}"/>
    <cellStyle name="40% - アクセント 4 4" xfId="41" xr:uid="{00000000-0005-0000-0000-000028000000}"/>
    <cellStyle name="40% - アクセント 5" xfId="42" builtinId="47" customBuiltin="1"/>
    <cellStyle name="40% - アクセント 5 2" xfId="43" xr:uid="{00000000-0005-0000-0000-00002A000000}"/>
    <cellStyle name="40% - アクセント 5 3" xfId="44" xr:uid="{00000000-0005-0000-0000-00002B000000}"/>
    <cellStyle name="40% - アクセント 5 4" xfId="45" xr:uid="{00000000-0005-0000-0000-00002C000000}"/>
    <cellStyle name="40% - アクセント 6" xfId="46" builtinId="51" customBuiltin="1"/>
    <cellStyle name="40% - アクセント 6 2" xfId="47" xr:uid="{00000000-0005-0000-0000-00002E000000}"/>
    <cellStyle name="40% - アクセント 6 3" xfId="48" xr:uid="{00000000-0005-0000-0000-00002F000000}"/>
    <cellStyle name="40% - アクセント 6 4" xfId="49" xr:uid="{00000000-0005-0000-0000-000030000000}"/>
    <cellStyle name="60% - アクセント 1" xfId="50" builtinId="32" customBuiltin="1"/>
    <cellStyle name="60% - アクセント 1 2" xfId="51" xr:uid="{00000000-0005-0000-0000-000032000000}"/>
    <cellStyle name="60% - アクセント 1 3" xfId="52" xr:uid="{00000000-0005-0000-0000-000033000000}"/>
    <cellStyle name="60% - アクセント 1 4" xfId="53" xr:uid="{00000000-0005-0000-0000-000034000000}"/>
    <cellStyle name="60% - アクセント 2" xfId="54" builtinId="36" customBuiltin="1"/>
    <cellStyle name="60% - アクセント 2 2" xfId="55" xr:uid="{00000000-0005-0000-0000-000036000000}"/>
    <cellStyle name="60% - アクセント 2 3" xfId="56" xr:uid="{00000000-0005-0000-0000-000037000000}"/>
    <cellStyle name="60% - アクセント 2 4" xfId="57" xr:uid="{00000000-0005-0000-0000-000038000000}"/>
    <cellStyle name="60% - アクセント 3" xfId="58" builtinId="40" customBuiltin="1"/>
    <cellStyle name="60% - アクセント 3 2" xfId="59" xr:uid="{00000000-0005-0000-0000-00003A000000}"/>
    <cellStyle name="60% - アクセント 3 3" xfId="60" xr:uid="{00000000-0005-0000-0000-00003B000000}"/>
    <cellStyle name="60% - アクセント 3 4" xfId="61" xr:uid="{00000000-0005-0000-0000-00003C000000}"/>
    <cellStyle name="60% - アクセント 4" xfId="62" builtinId="44" customBuiltin="1"/>
    <cellStyle name="60% - アクセント 4 2" xfId="63" xr:uid="{00000000-0005-0000-0000-00003E000000}"/>
    <cellStyle name="60% - アクセント 4 3" xfId="64" xr:uid="{00000000-0005-0000-0000-00003F000000}"/>
    <cellStyle name="60% - アクセント 4 4" xfId="65" xr:uid="{00000000-0005-0000-0000-000040000000}"/>
    <cellStyle name="60% - アクセント 5" xfId="66" builtinId="48" customBuiltin="1"/>
    <cellStyle name="60% - アクセント 5 2" xfId="67" xr:uid="{00000000-0005-0000-0000-000042000000}"/>
    <cellStyle name="60% - アクセント 5 3" xfId="68" xr:uid="{00000000-0005-0000-0000-000043000000}"/>
    <cellStyle name="60% - アクセント 5 4" xfId="69" xr:uid="{00000000-0005-0000-0000-000044000000}"/>
    <cellStyle name="60% - アクセント 6" xfId="70" builtinId="52" customBuiltin="1"/>
    <cellStyle name="60% - アクセント 6 2" xfId="71" xr:uid="{00000000-0005-0000-0000-000046000000}"/>
    <cellStyle name="60% - アクセント 6 3" xfId="72" xr:uid="{00000000-0005-0000-0000-000047000000}"/>
    <cellStyle name="60% - アクセント 6 4" xfId="73" xr:uid="{00000000-0005-0000-0000-000048000000}"/>
    <cellStyle name="Calc Currency (0)" xfId="74" xr:uid="{00000000-0005-0000-0000-000049000000}"/>
    <cellStyle name="Grey" xfId="75" xr:uid="{00000000-0005-0000-0000-00004A000000}"/>
    <cellStyle name="Header1" xfId="76" xr:uid="{00000000-0005-0000-0000-00004B000000}"/>
    <cellStyle name="Header2" xfId="77" xr:uid="{00000000-0005-0000-0000-00004C000000}"/>
    <cellStyle name="IBM(401K)" xfId="78" xr:uid="{00000000-0005-0000-0000-00004D000000}"/>
    <cellStyle name="Input [yellow]" xfId="79" xr:uid="{00000000-0005-0000-0000-00004E000000}"/>
    <cellStyle name="J401K" xfId="80" xr:uid="{00000000-0005-0000-0000-00004F000000}"/>
    <cellStyle name="Millares [0]_Compra" xfId="81" xr:uid="{00000000-0005-0000-0000-000050000000}"/>
    <cellStyle name="Millares_Compra" xfId="82" xr:uid="{00000000-0005-0000-0000-000051000000}"/>
    <cellStyle name="Moneda [0]_Compra" xfId="83" xr:uid="{00000000-0005-0000-0000-000052000000}"/>
    <cellStyle name="Moneda_Compra" xfId="84" xr:uid="{00000000-0005-0000-0000-000053000000}"/>
    <cellStyle name="no dec" xfId="85" xr:uid="{00000000-0005-0000-0000-000054000000}"/>
    <cellStyle name="no dec 2" xfId="201" xr:uid="{00000000-0005-0000-0000-000055000000}"/>
    <cellStyle name="Normal - Style1" xfId="86" xr:uid="{00000000-0005-0000-0000-000056000000}"/>
    <cellStyle name="Normal_#18-Internet" xfId="87" xr:uid="{00000000-0005-0000-0000-000057000000}"/>
    <cellStyle name="Percent [2]" xfId="88" xr:uid="{00000000-0005-0000-0000-000058000000}"/>
    <cellStyle name="アクセント 1" xfId="89" builtinId="29" customBuiltin="1"/>
    <cellStyle name="アクセント 1 2" xfId="90" xr:uid="{00000000-0005-0000-0000-00005A000000}"/>
    <cellStyle name="アクセント 1 3" xfId="91" xr:uid="{00000000-0005-0000-0000-00005B000000}"/>
    <cellStyle name="アクセント 1 4" xfId="92" xr:uid="{00000000-0005-0000-0000-00005C000000}"/>
    <cellStyle name="アクセント 2" xfId="93" builtinId="33" customBuiltin="1"/>
    <cellStyle name="アクセント 2 2" xfId="94" xr:uid="{00000000-0005-0000-0000-00005E000000}"/>
    <cellStyle name="アクセント 2 3" xfId="95" xr:uid="{00000000-0005-0000-0000-00005F000000}"/>
    <cellStyle name="アクセント 2 4" xfId="96" xr:uid="{00000000-0005-0000-0000-000060000000}"/>
    <cellStyle name="アクセント 3" xfId="97" builtinId="37" customBuiltin="1"/>
    <cellStyle name="アクセント 3 2" xfId="98" xr:uid="{00000000-0005-0000-0000-000062000000}"/>
    <cellStyle name="アクセント 3 3" xfId="99" xr:uid="{00000000-0005-0000-0000-000063000000}"/>
    <cellStyle name="アクセント 3 4" xfId="100" xr:uid="{00000000-0005-0000-0000-000064000000}"/>
    <cellStyle name="アクセント 4" xfId="101" builtinId="41" customBuiltin="1"/>
    <cellStyle name="アクセント 4 2" xfId="102" xr:uid="{00000000-0005-0000-0000-000066000000}"/>
    <cellStyle name="アクセント 4 3" xfId="103" xr:uid="{00000000-0005-0000-0000-000067000000}"/>
    <cellStyle name="アクセント 4 4" xfId="104" xr:uid="{00000000-0005-0000-0000-000068000000}"/>
    <cellStyle name="アクセント 5" xfId="105" builtinId="45" customBuiltin="1"/>
    <cellStyle name="アクセント 5 2" xfId="106" xr:uid="{00000000-0005-0000-0000-00006A000000}"/>
    <cellStyle name="アクセント 5 3" xfId="107" xr:uid="{00000000-0005-0000-0000-00006B000000}"/>
    <cellStyle name="アクセント 5 4" xfId="108" xr:uid="{00000000-0005-0000-0000-00006C000000}"/>
    <cellStyle name="アクセント 6" xfId="109" builtinId="49" customBuiltin="1"/>
    <cellStyle name="アクセント 6 2" xfId="110" xr:uid="{00000000-0005-0000-0000-00006E000000}"/>
    <cellStyle name="アクセント 6 3" xfId="111" xr:uid="{00000000-0005-0000-0000-00006F000000}"/>
    <cellStyle name="アクセント 6 4" xfId="112" xr:uid="{00000000-0005-0000-0000-000070000000}"/>
    <cellStyle name="タイトル" xfId="113" builtinId="15" customBuiltin="1"/>
    <cellStyle name="タイトル 2" xfId="114" xr:uid="{00000000-0005-0000-0000-000072000000}"/>
    <cellStyle name="タイトル 3" xfId="115" xr:uid="{00000000-0005-0000-0000-000073000000}"/>
    <cellStyle name="タイトル 4" xfId="116" xr:uid="{00000000-0005-0000-0000-000074000000}"/>
    <cellStyle name="チェック セル" xfId="117" builtinId="23" customBuiltin="1"/>
    <cellStyle name="チェック セル 2" xfId="118" xr:uid="{00000000-0005-0000-0000-000076000000}"/>
    <cellStyle name="チェック セル 3" xfId="119" xr:uid="{00000000-0005-0000-0000-000077000000}"/>
    <cellStyle name="チェック セル 4" xfId="120" xr:uid="{00000000-0005-0000-0000-000078000000}"/>
    <cellStyle name="ドキュメント標準" xfId="121" xr:uid="{00000000-0005-0000-0000-000079000000}"/>
    <cellStyle name="どちらでもない" xfId="122" builtinId="28" customBuiltin="1"/>
    <cellStyle name="どちらでもない 2" xfId="123" xr:uid="{00000000-0005-0000-0000-00007B000000}"/>
    <cellStyle name="どちらでもない 3" xfId="124" xr:uid="{00000000-0005-0000-0000-00007C000000}"/>
    <cellStyle name="どちらでもない 4" xfId="125" xr:uid="{00000000-0005-0000-0000-00007D000000}"/>
    <cellStyle name="ハイパーリンク" xfId="199" builtinId="8"/>
    <cellStyle name="ハイパーリンク 2" xfId="126" xr:uid="{00000000-0005-0000-0000-00007F000000}"/>
    <cellStyle name="メモ" xfId="127" builtinId="10" customBuiltin="1"/>
    <cellStyle name="メモ 2" xfId="128" xr:uid="{00000000-0005-0000-0000-000081000000}"/>
    <cellStyle name="メモ 3" xfId="129" xr:uid="{00000000-0005-0000-0000-000082000000}"/>
    <cellStyle name="リンク セル" xfId="130" builtinId="24" customBuiltin="1"/>
    <cellStyle name="リンク セル 2" xfId="131" xr:uid="{00000000-0005-0000-0000-000084000000}"/>
    <cellStyle name="リンク セル 3" xfId="132" xr:uid="{00000000-0005-0000-0000-000085000000}"/>
    <cellStyle name="リンク セル 4" xfId="133" xr:uid="{00000000-0005-0000-0000-000086000000}"/>
    <cellStyle name="悪い" xfId="134" builtinId="27" customBuiltin="1"/>
    <cellStyle name="悪い 2" xfId="135" xr:uid="{00000000-0005-0000-0000-000088000000}"/>
    <cellStyle name="悪い 3" xfId="136" xr:uid="{00000000-0005-0000-0000-000089000000}"/>
    <cellStyle name="悪い 4" xfId="137" xr:uid="{00000000-0005-0000-0000-00008A000000}"/>
    <cellStyle name="計算" xfId="138" builtinId="22" customBuiltin="1"/>
    <cellStyle name="計算 2" xfId="139" xr:uid="{00000000-0005-0000-0000-00008C000000}"/>
    <cellStyle name="計算 3" xfId="140" xr:uid="{00000000-0005-0000-0000-00008D000000}"/>
    <cellStyle name="計算 4" xfId="141" xr:uid="{00000000-0005-0000-0000-00008E000000}"/>
    <cellStyle name="警告文" xfId="142" builtinId="11" customBuiltin="1"/>
    <cellStyle name="警告文 2" xfId="143" xr:uid="{00000000-0005-0000-0000-000090000000}"/>
    <cellStyle name="警告文 3" xfId="144" xr:uid="{00000000-0005-0000-0000-000091000000}"/>
    <cellStyle name="桁蟻唇Ｆ [0.00]_Sheet2" xfId="145" xr:uid="{00000000-0005-0000-0000-000092000000}"/>
    <cellStyle name="桁蟻唇Ｆ_Sheet2" xfId="146" xr:uid="{00000000-0005-0000-0000-000093000000}"/>
    <cellStyle name="桁区切り" xfId="147" builtinId="6"/>
    <cellStyle name="桁区切り 2" xfId="148" xr:uid="{00000000-0005-0000-0000-000095000000}"/>
    <cellStyle name="桁区切り 2 2" xfId="207" xr:uid="{00000000-0005-0000-0000-000096000000}"/>
    <cellStyle name="見出し 1" xfId="149" builtinId="16" customBuiltin="1"/>
    <cellStyle name="見出し 1 2" xfId="150" xr:uid="{00000000-0005-0000-0000-000098000000}"/>
    <cellStyle name="見出し 1 3" xfId="151" xr:uid="{00000000-0005-0000-0000-000099000000}"/>
    <cellStyle name="見出し 1 4" xfId="152" xr:uid="{00000000-0005-0000-0000-00009A000000}"/>
    <cellStyle name="見出し 2" xfId="153" builtinId="17" customBuiltin="1"/>
    <cellStyle name="見出し 2 2" xfId="154" xr:uid="{00000000-0005-0000-0000-00009C000000}"/>
    <cellStyle name="見出し 2 3" xfId="155" xr:uid="{00000000-0005-0000-0000-00009D000000}"/>
    <cellStyle name="見出し 2 4" xfId="156" xr:uid="{00000000-0005-0000-0000-00009E000000}"/>
    <cellStyle name="見出し 3" xfId="157" builtinId="18" customBuiltin="1"/>
    <cellStyle name="見出し 3 2" xfId="158" xr:uid="{00000000-0005-0000-0000-0000A0000000}"/>
    <cellStyle name="見出し 3 3" xfId="159" xr:uid="{00000000-0005-0000-0000-0000A1000000}"/>
    <cellStyle name="見出し 3 4" xfId="160" xr:uid="{00000000-0005-0000-0000-0000A2000000}"/>
    <cellStyle name="見出し 4" xfId="161" builtinId="19" customBuiltin="1"/>
    <cellStyle name="見出し 4 2" xfId="162" xr:uid="{00000000-0005-0000-0000-0000A4000000}"/>
    <cellStyle name="見出し 4 3" xfId="163" xr:uid="{00000000-0005-0000-0000-0000A5000000}"/>
    <cellStyle name="見出し 4 4" xfId="164" xr:uid="{00000000-0005-0000-0000-0000A6000000}"/>
    <cellStyle name="集計" xfId="165" builtinId="25" customBuiltin="1"/>
    <cellStyle name="集計 2" xfId="166" xr:uid="{00000000-0005-0000-0000-0000A8000000}"/>
    <cellStyle name="集計 3" xfId="167" xr:uid="{00000000-0005-0000-0000-0000A9000000}"/>
    <cellStyle name="集計 4" xfId="168" xr:uid="{00000000-0005-0000-0000-0000AA000000}"/>
    <cellStyle name="出力" xfId="169" builtinId="21" customBuiltin="1"/>
    <cellStyle name="出力 2" xfId="170" xr:uid="{00000000-0005-0000-0000-0000AC000000}"/>
    <cellStyle name="出力 3" xfId="171" xr:uid="{00000000-0005-0000-0000-0000AD000000}"/>
    <cellStyle name="出力 4" xfId="172" xr:uid="{00000000-0005-0000-0000-0000AE000000}"/>
    <cellStyle name="説明文" xfId="173" builtinId="53" customBuiltin="1"/>
    <cellStyle name="説明文 2" xfId="174" xr:uid="{00000000-0005-0000-0000-0000B0000000}"/>
    <cellStyle name="説明文 3" xfId="175" xr:uid="{00000000-0005-0000-0000-0000B1000000}"/>
    <cellStyle name="説明文 4" xfId="176" xr:uid="{00000000-0005-0000-0000-0000B2000000}"/>
    <cellStyle name="脱浦 [0.00]_Sheet2" xfId="177" xr:uid="{00000000-0005-0000-0000-0000B3000000}"/>
    <cellStyle name="脱浦_Sheet2" xfId="178" xr:uid="{00000000-0005-0000-0000-0000B4000000}"/>
    <cellStyle name="通貨 2" xfId="179" xr:uid="{00000000-0005-0000-0000-0000B5000000}"/>
    <cellStyle name="通貨 2 2" xfId="200" xr:uid="{00000000-0005-0000-0000-0000B6000000}"/>
    <cellStyle name="通貨 2 2 2" xfId="202" xr:uid="{00000000-0005-0000-0000-0000B7000000}"/>
    <cellStyle name="通貨 2 3" xfId="203" xr:uid="{00000000-0005-0000-0000-0000B8000000}"/>
    <cellStyle name="入力" xfId="180" builtinId="20" customBuiltin="1"/>
    <cellStyle name="入力 2" xfId="181" xr:uid="{00000000-0005-0000-0000-0000BA000000}"/>
    <cellStyle name="入力 3" xfId="182" xr:uid="{00000000-0005-0000-0000-0000BB000000}"/>
    <cellStyle name="入力 4" xfId="183" xr:uid="{00000000-0005-0000-0000-0000BC000000}"/>
    <cellStyle name="標準" xfId="0" builtinId="0"/>
    <cellStyle name="標準 2" xfId="184" xr:uid="{00000000-0005-0000-0000-0000BE000000}"/>
    <cellStyle name="標準 2 2" xfId="185" xr:uid="{00000000-0005-0000-0000-0000BF000000}"/>
    <cellStyle name="標準 2 2 2" xfId="206" xr:uid="{00000000-0005-0000-0000-0000C0000000}"/>
    <cellStyle name="標準 2 2 3" xfId="204" xr:uid="{00000000-0005-0000-0000-0000C1000000}"/>
    <cellStyle name="標準 2 3" xfId="198" xr:uid="{00000000-0005-0000-0000-0000C2000000}"/>
    <cellStyle name="標準 3" xfId="186" xr:uid="{00000000-0005-0000-0000-0000C3000000}"/>
    <cellStyle name="標準 3 2" xfId="205" xr:uid="{00000000-0005-0000-0000-0000C4000000}"/>
    <cellStyle name="標準 3 2 2" xfId="208" xr:uid="{00000000-0005-0000-0000-0000C5000000}"/>
    <cellStyle name="標準 4" xfId="187" xr:uid="{00000000-0005-0000-0000-0000C6000000}"/>
    <cellStyle name="標準 5" xfId="188" xr:uid="{00000000-0005-0000-0000-0000C7000000}"/>
    <cellStyle name="標準 8" xfId="189" xr:uid="{00000000-0005-0000-0000-0000C8000000}"/>
    <cellStyle name="標準_Sheet1" xfId="190" xr:uid="{00000000-0005-0000-0000-0000C9000000}"/>
    <cellStyle name="標準_画面仕様表 (21)" xfId="191" xr:uid="{00000000-0005-0000-0000-0000CA000000}"/>
    <cellStyle name="文字" xfId="192" xr:uid="{00000000-0005-0000-0000-0000CB000000}"/>
    <cellStyle name="未定義" xfId="193" xr:uid="{00000000-0005-0000-0000-0000CC000000}"/>
    <cellStyle name="良い" xfId="194" builtinId="26" customBuiltin="1"/>
    <cellStyle name="良い 2" xfId="195" xr:uid="{00000000-0005-0000-0000-0000CE000000}"/>
    <cellStyle name="良い 3" xfId="196" xr:uid="{00000000-0005-0000-0000-0000CF000000}"/>
    <cellStyle name="良い 4" xfId="197" xr:uid="{00000000-0005-0000-0000-0000D0000000}"/>
  </cellStyles>
  <dxfs count="207">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ill>
        <patternFill>
          <bgColor theme="0" tint="-0.499984740745262"/>
        </patternFill>
      </fill>
    </dxf>
    <dxf>
      <font>
        <color auto="1"/>
      </font>
      <fill>
        <patternFill>
          <bgColor theme="0" tint="-0.499984740745262"/>
        </patternFill>
      </fill>
    </dxf>
  </dxfs>
  <tableStyles count="0" defaultTableStyle="TableStyleMedium9" defaultPivotStyle="PivotStyleLight16"/>
  <colors>
    <mruColors>
      <color rgb="FF00B0F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8.xml"/><Relationship Id="rId3" Type="http://schemas.openxmlformats.org/officeDocument/2006/relationships/worksheet" Target="worksheets/sheet3.xml"/><Relationship Id="rId21" Type="http://schemas.openxmlformats.org/officeDocument/2006/relationships/externalLink" Target="externalLinks/externalLink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7.xml"/><Relationship Id="rId33" Type="http://schemas.openxmlformats.org/officeDocument/2006/relationships/customXml" Target="../customXml/item3.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2.xml"/><Relationship Id="rId29"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6.xml"/><Relationship Id="rId32" Type="http://schemas.openxmlformats.org/officeDocument/2006/relationships/customXml" Target="../customXml/item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5.xml"/><Relationship Id="rId28"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externalLink" Target="externalLinks/externalLink1.xml"/><Relationship Id="rId31"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4.xml"/><Relationship Id="rId27" Type="http://schemas.openxmlformats.org/officeDocument/2006/relationships/theme" Target="theme/theme1.xml"/><Relationship Id="rId30" Type="http://schemas.openxmlformats.org/officeDocument/2006/relationships/calcChain" Target="calcChain.xml"/><Relationship Id="rId8" Type="http://schemas.openxmlformats.org/officeDocument/2006/relationships/worksheet" Target="worksheets/sheet8.xml"/></Relationships>
</file>

<file path=xl/drawings/drawing1.xml><?xml version="1.0" encoding="utf-8"?>
<xdr:wsDr xmlns:xdr="http://schemas.openxmlformats.org/drawingml/2006/spreadsheetDrawing" xmlns:a="http://schemas.openxmlformats.org/drawingml/2006/main">
  <xdr:twoCellAnchor>
    <xdr:from>
      <xdr:col>12</xdr:col>
      <xdr:colOff>586741</xdr:colOff>
      <xdr:row>137</xdr:row>
      <xdr:rowOff>51434</xdr:rowOff>
    </xdr:from>
    <xdr:to>
      <xdr:col>15</xdr:col>
      <xdr:colOff>533401</xdr:colOff>
      <xdr:row>151</xdr:row>
      <xdr:rowOff>83820</xdr:rowOff>
    </xdr:to>
    <xdr:sp macro="" textlink="">
      <xdr:nvSpPr>
        <xdr:cNvPr id="9" name="角丸四角形吹き出し 3">
          <a:extLst>
            <a:ext uri="{FF2B5EF4-FFF2-40B4-BE49-F238E27FC236}">
              <a16:creationId xmlns:a16="http://schemas.microsoft.com/office/drawing/2014/main" id="{D0DBE1D8-96AC-4FFB-B9C9-94F4605283A2}"/>
            </a:ext>
          </a:extLst>
        </xdr:cNvPr>
        <xdr:cNvSpPr/>
      </xdr:nvSpPr>
      <xdr:spPr>
        <a:xfrm>
          <a:off x="6949441" y="25944194"/>
          <a:ext cx="3017520" cy="2379346"/>
        </a:xfrm>
        <a:prstGeom prst="wedgeRoundRectCallout">
          <a:avLst>
            <a:gd name="adj1" fmla="val -136279"/>
            <a:gd name="adj2" fmla="val -33186"/>
            <a:gd name="adj3" fmla="val 1666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1100"/>
            <a:t>項目長小数部の出力見本</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lt1"/>
              </a:solidFill>
              <a:effectLst/>
              <a:latin typeface="+mn-lt"/>
              <a:ea typeface="+mn-ea"/>
              <a:cs typeface="+mn-cs"/>
            </a:rPr>
            <a:t>小数部</a:t>
          </a:r>
          <a:r>
            <a:rPr kumimoji="1" lang="ja-JP" altLang="en-US" sz="1100">
              <a:solidFill>
                <a:schemeClr val="lt1"/>
              </a:solidFill>
              <a:effectLst/>
              <a:latin typeface="+mn-lt"/>
              <a:ea typeface="+mn-ea"/>
              <a:cs typeface="+mn-cs"/>
            </a:rPr>
            <a:t>（項目長右部）</a:t>
          </a:r>
          <a:r>
            <a:rPr kumimoji="1" lang="ja-JP" altLang="ja-JP" sz="1100">
              <a:solidFill>
                <a:schemeClr val="lt1"/>
              </a:solidFill>
              <a:effectLst/>
              <a:latin typeface="+mn-lt"/>
              <a:ea typeface="+mn-ea"/>
              <a:cs typeface="+mn-cs"/>
            </a:rPr>
            <a:t>が「－」「</a:t>
          </a:r>
          <a:r>
            <a:rPr kumimoji="1" lang="en-US" altLang="ja-JP" sz="1100">
              <a:solidFill>
                <a:schemeClr val="lt1"/>
              </a:solidFill>
              <a:effectLst/>
              <a:latin typeface="+mn-lt"/>
              <a:ea typeface="+mn-ea"/>
              <a:cs typeface="+mn-cs"/>
            </a:rPr>
            <a:t>0</a:t>
          </a:r>
          <a:r>
            <a:rPr kumimoji="1" lang="ja-JP" altLang="ja-JP" sz="1100">
              <a:solidFill>
                <a:schemeClr val="lt1"/>
              </a:solidFill>
              <a:effectLst/>
              <a:latin typeface="+mn-lt"/>
              <a:ea typeface="+mn-ea"/>
              <a:cs typeface="+mn-cs"/>
            </a:rPr>
            <a:t>」の場合、小数点以下は出力されません。</a:t>
          </a:r>
          <a:endParaRPr kumimoji="1" lang="en-US" altLang="ja-JP" sz="1100"/>
        </a:p>
        <a:p>
          <a:pPr algn="l"/>
          <a:r>
            <a:rPr kumimoji="1" lang="ja-JP" altLang="en-US" sz="1100"/>
            <a:t>　例）</a:t>
          </a:r>
          <a:r>
            <a:rPr kumimoji="1" lang="en-US" altLang="ja-JP" sz="1100"/>
            <a:t>3</a:t>
          </a:r>
          <a:r>
            <a:rPr kumimoji="1" lang="ja-JP" altLang="en-US" sz="1100"/>
            <a:t>｜－　→　出力される値「</a:t>
          </a:r>
          <a:r>
            <a:rPr kumimoji="1" lang="en-US" altLang="ja-JP" sz="1100"/>
            <a:t>123</a:t>
          </a:r>
          <a:r>
            <a:rPr kumimoji="1" lang="ja-JP" altLang="en-US" sz="1100"/>
            <a:t>」</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lt1"/>
              </a:solidFill>
              <a:effectLst/>
              <a:latin typeface="+mn-lt"/>
              <a:ea typeface="+mn-ea"/>
              <a:cs typeface="+mn-cs"/>
            </a:rPr>
            <a:t>　</a:t>
          </a:r>
          <a:r>
            <a:rPr kumimoji="1" lang="ja-JP" altLang="ja-JP" sz="1100">
              <a:solidFill>
                <a:schemeClr val="lt1"/>
              </a:solidFill>
              <a:effectLst/>
              <a:latin typeface="+mn-lt"/>
              <a:ea typeface="+mn-ea"/>
              <a:cs typeface="+mn-cs"/>
            </a:rPr>
            <a:t>例）</a:t>
          </a:r>
          <a:r>
            <a:rPr kumimoji="1" lang="en-US" altLang="ja-JP" sz="1100">
              <a:solidFill>
                <a:schemeClr val="lt1"/>
              </a:solidFill>
              <a:effectLst/>
              <a:latin typeface="+mn-lt"/>
              <a:ea typeface="+mn-ea"/>
              <a:cs typeface="+mn-cs"/>
            </a:rPr>
            <a:t>3</a:t>
          </a:r>
          <a:r>
            <a:rPr kumimoji="1" lang="ja-JP" altLang="ja-JP" sz="1100">
              <a:solidFill>
                <a:schemeClr val="lt1"/>
              </a:solidFill>
              <a:effectLst/>
              <a:latin typeface="+mn-lt"/>
              <a:ea typeface="+mn-ea"/>
              <a:cs typeface="+mn-cs"/>
            </a:rPr>
            <a:t>｜</a:t>
          </a:r>
          <a:r>
            <a:rPr kumimoji="1" lang="en-US" altLang="ja-JP" sz="1100">
              <a:solidFill>
                <a:schemeClr val="lt1"/>
              </a:solidFill>
              <a:effectLst/>
              <a:latin typeface="+mn-lt"/>
              <a:ea typeface="+mn-ea"/>
              <a:cs typeface="+mn-cs"/>
            </a:rPr>
            <a:t>0</a:t>
          </a:r>
          <a:r>
            <a:rPr kumimoji="1" lang="ja-JP" altLang="ja-JP" sz="1100">
              <a:solidFill>
                <a:schemeClr val="lt1"/>
              </a:solidFill>
              <a:effectLst/>
              <a:latin typeface="+mn-lt"/>
              <a:ea typeface="+mn-ea"/>
              <a:cs typeface="+mn-cs"/>
            </a:rPr>
            <a:t>　　→　</a:t>
          </a:r>
          <a:r>
            <a:rPr kumimoji="1" lang="ja-JP" altLang="en-US" sz="1100">
              <a:solidFill>
                <a:schemeClr val="lt1"/>
              </a:solidFill>
              <a:effectLst/>
              <a:latin typeface="+mn-lt"/>
              <a:ea typeface="+mn-ea"/>
              <a:cs typeface="+mn-cs"/>
            </a:rPr>
            <a:t>出力される値「</a:t>
          </a:r>
          <a:r>
            <a:rPr kumimoji="1" lang="en-US" altLang="ja-JP" sz="1100">
              <a:solidFill>
                <a:schemeClr val="lt1"/>
              </a:solidFill>
              <a:effectLst/>
              <a:latin typeface="+mn-lt"/>
              <a:ea typeface="+mn-ea"/>
              <a:cs typeface="+mn-cs"/>
            </a:rPr>
            <a:t>123</a:t>
          </a:r>
          <a:r>
            <a:rPr kumimoji="1" lang="ja-JP" altLang="en-US" sz="1100">
              <a:solidFill>
                <a:schemeClr val="lt1"/>
              </a:solidFill>
              <a:effectLst/>
              <a:latin typeface="+mn-lt"/>
              <a:ea typeface="+mn-ea"/>
              <a:cs typeface="+mn-cs"/>
            </a:rPr>
            <a:t>」</a:t>
          </a:r>
          <a:endParaRPr lang="ja-JP" altLang="ja-JP">
            <a:effectLst/>
          </a:endParaRPr>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100">
              <a:solidFill>
                <a:schemeClr val="lt1"/>
              </a:solidFill>
              <a:effectLst/>
              <a:latin typeface="+mn-lt"/>
              <a:ea typeface="+mn-ea"/>
              <a:cs typeface="+mn-cs"/>
            </a:rPr>
            <a:t>decimal</a:t>
          </a:r>
          <a:r>
            <a:rPr kumimoji="1" lang="ja-JP" altLang="ja-JP" sz="1100">
              <a:solidFill>
                <a:schemeClr val="lt1"/>
              </a:solidFill>
              <a:effectLst/>
              <a:latin typeface="+mn-lt"/>
              <a:ea typeface="+mn-ea"/>
              <a:cs typeface="+mn-cs"/>
            </a:rPr>
            <a:t>の場合は</a:t>
          </a:r>
          <a:r>
            <a:rPr kumimoji="1" lang="ja-JP" altLang="en-US" sz="1100">
              <a:solidFill>
                <a:schemeClr val="lt1"/>
              </a:solidFill>
              <a:effectLst/>
              <a:latin typeface="+mn-lt"/>
              <a:ea typeface="+mn-ea"/>
              <a:cs typeface="+mn-cs"/>
            </a:rPr>
            <a:t>少数</a:t>
          </a:r>
          <a:r>
            <a:rPr kumimoji="1" lang="ja-JP" altLang="ja-JP" sz="1100">
              <a:solidFill>
                <a:schemeClr val="lt1"/>
              </a:solidFill>
              <a:effectLst/>
              <a:latin typeface="+mn-lt"/>
              <a:ea typeface="+mn-ea"/>
              <a:cs typeface="+mn-cs"/>
            </a:rPr>
            <a:t>部</a:t>
          </a:r>
          <a:r>
            <a:rPr kumimoji="1" lang="ja-JP" altLang="en-US" sz="1100">
              <a:solidFill>
                <a:schemeClr val="lt1"/>
              </a:solidFill>
              <a:effectLst/>
              <a:latin typeface="+mn-lt"/>
              <a:ea typeface="+mn-ea"/>
              <a:cs typeface="+mn-cs"/>
            </a:rPr>
            <a:t>（項目長右部）</a:t>
          </a:r>
          <a:r>
            <a:rPr kumimoji="1" lang="ja-JP" altLang="ja-JP" sz="1100">
              <a:solidFill>
                <a:schemeClr val="lt1"/>
              </a:solidFill>
              <a:effectLst/>
              <a:latin typeface="+mn-lt"/>
              <a:ea typeface="+mn-ea"/>
              <a:cs typeface="+mn-cs"/>
            </a:rPr>
            <a:t>で記載された</a:t>
          </a:r>
          <a:r>
            <a:rPr kumimoji="1" lang="ja-JP" altLang="en-US" sz="1100">
              <a:solidFill>
                <a:schemeClr val="lt1"/>
              </a:solidFill>
              <a:effectLst/>
              <a:latin typeface="+mn-lt"/>
              <a:ea typeface="+mn-ea"/>
              <a:cs typeface="+mn-cs"/>
            </a:rPr>
            <a:t>桁の</a:t>
          </a:r>
          <a:r>
            <a:rPr kumimoji="1" lang="ja-JP" altLang="ja-JP" sz="1100">
              <a:solidFill>
                <a:schemeClr val="lt1"/>
              </a:solidFill>
              <a:effectLst/>
              <a:latin typeface="+mn-lt"/>
              <a:ea typeface="+mn-ea"/>
              <a:cs typeface="+mn-cs"/>
            </a:rPr>
            <a:t>小数点</a:t>
          </a:r>
          <a:r>
            <a:rPr kumimoji="1" lang="ja-JP" altLang="en-US" sz="1100">
              <a:solidFill>
                <a:schemeClr val="lt1"/>
              </a:solidFill>
              <a:effectLst/>
              <a:latin typeface="+mn-lt"/>
              <a:ea typeface="+mn-ea"/>
              <a:cs typeface="+mn-cs"/>
            </a:rPr>
            <a:t>が</a:t>
          </a:r>
          <a:r>
            <a:rPr kumimoji="1" lang="ja-JP" altLang="ja-JP" sz="1100">
              <a:solidFill>
                <a:schemeClr val="lt1"/>
              </a:solidFill>
              <a:effectLst/>
              <a:latin typeface="+mn-lt"/>
              <a:ea typeface="+mn-ea"/>
              <a:cs typeface="+mn-cs"/>
            </a:rPr>
            <a:t>出力されます。</a:t>
          </a:r>
          <a:endParaRPr kumimoji="1" lang="en-US" altLang="ja-JP" sz="1100"/>
        </a:p>
        <a:p>
          <a:pPr algn="l"/>
          <a:r>
            <a:rPr kumimoji="1" lang="ja-JP" altLang="en-US" sz="1100"/>
            <a:t>例）</a:t>
          </a:r>
          <a:r>
            <a:rPr kumimoji="1" lang="en-US" altLang="ja-JP" sz="1100"/>
            <a:t>5</a:t>
          </a:r>
          <a:r>
            <a:rPr kumimoji="1" lang="ja-JP" altLang="en-US" sz="1100"/>
            <a:t>｜</a:t>
          </a:r>
          <a:r>
            <a:rPr kumimoji="1" lang="en-US" altLang="ja-JP" sz="1100"/>
            <a:t>3</a:t>
          </a:r>
          <a:r>
            <a:rPr kumimoji="1" lang="ja-JP" altLang="en-US" sz="1100"/>
            <a:t>　→　</a:t>
          </a:r>
          <a:r>
            <a:rPr kumimoji="1" lang="en-US" altLang="ja-JP" sz="1100"/>
            <a:t>12345.100</a:t>
          </a:r>
          <a:r>
            <a:rPr kumimoji="1" lang="en-US" altLang="ja-JP" sz="1100" baseline="0"/>
            <a:t> </a:t>
          </a:r>
        </a:p>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psq001\sonybank\Documents%20and%20Settings\kawana.OHSAKI\My%20Documents\&#20316;&#26989;&#20013;\DB&#65288;CT&#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Svrep001\fh21&#20849;&#26377;\FH21&#24773;&#22577;&#31995;Work\&#9679;00&#20840;&#20307;&#36039;&#26009;\30&#9679;&#27161;&#28310;&#21270;\200009&#65397;&#65392;&#65420;&#65439;&#65437;&#31995;&#65288;&#34701;&#36039;&#27161;&#28310;&#65289;\&#20849;&#21516;&#21270;&#65339;&#21475;&#24231;&#25391;&#26367;&#65341;\&#65436;&#65392;&#65400;&#65435;&#65392;&#65412;&#65438;\&#65334;&#65314;&#35201;&#20214;&#23450;&#32681;&#25104;&#26524;&#29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Yellow\SDAS&#25512;&#36914;&#23460;\temp\03&#38283;&#30330;&#27161;&#28310;\01&#27161;&#28310;&#12489;&#12461;&#12517;&#12513;&#12531;&#12488;\02&#12489;&#12461;&#12517;&#12513;&#12531;&#12488;&#12501;&#12457;&#12540;&#12510;&#12483;&#12488;\PT&#23436;&#20102;&#22577;&#21578;&#26360;&#20860;&#21697;&#36074;&#38598;&#35336;&#12471;&#12540;&#12488;(&#12501;&#12457;&#12540;&#12510;&#12483;&#1248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Svrep001\fh21&#20849;&#26377;\&#20849;&#29992;\Tashiro\&#25285;&#20445;&#38306;&#36899;&#36039;&#26009;\&#36039;&#26009;\&#65316;&#65314;&#20181;&#27096;&#26360;\&#12486;&#12540;&#12502;&#12523;&#35373;&#35336;&#65288;&#25285;&#20445;&#31649;&#29702;&#65289;.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VDT132\&#20849;&#21516;&#21270;&#21475;&#25391;\2&#35201;&#20214;&#23450;&#32681;\3&#21475;&#25391;&#35201;&#20214;&#23450;&#32681;&#26360;&#65288;&#27010;&#35201;&#29256;&#65289;\2.2&#23550;&#35937;&#27231;&#33021;.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VDT132\&#20849;&#21516;&#21270;&#21475;&#25391;\&#20849;&#21516;&#21270;&#65339;&#21475;&#24231;&#25391;&#26367;&#65341;\&#65436;&#65392;&#65400;&#65435;&#65392;&#65412;&#65438;\&#65334;&#65314;&#35201;&#20214;&#23450;&#32681;&#25104;&#26524;&#29289;.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OEMCOMPUTER\sekine\TEMP\Tashiro\&#25285;&#20445;&#38306;&#36899;&#36039;&#26009;\&#36039;&#26009;\&#65316;&#65314;&#20181;&#27096;&#26360;\&#12486;&#12540;&#12502;&#12523;&#35373;&#35336;&#65288;&#25285;&#20445;&#31649;&#29702;&#65289;.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G01-VDIY14VNR1A\UserData-Y\Users\s016592\Documents\ForthPublicSystem\DP\201708\20170830\Users\NOM011\Desktop\&#12501;&#12449;&#12452;&#12523;&#25552;&#20379;&#24418;&#24335;(&#21442;&#29031;)_2015020915362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現行DB一覧1"/>
      <sheetName val="現行DB一覧2(CT)"/>
      <sheetName val="Sheet1"/>
      <sheetName val="Sheet4"/>
      <sheetName val="Sheet2"/>
      <sheetName val="Sheet3"/>
      <sheetName val="現行DB一覧2_CT_"/>
      <sheetName val="テストパターン一覧"/>
      <sheetName val="メッセージ文言取込(Web21TOP)"/>
      <sheetName val="メッセージ文言取込(総合振込)"/>
      <sheetName val="メッセージ文言取込(給与・賞与振込)"/>
      <sheetName val="メッセージ文言取込(取引口座照会)"/>
      <sheetName val="メッセージ文言取込(個人地方税)"/>
      <sheetName val="メッセージ文言取込(振込振替)"/>
      <sheetName val="メッセージ文言取込(口座情報・事前設定)"/>
      <sheetName val="メッセージ文言取込(セキュリティ管理)"/>
      <sheetName val="マスタデータ（DB格納用）"/>
      <sheetName val="SDB(1)"/>
      <sheetName val="提示用医科薬剤作表用ｙ-flag"/>
      <sheetName val="設定"/>
      <sheetName val="CONFIG"/>
      <sheetName val="ﾍﾞｰｽ"/>
      <sheetName val="はじめに"/>
      <sheetName val="一覧表"/>
      <sheetName val="法1"/>
      <sheetName val="法2"/>
      <sheetName val="法3"/>
      <sheetName val="法4"/>
      <sheetName val="法5"/>
      <sheetName val="法6"/>
      <sheetName val="法7"/>
      <sheetName val="法8"/>
      <sheetName val="法9"/>
      <sheetName val="学1"/>
      <sheetName val="学2"/>
      <sheetName val="学3"/>
      <sheetName val="学4"/>
      <sheetName val="学5"/>
      <sheetName val="学6"/>
      <sheetName val="学7"/>
      <sheetName val="学8"/>
      <sheetName val="学9"/>
      <sheetName val="学10"/>
      <sheetName val="system-hojin-kikan"/>
      <sheetName val="system-gakno-kikan"/>
      <sheetName val="ルール表"/>
      <sheetName val="概算見積書"/>
      <sheetName val="パラメタ"/>
      <sheetName val="設定値"/>
      <sheetName val="設定シート"/>
      <sheetName val="表紙"/>
      <sheetName val="修正履歴"/>
      <sheetName val="ＰＴ障害管理台帳"/>
      <sheetName val="説明資料"/>
      <sheetName val="原因分類管理シート"/>
      <sheetName val="コメント選択肢"/>
      <sheetName val="LIST"/>
      <sheetName val="マスタ"/>
      <sheetName val="9.ﾄﾞｷｭﾒﾝﾄ(記入）"/>
      <sheetName val="テンプレート"/>
      <sheetName val="原因分類"/>
      <sheetName val="リスト"/>
      <sheetName val="プルダウン参照"/>
      <sheetName val="法©"/>
      <sheetName val="別紙1_作業分類"/>
      <sheetName val="MST"/>
      <sheetName val="DB（CT）"/>
      <sheetName val="Ｓ級職sheet"/>
      <sheetName val="印刷不要）対応難易度の定義"/>
      <sheetName val="リソース"/>
      <sheetName val="学ǘ"/>
      <sheetName val="基準テーブル（変更不可）"/>
      <sheetName val="コード表"/>
      <sheetName val="原因サブ・機能"/>
      <sheetName val="工程・タスク定義"/>
      <sheetName val="障害区分・種別"/>
      <sheetName val="件数"/>
      <sheetName val="機器マスタ"/>
      <sheetName val="101表紙"/>
      <sheetName val="102改版履歴"/>
      <sheetName val="103依頼事項"/>
      <sheetName val="104詳細スケジュール"/>
      <sheetName val="105_フロアレイアウト図"/>
      <sheetName val="106ネットワーク図"/>
      <sheetName val="107回線一覧"/>
      <sheetName val="201_サーバ構成"/>
      <sheetName val="202_導入機器一覧(設置諸元)"/>
      <sheetName val="203_ハード・ソフト構成一覧表"/>
      <sheetName val="205_電源接続図(手書き)"/>
      <sheetName val="206_工事全配線表（○UTPFC電源_手書き） (その他)"/>
      <sheetName val="206_工事全配線表(●電源)"/>
      <sheetName val="204_ラック搭載図 (B棟C43) "/>
      <sheetName val="204_ラック搭載図 (3F)"/>
      <sheetName val="ノードマスタ"/>
      <sheetName val="上期"/>
      <sheetName val="ヘッダ"/>
      <sheetName val="不具合分析グラフ"/>
      <sheetName val="コンソール接続"/>
      <sheetName val="ハードウェアリスト"/>
      <sheetName val="ＦＢ外為データ項目一覧"/>
      <sheetName val="SK"/>
      <sheetName val="ＴＫＣ"/>
      <sheetName val="#REF"/>
      <sheetName val="AS計算テーブル"/>
      <sheetName val="総合件数一覧"/>
      <sheetName val="運用ルール"/>
      <sheetName val="メール宛先"/>
      <sheetName val="対象システムリスト"/>
      <sheetName val="金融機関別"/>
      <sheetName val="ｺﾞﾝﾍﾟﾙﾂ曲線"/>
      <sheetName val="原紙２"/>
      <sheetName val="Webダウン取引仕様"/>
      <sheetName val="Summary"/>
      <sheetName val="施設作業（単価表）"/>
      <sheetName val="リスト一覧"/>
      <sheetName val="拠点コード一覧"/>
      <sheetName val="入力規則"/>
      <sheetName val="プルダウン"/>
      <sheetName val="選択肢"/>
      <sheetName val="2019年度区分コード表"/>
      <sheetName val="申請マスタ"/>
      <sheetName val="命名規約"/>
      <sheetName val="命名規約・I列記載ルール"/>
      <sheetName val="命名規約・記載ルール"/>
      <sheetName val="分類"/>
      <sheetName val="見積"/>
      <sheetName val="リスト(消さないでください）"/>
      <sheetName val="Profile"/>
      <sheetName val="区分"/>
      <sheetName val="リスト内容"/>
      <sheetName val="【リスト内容】"/>
      <sheetName val="更新履歴"/>
      <sheetName val="チェックシート（機能単位）"/>
      <sheetName val="チェックシート（テーブル単位_複数の場合はシートコピー）"/>
      <sheetName val="申請マスタ (2)"/>
      <sheetName val="第四階層設定"/>
      <sheetName val="WORK"/>
      <sheetName val="B.インフラ構築プロジェクト対応（WorkOrder）_管理表"/>
      <sheetName val="1.テスト項目一覧"/>
      <sheetName val="項目マスタシート"/>
      <sheetName val="201603"/>
      <sheetName val="201602"/>
      <sheetName val="201601"/>
      <sheetName val="201512"/>
      <sheetName val="201511"/>
      <sheetName val="201510"/>
      <sheetName val="201509"/>
      <sheetName val="201508"/>
      <sheetName val="201507"/>
      <sheetName val="201506"/>
      <sheetName val="201505"/>
      <sheetName val="201504"/>
      <sheetName val="HW業者との役務分担"/>
      <sheetName val="データ"/>
      <sheetName val="予算消化状況"/>
      <sheetName val="環境設定"/>
      <sheetName val="CQ台帳"/>
      <sheetName val="tmp"/>
      <sheetName val="資料用作図２"/>
      <sheetName val="【元ねた】Ⅰ年間計画書"/>
      <sheetName val="資料（テレホン）"/>
      <sheetName val="分類説明"/>
      <sheetName val="分析６"/>
      <sheetName val="担当者リスト・大分類リスト"/>
      <sheetName val="ヘッジ比率(月次)"/>
      <sheetName val="管理情報"/>
      <sheetName val="業務区分"/>
      <sheetName val="原因分類_不具合内容"/>
      <sheetName val="処理種別"/>
      <sheetName val="原因工程"/>
      <sheetName val="課題・リスク把握経路"/>
      <sheetName val="リスク分類"/>
      <sheetName val="品目発生源グループ"/>
      <sheetName val="プラント"/>
      <sheetName val="保管場所"/>
      <sheetName val="外部品目グループ"/>
      <sheetName val="研究室・設計室"/>
      <sheetName val="利益センタ"/>
      <sheetName val="機器設置申請書入力規制項目（裏リスト）"/>
      <sheetName val="区分値"/>
      <sheetName val="記述要領"/>
      <sheetName val="日付ﾃｰﾌﾞﾙ"/>
      <sheetName val="参照"/>
      <sheetName val="※指摘率（参考値）"/>
      <sheetName val="概念テーブル一覧(Table List)"/>
      <sheetName val="総括表貼付"/>
      <sheetName val="累積データ"/>
      <sheetName val="営業会議1604"/>
      <sheetName val="名称マスタ"/>
      <sheetName val="問合せ一覧"/>
      <sheetName val="条件"/>
      <sheetName val="サマリ"/>
      <sheetName val="単票"/>
      <sheetName val="原因区分"/>
      <sheetName val="サンプル(原因分類)"/>
      <sheetName val="ステータス"/>
      <sheetName val="1"/>
      <sheetName val="2"/>
      <sheetName val="3"/>
      <sheetName val="7"/>
      <sheetName val="テンプレート名リスト"/>
      <sheetName val="ステータスと記載運用"/>
      <sheetName val="各種データ"/>
      <sheetName val="ﾚｰﾀﾞｰﾁｬｰﾄ計算用"/>
      <sheetName val="計画ﾚｰﾀﾞｰﾁｬｰﾄ計算用"/>
      <sheetName val="ジャーナル番号一覧"/>
    </sheetNames>
    <sheetDataSet>
      <sheetData sheetId="0">
        <row r="2">
          <cell r="A2" t="str">
            <v>EMAIL</v>
          </cell>
        </row>
      </sheetData>
      <sheetData sheetId="1" refreshError="1">
        <row r="2">
          <cell r="A2" t="str">
            <v>EMAIL</v>
          </cell>
          <cell r="B2" t="str">
            <v>CT受託銀行</v>
          </cell>
          <cell r="C2" t="str">
            <v>CTMMF分配金計算</v>
          </cell>
          <cell r="D2" t="str">
            <v>varchar</v>
          </cell>
          <cell r="E2">
            <v>100</v>
          </cell>
        </row>
        <row r="3">
          <cell r="A3" t="str">
            <v>EMAIL</v>
          </cell>
          <cell r="B3" t="str">
            <v>CT投信会社</v>
          </cell>
          <cell r="C3" t="str">
            <v>CTMMF分配金計算</v>
          </cell>
          <cell r="D3" t="str">
            <v>varchar</v>
          </cell>
          <cell r="E3">
            <v>100</v>
          </cell>
        </row>
        <row r="4">
          <cell r="A4" t="str">
            <v>EMAIL2</v>
          </cell>
          <cell r="B4" t="str">
            <v>CT受託銀行</v>
          </cell>
          <cell r="C4" t="str">
            <v>CT買戻し対象</v>
          </cell>
          <cell r="D4" t="str">
            <v>varchar</v>
          </cell>
          <cell r="E4">
            <v>100</v>
          </cell>
        </row>
        <row r="5">
          <cell r="A5" t="str">
            <v>FAX番号</v>
          </cell>
          <cell r="B5" t="str">
            <v>CT支店</v>
          </cell>
          <cell r="C5" t="str">
            <v>CT買戻し対象</v>
          </cell>
          <cell r="D5" t="str">
            <v>varchar</v>
          </cell>
          <cell r="E5">
            <v>20</v>
          </cell>
        </row>
        <row r="6">
          <cell r="A6" t="str">
            <v>FAX番号</v>
          </cell>
          <cell r="B6" t="str">
            <v>CT受託銀行</v>
          </cell>
          <cell r="C6" t="str">
            <v>CT為替レート登録区分</v>
          </cell>
          <cell r="D6" t="str">
            <v>varchar</v>
          </cell>
          <cell r="E6">
            <v>20</v>
          </cell>
        </row>
        <row r="7">
          <cell r="A7" t="str">
            <v>FAX番号</v>
          </cell>
          <cell r="B7" t="str">
            <v>CT投信会社</v>
          </cell>
          <cell r="C7" t="str">
            <v>CT為替レート登録区分</v>
          </cell>
          <cell r="D7" t="str">
            <v>varchar</v>
          </cell>
          <cell r="E7">
            <v>20</v>
          </cell>
        </row>
        <row r="8">
          <cell r="A8" t="str">
            <v>FAX番号2</v>
          </cell>
          <cell r="B8" t="str">
            <v>CT受託銀行</v>
          </cell>
          <cell r="C8" t="str">
            <v>CT管理会社</v>
          </cell>
          <cell r="D8" t="str">
            <v>varchar</v>
          </cell>
          <cell r="E8">
            <v>20</v>
          </cell>
        </row>
        <row r="9">
          <cell r="A9" t="str">
            <v>FD種類</v>
          </cell>
          <cell r="B9" t="str">
            <v>CT出金FD</v>
          </cell>
          <cell r="C9" t="str">
            <v>CT管理会社</v>
          </cell>
          <cell r="D9" t="str">
            <v>varchar</v>
          </cell>
          <cell r="E9">
            <v>20</v>
          </cell>
        </row>
        <row r="10">
          <cell r="A10" t="str">
            <v>MMF買戻し対象区分</v>
          </cell>
          <cell r="B10" t="str">
            <v>CT買戻し対象</v>
          </cell>
          <cell r="C10" t="str">
            <v>○</v>
          </cell>
          <cell r="D10" t="str">
            <v>varchar</v>
          </cell>
          <cell r="E10">
            <v>2</v>
          </cell>
        </row>
        <row r="11">
          <cell r="A11" t="str">
            <v>MMF分配金計算区分</v>
          </cell>
          <cell r="B11" t="str">
            <v>CTMMF分配金計算</v>
          </cell>
          <cell r="C11" t="str">
            <v>CT決済区分</v>
          </cell>
          <cell r="D11" t="str">
            <v>varchar</v>
          </cell>
          <cell r="E11">
            <v>20</v>
          </cell>
        </row>
        <row r="12">
          <cell r="A12" t="str">
            <v>OLE社印</v>
          </cell>
          <cell r="B12" t="str">
            <v>CTユーザ会社名</v>
          </cell>
          <cell r="C12" t="str">
            <v>CTシステムコード</v>
          </cell>
          <cell r="D12" t="str">
            <v>image</v>
          </cell>
          <cell r="E12">
            <v>7</v>
          </cell>
        </row>
        <row r="13">
          <cell r="A13" t="str">
            <v>OLE社名</v>
          </cell>
          <cell r="B13" t="str">
            <v>CTユーザ会社名</v>
          </cell>
          <cell r="C13" t="str">
            <v>CTシステムコード</v>
          </cell>
          <cell r="D13" t="str">
            <v>image</v>
          </cell>
          <cell r="E13">
            <v>6</v>
          </cell>
        </row>
        <row r="14">
          <cell r="A14" t="str">
            <v>ｶﾅ決済銀行支店名</v>
          </cell>
          <cell r="B14" t="str">
            <v>CT決済銀行支店</v>
          </cell>
          <cell r="C14" t="str">
            <v>CTシステムコード</v>
          </cell>
          <cell r="D14" t="str">
            <v>varchar</v>
          </cell>
          <cell r="E14">
            <v>15</v>
          </cell>
        </row>
        <row r="15">
          <cell r="A15" t="str">
            <v>ｶﾅ決済銀行名</v>
          </cell>
          <cell r="B15" t="str">
            <v>CT決済銀行</v>
          </cell>
          <cell r="C15" t="str">
            <v>CTシステムステイタス</v>
          </cell>
          <cell r="D15" t="str">
            <v>varchar</v>
          </cell>
          <cell r="E15">
            <v>15</v>
          </cell>
        </row>
        <row r="16">
          <cell r="A16" t="str">
            <v>ｶﾅ決済口座名義人</v>
          </cell>
          <cell r="B16" t="str">
            <v>CT受託銀行</v>
          </cell>
          <cell r="C16" t="str">
            <v>CTシステムステイタス</v>
          </cell>
          <cell r="D16" t="str">
            <v>varchar</v>
          </cell>
          <cell r="E16">
            <v>30</v>
          </cell>
        </row>
        <row r="17">
          <cell r="A17" t="str">
            <v>ｶﾅ決済口座名義人</v>
          </cell>
          <cell r="B17" t="str">
            <v>CT投信会社</v>
          </cell>
          <cell r="C17" t="str">
            <v>CTシステムステイタス</v>
          </cell>
          <cell r="D17" t="str">
            <v>varchar</v>
          </cell>
          <cell r="E17">
            <v>30</v>
          </cell>
        </row>
        <row r="18">
          <cell r="A18" t="str">
            <v>為替レート登録区分</v>
          </cell>
          <cell r="B18" t="str">
            <v>CT為替レート登録区分</v>
          </cell>
          <cell r="C18" t="str">
            <v>CTシステムステイタス</v>
          </cell>
          <cell r="D18" t="str">
            <v>bit</v>
          </cell>
          <cell r="E18">
            <v>2</v>
          </cell>
        </row>
        <row r="19">
          <cell r="A19" t="str">
            <v>管理会社コード</v>
          </cell>
          <cell r="B19" t="str">
            <v>CT管理会社</v>
          </cell>
          <cell r="C19" t="str">
            <v>CTシステムステイタス</v>
          </cell>
          <cell r="D19" t="str">
            <v>bit</v>
          </cell>
          <cell r="E19">
            <v>3</v>
          </cell>
        </row>
        <row r="20">
          <cell r="A20" t="str">
            <v>管理会社名</v>
          </cell>
          <cell r="B20" t="str">
            <v>CT管理会社</v>
          </cell>
          <cell r="C20" t="str">
            <v>CTシステムステイタス</v>
          </cell>
          <cell r="D20" t="str">
            <v>varchar</v>
          </cell>
          <cell r="E20">
            <v>50</v>
          </cell>
        </row>
        <row r="21">
          <cell r="A21" t="str">
            <v>キャッシング上限</v>
          </cell>
          <cell r="B21" t="str">
            <v>CTユーザ会社名</v>
          </cell>
          <cell r="C21" t="str">
            <v>CT代行証券会社</v>
          </cell>
          <cell r="D21" t="str">
            <v>money</v>
          </cell>
          <cell r="E21">
            <v>3</v>
          </cell>
        </row>
        <row r="22">
          <cell r="A22" t="str">
            <v>決済区分コード</v>
          </cell>
          <cell r="B22" t="str">
            <v>CT決済区分</v>
          </cell>
          <cell r="C22" t="str">
            <v>CT代行証券会社</v>
          </cell>
          <cell r="D22" t="str">
            <v>varchar</v>
          </cell>
          <cell r="E22">
            <v>50</v>
          </cell>
        </row>
        <row r="23">
          <cell r="A23" t="str">
            <v>項番</v>
          </cell>
          <cell r="B23" t="str">
            <v>CT帳票文言</v>
          </cell>
          <cell r="C23" t="str">
            <v>○</v>
          </cell>
          <cell r="D23" t="str">
            <v>smallint</v>
          </cell>
        </row>
        <row r="24">
          <cell r="A24" t="str">
            <v>システムコード</v>
          </cell>
          <cell r="B24" t="str">
            <v>CTシステムコード</v>
          </cell>
          <cell r="C24" t="str">
            <v>CT帳票文言</v>
          </cell>
          <cell r="D24" t="str">
            <v>varchar</v>
          </cell>
          <cell r="E24">
            <v>6</v>
          </cell>
        </row>
        <row r="25">
          <cell r="A25" t="str">
            <v>ソートキー</v>
          </cell>
          <cell r="B25" t="str">
            <v>CTシステムコード</v>
          </cell>
          <cell r="C25" t="str">
            <v>○</v>
          </cell>
          <cell r="D25" t="str">
            <v>varchar</v>
          </cell>
          <cell r="E25">
            <v>7</v>
          </cell>
        </row>
        <row r="26">
          <cell r="A26" t="str">
            <v>代行証券会社コード</v>
          </cell>
          <cell r="B26" t="str">
            <v>CT代行証券会社</v>
          </cell>
          <cell r="C26" t="str">
            <v>CT帳票文言</v>
          </cell>
          <cell r="D26" t="str">
            <v>varchar</v>
          </cell>
          <cell r="E26">
            <v>50</v>
          </cell>
        </row>
        <row r="27">
          <cell r="A27" t="str">
            <v>帳票キー</v>
          </cell>
          <cell r="B27" t="str">
            <v>CT帳票文言</v>
          </cell>
          <cell r="C27" t="str">
            <v>CT帳票文言</v>
          </cell>
          <cell r="D27" t="str">
            <v>varchar</v>
          </cell>
          <cell r="E27">
            <v>255</v>
          </cell>
        </row>
        <row r="28">
          <cell r="A28" t="str">
            <v>帳票名</v>
          </cell>
          <cell r="B28" t="str">
            <v>CT帳票文言</v>
          </cell>
          <cell r="C28" t="str">
            <v>○</v>
          </cell>
          <cell r="D28" t="str">
            <v>varchar</v>
          </cell>
          <cell r="E28">
            <v>50</v>
          </cell>
        </row>
        <row r="29">
          <cell r="A29" t="str">
            <v>テーブル名</v>
          </cell>
          <cell r="B29" t="str">
            <v>CTテーブル更新情報</v>
          </cell>
          <cell r="C29" t="str">
            <v>CTテーブル更新情報</v>
          </cell>
          <cell r="D29" t="str">
            <v>datetime</v>
          </cell>
          <cell r="E29">
            <v>30</v>
          </cell>
        </row>
        <row r="30">
          <cell r="A30" t="str">
            <v>テーブル名</v>
          </cell>
          <cell r="B30" t="str">
            <v>CT保有月数</v>
          </cell>
          <cell r="C30" t="str">
            <v>○</v>
          </cell>
          <cell r="D30" t="str">
            <v>varchar</v>
          </cell>
          <cell r="E30">
            <v>50</v>
          </cell>
        </row>
        <row r="31">
          <cell r="A31" t="str">
            <v>テーブル名</v>
          </cell>
          <cell r="B31" t="str">
            <v>CT帳票名</v>
          </cell>
          <cell r="C31" t="str">
            <v>CTメッセージ</v>
          </cell>
          <cell r="D31" t="str">
            <v>varchar</v>
          </cell>
          <cell r="E31">
            <v>50</v>
          </cell>
        </row>
        <row r="32">
          <cell r="A32" t="str">
            <v>パスワード</v>
          </cell>
          <cell r="B32" t="str">
            <v>CTユーザ情報</v>
          </cell>
          <cell r="C32" t="str">
            <v>CTユーザ会社名</v>
          </cell>
          <cell r="D32" t="str">
            <v>varchar</v>
          </cell>
          <cell r="E32">
            <v>10</v>
          </cell>
        </row>
        <row r="33">
          <cell r="A33" t="str">
            <v>表示位置</v>
          </cell>
          <cell r="B33" t="str">
            <v>CT帳票文言</v>
          </cell>
          <cell r="C33" t="str">
            <v>CTユーザ会社名</v>
          </cell>
          <cell r="D33" t="str">
            <v>varchar</v>
          </cell>
          <cell r="E33">
            <v>50</v>
          </cell>
        </row>
        <row r="34">
          <cell r="A34" t="str">
            <v>ファイル名</v>
          </cell>
          <cell r="B34" t="str">
            <v>CT出金FD</v>
          </cell>
          <cell r="C34" t="str">
            <v>CTユーザ会社名</v>
          </cell>
          <cell r="D34" t="str">
            <v>varchar</v>
          </cell>
          <cell r="E34">
            <v>255</v>
          </cell>
        </row>
        <row r="35">
          <cell r="A35" t="str">
            <v>マル優年齢</v>
          </cell>
          <cell r="B35" t="str">
            <v>CTユーザ会社名</v>
          </cell>
          <cell r="C35" t="str">
            <v>CTユーザ会社名</v>
          </cell>
          <cell r="D35" t="str">
            <v>int</v>
          </cell>
        </row>
        <row r="36">
          <cell r="A36" t="str">
            <v>メッセージ</v>
          </cell>
          <cell r="B36" t="str">
            <v>CTメッセージ</v>
          </cell>
          <cell r="C36" t="str">
            <v>CTユーザ会社名</v>
          </cell>
          <cell r="D36" t="str">
            <v>varchar</v>
          </cell>
          <cell r="E36">
            <v>255</v>
          </cell>
        </row>
        <row r="37">
          <cell r="A37" t="str">
            <v>メッセージコード</v>
          </cell>
          <cell r="B37" t="str">
            <v>CTメッセージ</v>
          </cell>
          <cell r="C37" t="str">
            <v>CTユーザ会社名</v>
          </cell>
          <cell r="D37" t="str">
            <v>varchar</v>
          </cell>
          <cell r="E37">
            <v>2</v>
          </cell>
        </row>
        <row r="38">
          <cell r="A38" t="str">
            <v>文言</v>
          </cell>
          <cell r="B38" t="str">
            <v>CT帳票文言</v>
          </cell>
          <cell r="C38" t="str">
            <v>CTユーザ会社名</v>
          </cell>
          <cell r="D38" t="str">
            <v>varchar</v>
          </cell>
          <cell r="E38">
            <v>255</v>
          </cell>
        </row>
        <row r="39">
          <cell r="A39" t="str">
            <v>ユーザID</v>
          </cell>
          <cell r="B39" t="str">
            <v>CTユーザ情報</v>
          </cell>
          <cell r="C39" t="str">
            <v>CTユーザ会社名</v>
          </cell>
          <cell r="D39" t="str">
            <v>varchar</v>
          </cell>
          <cell r="E39">
            <v>2</v>
          </cell>
        </row>
        <row r="40">
          <cell r="A40" t="str">
            <v>ユーザ権限</v>
          </cell>
          <cell r="B40" t="str">
            <v>CTユーザ情報</v>
          </cell>
          <cell r="C40" t="str">
            <v>CTユーザ会社名</v>
          </cell>
          <cell r="D40" t="str">
            <v>varchar</v>
          </cell>
          <cell r="E40">
            <v>20</v>
          </cell>
        </row>
        <row r="41">
          <cell r="A41" t="str">
            <v>ユーザ名</v>
          </cell>
          <cell r="B41" t="str">
            <v>CTユーザ会社名</v>
          </cell>
          <cell r="C41" t="str">
            <v>CTユーザ会社名</v>
          </cell>
          <cell r="D41" t="str">
            <v>varchar</v>
          </cell>
          <cell r="E41">
            <v>4</v>
          </cell>
        </row>
        <row r="42">
          <cell r="A42" t="str">
            <v>ユーザ名</v>
          </cell>
          <cell r="B42" t="str">
            <v>CTユーザ情報</v>
          </cell>
          <cell r="C42" t="str">
            <v>CTユーザ会社名</v>
          </cell>
          <cell r="D42" t="str">
            <v>varchar</v>
          </cell>
          <cell r="E42">
            <v>50</v>
          </cell>
        </row>
        <row r="43">
          <cell r="A43" t="str">
            <v>リアル処理実行中フラグ</v>
          </cell>
          <cell r="B43" t="str">
            <v>CTシステムステイタス</v>
          </cell>
          <cell r="C43" t="str">
            <v>CTユーザ会社名</v>
          </cell>
          <cell r="D43" t="str">
            <v>varchar</v>
          </cell>
          <cell r="E43">
            <v>13</v>
          </cell>
        </row>
        <row r="44">
          <cell r="A44" t="str">
            <v>リアル処理終了フラグ</v>
          </cell>
          <cell r="B44" t="str">
            <v>CTシステムステイタス</v>
          </cell>
          <cell r="C44" t="str">
            <v>CTユーザ会社名</v>
          </cell>
          <cell r="D44" t="str">
            <v>varchar</v>
          </cell>
          <cell r="E44">
            <v>13</v>
          </cell>
        </row>
        <row r="45">
          <cell r="A45" t="str">
            <v>リスク分類コード</v>
          </cell>
          <cell r="B45" t="str">
            <v>CTリスク分類</v>
          </cell>
          <cell r="C45" t="str">
            <v>CTユーザ会社名</v>
          </cell>
          <cell r="D45" t="str">
            <v>varchar</v>
          </cell>
          <cell r="E45">
            <v>12</v>
          </cell>
        </row>
        <row r="46">
          <cell r="A46" t="str">
            <v>レポート名</v>
          </cell>
          <cell r="B46" t="str">
            <v>CT帳票名</v>
          </cell>
          <cell r="C46" t="str">
            <v>CTユーザ会社名</v>
          </cell>
          <cell r="D46" t="str">
            <v>varchar</v>
          </cell>
          <cell r="E46">
            <v>50</v>
          </cell>
        </row>
        <row r="47">
          <cell r="A47" t="str">
            <v>ログインフラグ</v>
          </cell>
          <cell r="B47" t="str">
            <v>CTユーザ情報</v>
          </cell>
          <cell r="C47" t="str">
            <v>CTユーザ会社名</v>
          </cell>
          <cell r="D47" t="str">
            <v>bit</v>
          </cell>
        </row>
        <row r="48">
          <cell r="A48" t="str">
            <v>案内指定区分コード</v>
          </cell>
          <cell r="B48" t="str">
            <v>CT案内指定区分</v>
          </cell>
          <cell r="C48" t="str">
            <v>CTユーザ会社名</v>
          </cell>
          <cell r="D48" t="str">
            <v>varchar</v>
          </cell>
          <cell r="E48">
            <v>12</v>
          </cell>
        </row>
        <row r="49">
          <cell r="A49" t="str">
            <v>為替レート登録区分</v>
          </cell>
          <cell r="B49" t="str">
            <v>CTユーザ会社名</v>
          </cell>
          <cell r="C49" t="str">
            <v>CTユーザ会社名</v>
          </cell>
          <cell r="D49" t="str">
            <v>varchar</v>
          </cell>
          <cell r="E49">
            <v>2</v>
          </cell>
        </row>
        <row r="50">
          <cell r="A50" t="str">
            <v>移管方法</v>
          </cell>
          <cell r="B50" t="str">
            <v>CT移管</v>
          </cell>
          <cell r="C50" t="str">
            <v>CTユーザ会社名</v>
          </cell>
          <cell r="D50" t="str">
            <v>varchar</v>
          </cell>
          <cell r="E50">
            <v>32</v>
          </cell>
        </row>
        <row r="51">
          <cell r="A51" t="str">
            <v>印刷開始頁</v>
          </cell>
          <cell r="B51" t="str">
            <v>CT帳票名</v>
          </cell>
          <cell r="C51" t="str">
            <v>CTユーザ会社名</v>
          </cell>
          <cell r="D51" t="str">
            <v>int</v>
          </cell>
          <cell r="E51">
            <v>32</v>
          </cell>
        </row>
        <row r="52">
          <cell r="A52" t="str">
            <v>印刷区分</v>
          </cell>
          <cell r="B52" t="str">
            <v>CT帳票名</v>
          </cell>
          <cell r="C52" t="str">
            <v>CTユーザ会社名</v>
          </cell>
          <cell r="D52" t="str">
            <v>bit</v>
          </cell>
        </row>
        <row r="53">
          <cell r="A53" t="str">
            <v>印刷終了頁</v>
          </cell>
          <cell r="B53" t="str">
            <v>CT帳票名</v>
          </cell>
          <cell r="C53" t="str">
            <v>CTユーザ会社名</v>
          </cell>
          <cell r="D53" t="str">
            <v>int</v>
          </cell>
        </row>
        <row r="54">
          <cell r="A54" t="str">
            <v>科目コード</v>
          </cell>
          <cell r="B54" t="str">
            <v>CT科目</v>
          </cell>
          <cell r="C54" t="str">
            <v>CTユーザ会社名</v>
          </cell>
          <cell r="D54" t="str">
            <v>varchar</v>
          </cell>
          <cell r="E54">
            <v>20</v>
          </cell>
        </row>
        <row r="55">
          <cell r="A55" t="str">
            <v>開始年</v>
          </cell>
          <cell r="B55" t="str">
            <v>CT休日_月日指定</v>
          </cell>
          <cell r="C55" t="str">
            <v>CTユーザ会社名</v>
          </cell>
          <cell r="D55" t="str">
            <v>int</v>
          </cell>
        </row>
        <row r="56">
          <cell r="A56" t="str">
            <v>開始年</v>
          </cell>
          <cell r="B56" t="str">
            <v>CT休日_曜日指定</v>
          </cell>
          <cell r="C56" t="str">
            <v>CTユーザ情報</v>
          </cell>
          <cell r="D56" t="str">
            <v>int</v>
          </cell>
          <cell r="E56">
            <v>10</v>
          </cell>
        </row>
        <row r="57">
          <cell r="A57" t="str">
            <v>外貨MMFリアル処理</v>
          </cell>
          <cell r="B57" t="str">
            <v>CTユーザ会社名</v>
          </cell>
          <cell r="C57" t="str">
            <v>CTユーザ情報</v>
          </cell>
          <cell r="D57" t="str">
            <v>varchar</v>
          </cell>
          <cell r="E57">
            <v>2</v>
          </cell>
        </row>
        <row r="58">
          <cell r="A58" t="str">
            <v>外貨MMF買戻し対象</v>
          </cell>
          <cell r="B58" t="str">
            <v>CTユーザ会社名</v>
          </cell>
          <cell r="C58" t="str">
            <v>CTユーザ情報</v>
          </cell>
          <cell r="D58" t="str">
            <v>varchar</v>
          </cell>
          <cell r="E58">
            <v>2</v>
          </cell>
        </row>
        <row r="59">
          <cell r="A59" t="str">
            <v>外貨MMF分配金計算</v>
          </cell>
          <cell r="B59" t="str">
            <v>CTユーザ会社名</v>
          </cell>
          <cell r="C59" t="str">
            <v>CTユーザ情報</v>
          </cell>
          <cell r="D59" t="str">
            <v>varchar</v>
          </cell>
          <cell r="E59">
            <v>2</v>
          </cell>
        </row>
        <row r="60">
          <cell r="A60" t="str">
            <v>確認書類区分コード</v>
          </cell>
          <cell r="B60" t="str">
            <v>CT本人確認書類</v>
          </cell>
          <cell r="C60" t="str">
            <v>CTユーザ情報</v>
          </cell>
          <cell r="D60" t="str">
            <v>bit</v>
          </cell>
          <cell r="E60">
            <v>2</v>
          </cell>
        </row>
        <row r="61">
          <cell r="A61" t="str">
            <v>休日区分</v>
          </cell>
          <cell r="B61" t="str">
            <v>CT休日区分</v>
          </cell>
          <cell r="C61" t="str">
            <v>CTユーザ情報</v>
          </cell>
          <cell r="D61" t="str">
            <v>varchar</v>
          </cell>
          <cell r="E61">
            <v>3</v>
          </cell>
        </row>
        <row r="62">
          <cell r="A62" t="str">
            <v>休日区分</v>
          </cell>
          <cell r="B62" t="str">
            <v>CT休日_月日指定</v>
          </cell>
          <cell r="C62" t="str">
            <v>CTユーザ情報</v>
          </cell>
          <cell r="D62" t="str">
            <v>int</v>
          </cell>
          <cell r="E62">
            <v>50</v>
          </cell>
        </row>
        <row r="63">
          <cell r="A63" t="str">
            <v>休日再投資実行中フラグ</v>
          </cell>
          <cell r="B63" t="str">
            <v>CTシステムステイタス</v>
          </cell>
          <cell r="C63" t="str">
            <v>CTリスク分類</v>
          </cell>
          <cell r="D63" t="str">
            <v>bit</v>
          </cell>
          <cell r="E63">
            <v>2</v>
          </cell>
        </row>
        <row r="64">
          <cell r="A64" t="str">
            <v>局番桁数</v>
          </cell>
          <cell r="B64" t="str">
            <v>CT受託銀行</v>
          </cell>
          <cell r="C64" t="str">
            <v>CTリスク分類</v>
          </cell>
          <cell r="D64" t="str">
            <v>int</v>
          </cell>
          <cell r="E64">
            <v>50</v>
          </cell>
        </row>
        <row r="65">
          <cell r="A65" t="str">
            <v>局番桁数2</v>
          </cell>
          <cell r="B65" t="str">
            <v>CT受託銀行</v>
          </cell>
          <cell r="C65" t="str">
            <v>CT案内指定区分</v>
          </cell>
          <cell r="D65" t="str">
            <v>int</v>
          </cell>
          <cell r="E65">
            <v>2</v>
          </cell>
        </row>
        <row r="66">
          <cell r="A66" t="str">
            <v>銀行コード</v>
          </cell>
          <cell r="B66" t="str">
            <v>CT受託銀行</v>
          </cell>
          <cell r="C66" t="str">
            <v>CT案内指定区分</v>
          </cell>
          <cell r="D66" t="str">
            <v>varchar</v>
          </cell>
          <cell r="E66">
            <v>50</v>
          </cell>
        </row>
        <row r="67">
          <cell r="A67" t="str">
            <v>銀行名</v>
          </cell>
          <cell r="B67" t="str">
            <v>CT受託銀行</v>
          </cell>
          <cell r="C67" t="str">
            <v>CT移管</v>
          </cell>
          <cell r="D67" t="str">
            <v>varchar</v>
          </cell>
          <cell r="E67">
            <v>50</v>
          </cell>
        </row>
        <row r="68">
          <cell r="A68" t="str">
            <v>決済科目コード</v>
          </cell>
          <cell r="B68" t="str">
            <v>CT受託銀行</v>
          </cell>
          <cell r="C68" t="str">
            <v>CT移管</v>
          </cell>
          <cell r="D68" t="str">
            <v>varchar</v>
          </cell>
          <cell r="E68">
            <v>2</v>
          </cell>
        </row>
        <row r="69">
          <cell r="A69" t="str">
            <v>決済科目コード</v>
          </cell>
          <cell r="B69" t="str">
            <v>CT投信会社</v>
          </cell>
          <cell r="C69" t="str">
            <v>CT科目</v>
          </cell>
          <cell r="D69" t="str">
            <v>varchar</v>
          </cell>
          <cell r="E69">
            <v>2</v>
          </cell>
        </row>
        <row r="70">
          <cell r="A70" t="str">
            <v>決済銀行コード</v>
          </cell>
          <cell r="B70" t="str">
            <v>CT決済銀行</v>
          </cell>
          <cell r="C70" t="str">
            <v>CT科目</v>
          </cell>
          <cell r="D70" t="str">
            <v>varchar</v>
          </cell>
          <cell r="E70">
            <v>4</v>
          </cell>
        </row>
        <row r="71">
          <cell r="A71" t="str">
            <v>決済銀行コード</v>
          </cell>
          <cell r="B71" t="str">
            <v>CT決済銀行支店</v>
          </cell>
          <cell r="C71" t="str">
            <v>CT科目</v>
          </cell>
          <cell r="D71" t="str">
            <v>varchar</v>
          </cell>
          <cell r="E71">
            <v>10</v>
          </cell>
        </row>
        <row r="72">
          <cell r="A72" t="str">
            <v>決済銀行コード</v>
          </cell>
          <cell r="B72" t="str">
            <v>CT受託銀行</v>
          </cell>
          <cell r="C72" t="str">
            <v>CT休日_月日指定</v>
          </cell>
          <cell r="D72" t="str">
            <v>varchar</v>
          </cell>
          <cell r="E72">
            <v>4</v>
          </cell>
        </row>
        <row r="73">
          <cell r="A73" t="str">
            <v>決済銀行コード</v>
          </cell>
          <cell r="B73" t="str">
            <v>CT投信会社</v>
          </cell>
          <cell r="C73" t="str">
            <v>CT休日_月日指定</v>
          </cell>
          <cell r="D73" t="str">
            <v>varchar</v>
          </cell>
          <cell r="E73">
            <v>4</v>
          </cell>
        </row>
        <row r="74">
          <cell r="A74" t="str">
            <v>決済銀行支店コード</v>
          </cell>
          <cell r="B74" t="str">
            <v>CT決済銀行支店</v>
          </cell>
          <cell r="C74" t="str">
            <v>CT休日_月日指定</v>
          </cell>
          <cell r="D74" t="str">
            <v>int</v>
          </cell>
          <cell r="E74">
            <v>4</v>
          </cell>
        </row>
        <row r="75">
          <cell r="A75" t="str">
            <v>決済銀行支店名</v>
          </cell>
          <cell r="B75" t="str">
            <v>CT決済銀行支店</v>
          </cell>
          <cell r="C75" t="str">
            <v>CT休日_月日指定</v>
          </cell>
          <cell r="D75" t="str">
            <v>varchar</v>
          </cell>
          <cell r="E75">
            <v>50</v>
          </cell>
        </row>
        <row r="76">
          <cell r="A76" t="str">
            <v>決済銀行名</v>
          </cell>
          <cell r="B76" t="str">
            <v>CT決済銀行</v>
          </cell>
          <cell r="C76" t="str">
            <v>CT休日_月日指定</v>
          </cell>
          <cell r="D76" t="str">
            <v>varchar</v>
          </cell>
          <cell r="E76">
            <v>50</v>
          </cell>
        </row>
        <row r="77">
          <cell r="A77" t="str">
            <v>決済口座番号</v>
          </cell>
          <cell r="B77" t="str">
            <v>CT受託銀行</v>
          </cell>
          <cell r="C77" t="str">
            <v>CT休日_月日指定</v>
          </cell>
          <cell r="D77" t="str">
            <v>varchar</v>
          </cell>
          <cell r="E77">
            <v>10</v>
          </cell>
        </row>
        <row r="78">
          <cell r="A78" t="str">
            <v>決済口座番号</v>
          </cell>
          <cell r="B78" t="str">
            <v>CT投信会社</v>
          </cell>
          <cell r="C78" t="str">
            <v>CT休日_春分秋分</v>
          </cell>
          <cell r="D78" t="str">
            <v>varchar</v>
          </cell>
          <cell r="E78">
            <v>10</v>
          </cell>
        </row>
        <row r="79">
          <cell r="A79" t="str">
            <v>決済支店コード</v>
          </cell>
          <cell r="B79" t="str">
            <v>CT受託銀行</v>
          </cell>
          <cell r="C79" t="str">
            <v>CT休日_春分秋分</v>
          </cell>
          <cell r="D79" t="str">
            <v>varchar</v>
          </cell>
          <cell r="E79">
            <v>3</v>
          </cell>
        </row>
        <row r="80">
          <cell r="A80" t="str">
            <v>決済支店コード</v>
          </cell>
          <cell r="B80" t="str">
            <v>CT投信会社</v>
          </cell>
          <cell r="C80" t="str">
            <v>CT休日_曜日指定</v>
          </cell>
          <cell r="D80" t="str">
            <v>varchar</v>
          </cell>
          <cell r="E80">
            <v>3</v>
          </cell>
        </row>
        <row r="81">
          <cell r="A81" t="str">
            <v>月</v>
          </cell>
          <cell r="B81" t="str">
            <v>CT休日_月日指定</v>
          </cell>
          <cell r="C81" t="str">
            <v>○</v>
          </cell>
          <cell r="D81" t="str">
            <v>int</v>
          </cell>
        </row>
        <row r="82">
          <cell r="A82" t="str">
            <v>月</v>
          </cell>
          <cell r="B82" t="str">
            <v>CT休日_曜日指定</v>
          </cell>
          <cell r="C82" t="str">
            <v>○</v>
          </cell>
          <cell r="D82" t="str">
            <v>int</v>
          </cell>
        </row>
        <row r="83">
          <cell r="A83" t="str">
            <v>肩書区分コード</v>
          </cell>
          <cell r="B83" t="str">
            <v>CT肩書区分</v>
          </cell>
          <cell r="C83" t="str">
            <v>CT休日_曜日指定</v>
          </cell>
          <cell r="D83" t="str">
            <v>int</v>
          </cell>
          <cell r="E83">
            <v>2</v>
          </cell>
        </row>
        <row r="84">
          <cell r="A84" t="str">
            <v>呼称_科目</v>
          </cell>
          <cell r="B84" t="str">
            <v>CTユーザ会社名</v>
          </cell>
          <cell r="C84" t="str">
            <v>CT休日_曜日指定</v>
          </cell>
          <cell r="D84" t="str">
            <v>varchar</v>
          </cell>
          <cell r="E84">
            <v>4</v>
          </cell>
        </row>
        <row r="85">
          <cell r="A85" t="str">
            <v>呼称_口座番号</v>
          </cell>
          <cell r="B85" t="str">
            <v>CTユーザ会社名</v>
          </cell>
          <cell r="C85" t="str">
            <v>CT休日_曜日指定</v>
          </cell>
          <cell r="D85" t="str">
            <v>varchar</v>
          </cell>
          <cell r="E85">
            <v>8</v>
          </cell>
        </row>
        <row r="86">
          <cell r="A86" t="str">
            <v>呼称_支店</v>
          </cell>
          <cell r="B86" t="str">
            <v>CTユーザ会社名</v>
          </cell>
          <cell r="C86" t="str">
            <v>CT休日区分</v>
          </cell>
          <cell r="D86" t="str">
            <v>varchar</v>
          </cell>
          <cell r="E86">
            <v>8</v>
          </cell>
        </row>
        <row r="87">
          <cell r="A87" t="str">
            <v>顧客コード体系</v>
          </cell>
          <cell r="B87" t="str">
            <v>CTユーザ会社名</v>
          </cell>
          <cell r="C87" t="str">
            <v>CT休日区分</v>
          </cell>
          <cell r="D87" t="str">
            <v>varchar</v>
          </cell>
          <cell r="E87">
            <v>2</v>
          </cell>
        </row>
        <row r="88">
          <cell r="A88" t="str">
            <v>公社債_株式</v>
          </cell>
          <cell r="B88" t="str">
            <v>CT有価証券取引税</v>
          </cell>
          <cell r="C88" t="str">
            <v>CT休日区分</v>
          </cell>
          <cell r="D88" t="str">
            <v>varchar</v>
          </cell>
          <cell r="E88">
            <v>20</v>
          </cell>
        </row>
        <row r="89">
          <cell r="A89" t="str">
            <v>口座ステイタス区分コード</v>
          </cell>
          <cell r="B89" t="str">
            <v>CT口座ステイタス</v>
          </cell>
          <cell r="C89" t="str">
            <v>○</v>
          </cell>
          <cell r="D89" t="str">
            <v>varchar</v>
          </cell>
          <cell r="E89">
            <v>2</v>
          </cell>
        </row>
        <row r="90">
          <cell r="A90" t="str">
            <v>更新年月日</v>
          </cell>
          <cell r="B90" t="str">
            <v>CTテーブル更新情報</v>
          </cell>
          <cell r="C90" t="str">
            <v>CT決済銀行</v>
          </cell>
          <cell r="D90" t="str">
            <v>datetime</v>
          </cell>
          <cell r="E90">
            <v>15</v>
          </cell>
        </row>
        <row r="91">
          <cell r="A91" t="str">
            <v>項番</v>
          </cell>
          <cell r="B91" t="str">
            <v>CT出金FD</v>
          </cell>
          <cell r="C91" t="str">
            <v>CT決済銀行</v>
          </cell>
          <cell r="D91" t="str">
            <v>varchar</v>
          </cell>
          <cell r="E91">
            <v>50</v>
          </cell>
        </row>
        <row r="92">
          <cell r="A92" t="str">
            <v>項番</v>
          </cell>
          <cell r="B92" t="str">
            <v>CT帳面文言</v>
          </cell>
          <cell r="C92" t="str">
            <v>○</v>
          </cell>
          <cell r="D92" t="str">
            <v>int</v>
          </cell>
          <cell r="E92">
            <v>4</v>
          </cell>
        </row>
        <row r="93">
          <cell r="A93" t="str">
            <v>使用システム</v>
          </cell>
          <cell r="B93" t="str">
            <v>CTユーザ会社名</v>
          </cell>
          <cell r="C93" t="str">
            <v>CT決済銀行支店</v>
          </cell>
          <cell r="D93" t="str">
            <v>varchar</v>
          </cell>
          <cell r="E93">
            <v>12</v>
          </cell>
        </row>
        <row r="94">
          <cell r="A94" t="str">
            <v>市外局番桁数</v>
          </cell>
          <cell r="B94" t="str">
            <v>CT受託銀行</v>
          </cell>
          <cell r="C94" t="str">
            <v>CT決済銀行支店</v>
          </cell>
          <cell r="D94" t="str">
            <v>int</v>
          </cell>
          <cell r="E94">
            <v>15</v>
          </cell>
        </row>
        <row r="95">
          <cell r="A95" t="str">
            <v>市外局番桁数2</v>
          </cell>
          <cell r="B95" t="str">
            <v>CT受託銀行</v>
          </cell>
          <cell r="C95" t="str">
            <v>CT決済銀行支店</v>
          </cell>
          <cell r="D95" t="str">
            <v>int</v>
          </cell>
          <cell r="E95">
            <v>50</v>
          </cell>
        </row>
        <row r="96">
          <cell r="A96" t="str">
            <v>市区町村コード</v>
          </cell>
          <cell r="B96" t="str">
            <v>CT市区町村</v>
          </cell>
          <cell r="C96" t="str">
            <v>○</v>
          </cell>
          <cell r="D96" t="str">
            <v>varchar</v>
          </cell>
          <cell r="E96">
            <v>3</v>
          </cell>
        </row>
        <row r="97">
          <cell r="A97" t="str">
            <v>市区町村コード</v>
          </cell>
          <cell r="B97" t="str">
            <v>CT支店</v>
          </cell>
          <cell r="C97" t="str">
            <v>CT肩書区分</v>
          </cell>
          <cell r="D97" t="str">
            <v>varchar</v>
          </cell>
          <cell r="E97">
            <v>3</v>
          </cell>
        </row>
        <row r="98">
          <cell r="A98" t="str">
            <v>市区町村名</v>
          </cell>
          <cell r="B98" t="str">
            <v>CT市区町村</v>
          </cell>
          <cell r="C98" t="str">
            <v>CT口座ステイタス</v>
          </cell>
          <cell r="D98" t="str">
            <v>varchar</v>
          </cell>
          <cell r="E98">
            <v>50</v>
          </cell>
        </row>
        <row r="99">
          <cell r="A99" t="str">
            <v>市区町村名</v>
          </cell>
          <cell r="B99" t="str">
            <v>CT郵便番号</v>
          </cell>
          <cell r="C99" t="str">
            <v>CT口座ステイタス</v>
          </cell>
          <cell r="D99" t="str">
            <v>varchar</v>
          </cell>
          <cell r="E99">
            <v>50</v>
          </cell>
        </row>
        <row r="100">
          <cell r="A100" t="str">
            <v>支店コード</v>
          </cell>
          <cell r="B100" t="str">
            <v>CT支店</v>
          </cell>
          <cell r="C100" t="str">
            <v>○</v>
          </cell>
          <cell r="D100" t="str">
            <v>varchar</v>
          </cell>
          <cell r="E100">
            <v>3</v>
          </cell>
        </row>
        <row r="101">
          <cell r="A101" t="str">
            <v>支店出力</v>
          </cell>
          <cell r="B101" t="str">
            <v>CT帳票名</v>
          </cell>
          <cell r="C101" t="str">
            <v>CT市区町村</v>
          </cell>
          <cell r="D101" t="str">
            <v>bit</v>
          </cell>
          <cell r="E101">
            <v>2</v>
          </cell>
        </row>
        <row r="102">
          <cell r="A102" t="str">
            <v>支店名</v>
          </cell>
          <cell r="B102" t="str">
            <v>CT支店</v>
          </cell>
          <cell r="C102" t="str">
            <v>CT市区町村</v>
          </cell>
          <cell r="D102" t="str">
            <v>varchar</v>
          </cell>
          <cell r="E102">
            <v>50</v>
          </cell>
        </row>
        <row r="103">
          <cell r="A103" t="str">
            <v>資金性格区分コード</v>
          </cell>
          <cell r="B103" t="str">
            <v>CT資金性格</v>
          </cell>
          <cell r="C103" t="str">
            <v>○</v>
          </cell>
          <cell r="D103" t="str">
            <v>varchar</v>
          </cell>
          <cell r="E103">
            <v>2</v>
          </cell>
        </row>
        <row r="104">
          <cell r="A104" t="str">
            <v>社印表示</v>
          </cell>
          <cell r="B104" t="str">
            <v>CTユーザ会社名</v>
          </cell>
          <cell r="C104" t="str">
            <v>CT支店</v>
          </cell>
          <cell r="D104" t="str">
            <v>bit</v>
          </cell>
          <cell r="E104">
            <v>20</v>
          </cell>
        </row>
        <row r="105">
          <cell r="A105" t="str">
            <v>社名表示</v>
          </cell>
          <cell r="B105" t="str">
            <v>CTユーザ会社名</v>
          </cell>
          <cell r="C105" t="str">
            <v>CT支店</v>
          </cell>
          <cell r="D105" t="str">
            <v>bit</v>
          </cell>
          <cell r="E105">
            <v>3</v>
          </cell>
        </row>
        <row r="106">
          <cell r="A106" t="str">
            <v>取扱店コード</v>
          </cell>
          <cell r="B106" t="str">
            <v>CTユーザ情報</v>
          </cell>
          <cell r="C106" t="str">
            <v>CT支店</v>
          </cell>
          <cell r="D106" t="str">
            <v>varchar</v>
          </cell>
          <cell r="E106">
            <v>3</v>
          </cell>
        </row>
        <row r="107">
          <cell r="A107" t="str">
            <v>取引動機区分コード</v>
          </cell>
          <cell r="B107" t="str">
            <v>CT取引動機</v>
          </cell>
          <cell r="C107" t="str">
            <v>CT支店</v>
          </cell>
          <cell r="D107" t="str">
            <v>varchar</v>
          </cell>
          <cell r="E107">
            <v>12</v>
          </cell>
        </row>
        <row r="108">
          <cell r="A108" t="str">
            <v>取引方式区分コード</v>
          </cell>
          <cell r="B108" t="str">
            <v>CT取引方式区分</v>
          </cell>
          <cell r="C108" t="str">
            <v>CT支店</v>
          </cell>
          <cell r="D108" t="str">
            <v>varchar</v>
          </cell>
          <cell r="E108">
            <v>32</v>
          </cell>
        </row>
        <row r="109">
          <cell r="A109" t="str">
            <v>終了年</v>
          </cell>
          <cell r="B109" t="str">
            <v>CT休日_月日指定</v>
          </cell>
          <cell r="C109" t="str">
            <v>CT支店</v>
          </cell>
          <cell r="D109" t="str">
            <v>int</v>
          </cell>
          <cell r="E109">
            <v>32</v>
          </cell>
        </row>
        <row r="110">
          <cell r="A110" t="str">
            <v>終了年</v>
          </cell>
          <cell r="B110" t="str">
            <v>CT休日_曜日指定</v>
          </cell>
          <cell r="C110" t="str">
            <v>CT支店</v>
          </cell>
          <cell r="D110" t="str">
            <v>int</v>
          </cell>
          <cell r="E110">
            <v>80</v>
          </cell>
        </row>
        <row r="111">
          <cell r="A111" t="str">
            <v>週</v>
          </cell>
          <cell r="B111" t="str">
            <v>CT休日_曜日指定</v>
          </cell>
          <cell r="C111" t="str">
            <v>CT支店</v>
          </cell>
          <cell r="D111" t="str">
            <v>varchar</v>
          </cell>
          <cell r="E111">
            <v>20</v>
          </cell>
        </row>
        <row r="112">
          <cell r="A112" t="str">
            <v>住所1</v>
          </cell>
          <cell r="B112" t="str">
            <v>CTユーザ会社名</v>
          </cell>
          <cell r="C112" t="str">
            <v>CT支店</v>
          </cell>
          <cell r="D112" t="str">
            <v>varchar</v>
          </cell>
          <cell r="E112">
            <v>12</v>
          </cell>
        </row>
        <row r="113">
          <cell r="A113" t="str">
            <v>住所1</v>
          </cell>
          <cell r="B113" t="str">
            <v>CT支店</v>
          </cell>
          <cell r="C113" t="str">
            <v>CT支店</v>
          </cell>
          <cell r="D113" t="str">
            <v>varchar</v>
          </cell>
          <cell r="E113">
            <v>12</v>
          </cell>
        </row>
        <row r="114">
          <cell r="A114" t="str">
            <v>住所1</v>
          </cell>
          <cell r="B114" t="str">
            <v>CT住所</v>
          </cell>
          <cell r="C114" t="str">
            <v>CT支店</v>
          </cell>
          <cell r="D114" t="str">
            <v>varchar</v>
          </cell>
          <cell r="E114">
            <v>12</v>
          </cell>
        </row>
        <row r="115">
          <cell r="A115" t="str">
            <v>住所2</v>
          </cell>
          <cell r="B115" t="str">
            <v>CTユーザ会社名</v>
          </cell>
          <cell r="C115" t="str">
            <v>CT資金性格</v>
          </cell>
          <cell r="D115" t="str">
            <v>varchar</v>
          </cell>
          <cell r="E115">
            <v>32</v>
          </cell>
        </row>
        <row r="116">
          <cell r="A116" t="str">
            <v>住所2</v>
          </cell>
          <cell r="B116" t="str">
            <v>CT支店</v>
          </cell>
          <cell r="C116" t="str">
            <v>CT資金性格</v>
          </cell>
          <cell r="D116" t="str">
            <v>varchar</v>
          </cell>
          <cell r="E116">
            <v>32</v>
          </cell>
        </row>
        <row r="117">
          <cell r="A117" t="str">
            <v>住所2</v>
          </cell>
          <cell r="B117" t="str">
            <v>CT住所</v>
          </cell>
          <cell r="C117" t="str">
            <v>CT取引動機</v>
          </cell>
          <cell r="D117" t="str">
            <v>varchar</v>
          </cell>
          <cell r="E117">
            <v>32</v>
          </cell>
        </row>
        <row r="118">
          <cell r="A118" t="str">
            <v>住所3</v>
          </cell>
          <cell r="B118" t="str">
            <v>CTユーザ会社名</v>
          </cell>
          <cell r="C118" t="str">
            <v>CT取引動機</v>
          </cell>
          <cell r="D118" t="str">
            <v>varchar</v>
          </cell>
          <cell r="E118">
            <v>32</v>
          </cell>
        </row>
        <row r="119">
          <cell r="A119" t="str">
            <v>住所3</v>
          </cell>
          <cell r="B119" t="str">
            <v>CT支店</v>
          </cell>
          <cell r="C119" t="str">
            <v>CT取引方式区分</v>
          </cell>
          <cell r="D119" t="str">
            <v>varchar</v>
          </cell>
          <cell r="E119">
            <v>32</v>
          </cell>
        </row>
        <row r="120">
          <cell r="A120" t="str">
            <v>住所3</v>
          </cell>
          <cell r="B120" t="str">
            <v>CT住所</v>
          </cell>
          <cell r="C120" t="str">
            <v>CT取引方式区分</v>
          </cell>
          <cell r="D120" t="str">
            <v>varchar</v>
          </cell>
          <cell r="E120">
            <v>32</v>
          </cell>
        </row>
        <row r="121">
          <cell r="A121" t="str">
            <v>住所4</v>
          </cell>
          <cell r="B121" t="str">
            <v>CTユーザ会社名</v>
          </cell>
          <cell r="C121" t="str">
            <v>CT受託銀行</v>
          </cell>
          <cell r="D121" t="str">
            <v>varchar</v>
          </cell>
          <cell r="E121">
            <v>32</v>
          </cell>
        </row>
        <row r="122">
          <cell r="A122" t="str">
            <v>住所4</v>
          </cell>
          <cell r="B122" t="str">
            <v>CT支店</v>
          </cell>
          <cell r="C122" t="str">
            <v>CT受託銀行</v>
          </cell>
          <cell r="D122" t="str">
            <v>varchar</v>
          </cell>
          <cell r="E122">
            <v>80</v>
          </cell>
        </row>
        <row r="123">
          <cell r="A123" t="str">
            <v>住所4</v>
          </cell>
          <cell r="B123" t="str">
            <v>CT住所</v>
          </cell>
          <cell r="C123" t="str">
            <v>CT受託銀行</v>
          </cell>
          <cell r="D123" t="str">
            <v>varchar</v>
          </cell>
          <cell r="E123">
            <v>80</v>
          </cell>
        </row>
        <row r="124">
          <cell r="A124" t="str">
            <v>住所コード</v>
          </cell>
          <cell r="B124" t="str">
            <v>CT住所</v>
          </cell>
          <cell r="C124" t="str">
            <v>CT受託銀行</v>
          </cell>
          <cell r="D124" t="str">
            <v>varchar</v>
          </cell>
          <cell r="E124">
            <v>20</v>
          </cell>
        </row>
        <row r="125">
          <cell r="A125" t="str">
            <v>住所コード</v>
          </cell>
          <cell r="B125" t="str">
            <v>CT支店</v>
          </cell>
          <cell r="C125" t="str">
            <v>CT受託銀行</v>
          </cell>
          <cell r="D125" t="str">
            <v>varchar</v>
          </cell>
          <cell r="E125">
            <v>20</v>
          </cell>
        </row>
        <row r="126">
          <cell r="A126" t="str">
            <v>出力フラグ</v>
          </cell>
          <cell r="B126" t="str">
            <v>CT出金FD</v>
          </cell>
          <cell r="C126" t="str">
            <v>CT受託銀行</v>
          </cell>
          <cell r="D126" t="str">
            <v>bit</v>
          </cell>
          <cell r="E126">
            <v>30</v>
          </cell>
        </row>
        <row r="127">
          <cell r="A127" t="str">
            <v>出力年月日</v>
          </cell>
          <cell r="B127" t="str">
            <v>CT出金FD</v>
          </cell>
          <cell r="C127" t="str">
            <v>CT受託銀行</v>
          </cell>
          <cell r="D127" t="str">
            <v>datetime</v>
          </cell>
        </row>
        <row r="128">
          <cell r="A128" t="str">
            <v>処理年月日</v>
          </cell>
          <cell r="B128" t="str">
            <v>CTシステムステイタス</v>
          </cell>
          <cell r="C128" t="str">
            <v>CT受託銀行</v>
          </cell>
          <cell r="D128" t="str">
            <v>int</v>
          </cell>
        </row>
        <row r="129">
          <cell r="A129" t="str">
            <v>所属</v>
          </cell>
          <cell r="B129" t="str">
            <v>CTユーザ情報</v>
          </cell>
          <cell r="C129" t="str">
            <v>CT受託銀行</v>
          </cell>
          <cell r="D129" t="str">
            <v>varchar</v>
          </cell>
          <cell r="E129">
            <v>50</v>
          </cell>
        </row>
        <row r="130">
          <cell r="A130" t="str">
            <v>所得税率</v>
          </cell>
          <cell r="B130" t="str">
            <v>CT税区分</v>
          </cell>
          <cell r="C130" t="str">
            <v>CT受託銀行</v>
          </cell>
          <cell r="D130" t="str">
            <v>money</v>
          </cell>
          <cell r="E130">
            <v>2</v>
          </cell>
        </row>
        <row r="131">
          <cell r="A131" t="str">
            <v>消費税率</v>
          </cell>
          <cell r="B131" t="str">
            <v>CT消費税率</v>
          </cell>
          <cell r="C131" t="str">
            <v>CT受託銀行</v>
          </cell>
          <cell r="D131" t="str">
            <v>money</v>
          </cell>
          <cell r="E131">
            <v>4</v>
          </cell>
        </row>
        <row r="132">
          <cell r="A132" t="str">
            <v>職業区分コード</v>
          </cell>
          <cell r="B132" t="str">
            <v>CT職業区分</v>
          </cell>
          <cell r="C132" t="str">
            <v>CT受託銀行</v>
          </cell>
          <cell r="D132" t="str">
            <v>varchar</v>
          </cell>
          <cell r="E132">
            <v>10</v>
          </cell>
        </row>
        <row r="133">
          <cell r="A133" t="str">
            <v>税区分コード</v>
          </cell>
          <cell r="B133" t="str">
            <v>CT税区分</v>
          </cell>
          <cell r="C133" t="str">
            <v>CT受託銀行</v>
          </cell>
          <cell r="D133" t="str">
            <v>varchar</v>
          </cell>
          <cell r="E133">
            <v>3</v>
          </cell>
        </row>
        <row r="134">
          <cell r="A134" t="str">
            <v>総限度額</v>
          </cell>
          <cell r="B134" t="str">
            <v>CTユーザ会社名</v>
          </cell>
          <cell r="C134" t="str">
            <v>CT受託銀行</v>
          </cell>
          <cell r="D134" t="str">
            <v>money</v>
          </cell>
        </row>
        <row r="135">
          <cell r="A135" t="str">
            <v>代行証券会社名</v>
          </cell>
          <cell r="B135" t="str">
            <v>CT代行証券会社</v>
          </cell>
          <cell r="C135" t="str">
            <v>CT受託銀行</v>
          </cell>
          <cell r="D135" t="str">
            <v>varchar</v>
          </cell>
          <cell r="E135">
            <v>50</v>
          </cell>
        </row>
        <row r="136">
          <cell r="A136" t="str">
            <v>地方税率</v>
          </cell>
          <cell r="B136" t="str">
            <v>CT税区分</v>
          </cell>
          <cell r="C136" t="str">
            <v>CT受託銀行</v>
          </cell>
          <cell r="D136" t="str">
            <v>money</v>
          </cell>
          <cell r="E136">
            <v>20</v>
          </cell>
        </row>
        <row r="137">
          <cell r="A137" t="str">
            <v>抽出条件</v>
          </cell>
          <cell r="B137" t="str">
            <v>CT帳票名</v>
          </cell>
          <cell r="C137" t="str">
            <v>CT受託銀行</v>
          </cell>
          <cell r="D137" t="str">
            <v>varchar</v>
          </cell>
          <cell r="E137">
            <v>255</v>
          </cell>
        </row>
        <row r="138">
          <cell r="A138" t="str">
            <v>帳票キー</v>
          </cell>
          <cell r="B138" t="str">
            <v>CT帳面文言</v>
          </cell>
          <cell r="C138" t="str">
            <v>CT受託銀行</v>
          </cell>
          <cell r="D138" t="str">
            <v>varchar</v>
          </cell>
          <cell r="E138">
            <v>2</v>
          </cell>
        </row>
        <row r="139">
          <cell r="A139" t="str">
            <v>帳票管理番号</v>
          </cell>
          <cell r="B139" t="str">
            <v>CT帳票名</v>
          </cell>
          <cell r="C139" t="str">
            <v>CT受託銀行</v>
          </cell>
          <cell r="D139" t="str">
            <v>varchar</v>
          </cell>
          <cell r="E139">
            <v>20</v>
          </cell>
        </row>
        <row r="140">
          <cell r="A140" t="str">
            <v>帳票区分</v>
          </cell>
          <cell r="B140" t="str">
            <v>CT帳票名</v>
          </cell>
          <cell r="C140" t="str">
            <v>CT受託銀行</v>
          </cell>
          <cell r="D140" t="str">
            <v>int</v>
          </cell>
          <cell r="E140">
            <v>10</v>
          </cell>
        </row>
        <row r="141">
          <cell r="A141" t="str">
            <v>帳票項番</v>
          </cell>
          <cell r="B141" t="str">
            <v>CT帳票名</v>
          </cell>
          <cell r="C141" t="str">
            <v>CT受託銀行</v>
          </cell>
          <cell r="D141" t="str">
            <v>varchar</v>
          </cell>
          <cell r="E141">
            <v>255</v>
          </cell>
        </row>
        <row r="142">
          <cell r="A142" t="str">
            <v>帳票名</v>
          </cell>
          <cell r="B142" t="str">
            <v>CT帳面文言</v>
          </cell>
          <cell r="C142" t="str">
            <v>CT受託銀行</v>
          </cell>
          <cell r="D142" t="str">
            <v>varchar</v>
          </cell>
          <cell r="E142">
            <v>50</v>
          </cell>
        </row>
        <row r="143">
          <cell r="A143" t="str">
            <v>帳票名</v>
          </cell>
          <cell r="B143" t="str">
            <v>CT帳票名</v>
          </cell>
          <cell r="C143" t="str">
            <v>CT受託銀行</v>
          </cell>
          <cell r="D143" t="str">
            <v>varchar</v>
          </cell>
          <cell r="E143">
            <v>50</v>
          </cell>
        </row>
        <row r="144">
          <cell r="A144" t="str">
            <v>帳面文言</v>
          </cell>
          <cell r="B144" t="str">
            <v>CT科目</v>
          </cell>
          <cell r="C144" t="str">
            <v>CT住所</v>
          </cell>
          <cell r="D144" t="str">
            <v>varchar</v>
          </cell>
          <cell r="E144">
            <v>4</v>
          </cell>
        </row>
        <row r="145">
          <cell r="A145" t="str">
            <v>町域名</v>
          </cell>
          <cell r="B145" t="str">
            <v>CT郵便番号</v>
          </cell>
          <cell r="C145" t="str">
            <v>CT住所</v>
          </cell>
          <cell r="D145" t="str">
            <v>varchar</v>
          </cell>
          <cell r="E145">
            <v>128</v>
          </cell>
        </row>
        <row r="146">
          <cell r="A146" t="str">
            <v>定残出力間隔</v>
          </cell>
          <cell r="B146" t="str">
            <v>CTユーザ会社名</v>
          </cell>
          <cell r="C146" t="str">
            <v>CT住所</v>
          </cell>
          <cell r="D146" t="str">
            <v>int</v>
          </cell>
          <cell r="E146">
            <v>32</v>
          </cell>
        </row>
        <row r="147">
          <cell r="A147" t="str">
            <v>締ステイタス</v>
          </cell>
          <cell r="B147" t="str">
            <v>CTシステムステイタス</v>
          </cell>
          <cell r="C147" t="str">
            <v>CT住所</v>
          </cell>
          <cell r="D147" t="str">
            <v>bit</v>
          </cell>
          <cell r="E147">
            <v>32</v>
          </cell>
        </row>
        <row r="148">
          <cell r="A148" t="str">
            <v>締実行中フラグ</v>
          </cell>
          <cell r="B148" t="str">
            <v>CTシステムステイタス</v>
          </cell>
          <cell r="C148" t="str">
            <v>CT住所</v>
          </cell>
          <cell r="D148" t="str">
            <v>bit</v>
          </cell>
          <cell r="E148">
            <v>80</v>
          </cell>
        </row>
        <row r="149">
          <cell r="A149" t="str">
            <v>摘要</v>
          </cell>
          <cell r="B149" t="str">
            <v>CTMMF分配金計算</v>
          </cell>
          <cell r="C149" t="str">
            <v>CT出金FD</v>
          </cell>
          <cell r="D149" t="str">
            <v>varchar</v>
          </cell>
          <cell r="E149">
            <v>20</v>
          </cell>
        </row>
        <row r="150">
          <cell r="A150" t="str">
            <v>摘要</v>
          </cell>
          <cell r="B150" t="str">
            <v>CT買戻し対象</v>
          </cell>
          <cell r="C150" t="str">
            <v>CT出金FD</v>
          </cell>
          <cell r="D150" t="str">
            <v>varchar</v>
          </cell>
          <cell r="E150">
            <v>20</v>
          </cell>
        </row>
        <row r="151">
          <cell r="A151" t="str">
            <v>摘要</v>
          </cell>
          <cell r="B151" t="str">
            <v>CT為替レート登録区分</v>
          </cell>
          <cell r="C151" t="str">
            <v>CT出金FD</v>
          </cell>
          <cell r="D151" t="str">
            <v>varchar</v>
          </cell>
          <cell r="E151">
            <v>20</v>
          </cell>
        </row>
        <row r="152">
          <cell r="A152" t="str">
            <v>摘要</v>
          </cell>
          <cell r="B152" t="str">
            <v>CT決済区分</v>
          </cell>
          <cell r="C152" t="str">
            <v>CT出金FD</v>
          </cell>
          <cell r="D152" t="str">
            <v>varchar</v>
          </cell>
          <cell r="E152">
            <v>20</v>
          </cell>
        </row>
        <row r="153">
          <cell r="A153" t="str">
            <v>摘要</v>
          </cell>
          <cell r="B153" t="str">
            <v>CTシステムコード</v>
          </cell>
          <cell r="C153" t="str">
            <v>CT出金FD</v>
          </cell>
          <cell r="D153" t="str">
            <v>varchar</v>
          </cell>
          <cell r="E153">
            <v>40</v>
          </cell>
        </row>
        <row r="154">
          <cell r="A154" t="str">
            <v>摘要</v>
          </cell>
          <cell r="B154" t="str">
            <v>CTリスク分類</v>
          </cell>
          <cell r="C154" t="str">
            <v>CT消費税率</v>
          </cell>
          <cell r="D154" t="str">
            <v>varchar</v>
          </cell>
          <cell r="E154">
            <v>50</v>
          </cell>
        </row>
        <row r="155">
          <cell r="A155" t="str">
            <v>摘要</v>
          </cell>
          <cell r="B155" t="str">
            <v>CT案内指定区分</v>
          </cell>
          <cell r="C155" t="str">
            <v>CT消費税率</v>
          </cell>
          <cell r="D155" t="str">
            <v>varchar</v>
          </cell>
          <cell r="E155">
            <v>50</v>
          </cell>
        </row>
        <row r="156">
          <cell r="A156" t="str">
            <v>摘要</v>
          </cell>
          <cell r="B156" t="str">
            <v>CT移管</v>
          </cell>
          <cell r="C156" t="str">
            <v>CT職業区分</v>
          </cell>
          <cell r="D156" t="str">
            <v>varchar</v>
          </cell>
          <cell r="E156">
            <v>10</v>
          </cell>
        </row>
        <row r="157">
          <cell r="A157" t="str">
            <v>摘要</v>
          </cell>
          <cell r="B157" t="str">
            <v>CT科目</v>
          </cell>
          <cell r="C157" t="str">
            <v>CT職業区分</v>
          </cell>
          <cell r="D157" t="str">
            <v>varchar</v>
          </cell>
          <cell r="E157">
            <v>10</v>
          </cell>
        </row>
        <row r="158">
          <cell r="A158" t="str">
            <v>摘要</v>
          </cell>
          <cell r="B158" t="str">
            <v>CT休日_月日指定</v>
          </cell>
          <cell r="C158" t="str">
            <v>CT税区分</v>
          </cell>
          <cell r="D158" t="str">
            <v>varchar</v>
          </cell>
          <cell r="E158">
            <v>20</v>
          </cell>
        </row>
        <row r="159">
          <cell r="A159" t="str">
            <v>摘要</v>
          </cell>
          <cell r="B159" t="str">
            <v>CT休日_春分秋分</v>
          </cell>
          <cell r="C159" t="str">
            <v>CT税区分</v>
          </cell>
          <cell r="D159" t="str">
            <v>varchar</v>
          </cell>
          <cell r="E159">
            <v>20</v>
          </cell>
        </row>
        <row r="160">
          <cell r="A160" t="str">
            <v>摘要</v>
          </cell>
          <cell r="B160" t="str">
            <v>CT休日_曜日指定</v>
          </cell>
          <cell r="C160" t="str">
            <v>CT税区分</v>
          </cell>
          <cell r="D160" t="str">
            <v>varchar</v>
          </cell>
          <cell r="E160">
            <v>20</v>
          </cell>
        </row>
        <row r="161">
          <cell r="A161" t="str">
            <v>摘要</v>
          </cell>
          <cell r="B161" t="str">
            <v>CT休日区分</v>
          </cell>
          <cell r="C161" t="str">
            <v>CT税区分</v>
          </cell>
          <cell r="D161" t="str">
            <v>varchar</v>
          </cell>
          <cell r="E161">
            <v>20</v>
          </cell>
        </row>
        <row r="162">
          <cell r="A162" t="str">
            <v>摘要</v>
          </cell>
          <cell r="B162" t="str">
            <v>CT肩書区分</v>
          </cell>
          <cell r="C162" t="str">
            <v>CT税区分</v>
          </cell>
          <cell r="D162" t="str">
            <v>varchar</v>
          </cell>
          <cell r="E162">
            <v>50</v>
          </cell>
        </row>
        <row r="163">
          <cell r="A163" t="str">
            <v>摘要</v>
          </cell>
          <cell r="B163" t="str">
            <v>CT口座ステイタス</v>
          </cell>
          <cell r="C163" t="str">
            <v>CT帳票名</v>
          </cell>
          <cell r="D163" t="str">
            <v>varchar</v>
          </cell>
          <cell r="E163">
            <v>20</v>
          </cell>
        </row>
        <row r="164">
          <cell r="A164" t="str">
            <v>摘要</v>
          </cell>
          <cell r="B164" t="str">
            <v>CT資金性格</v>
          </cell>
          <cell r="C164" t="str">
            <v>CT帳票名</v>
          </cell>
          <cell r="D164" t="str">
            <v>varchar</v>
          </cell>
          <cell r="E164">
            <v>20</v>
          </cell>
        </row>
        <row r="165">
          <cell r="A165" t="str">
            <v>摘要</v>
          </cell>
          <cell r="B165" t="str">
            <v>CT取引動機</v>
          </cell>
          <cell r="C165" t="str">
            <v>CT帳票名</v>
          </cell>
          <cell r="D165" t="str">
            <v>varchar</v>
          </cell>
          <cell r="E165">
            <v>20</v>
          </cell>
        </row>
        <row r="166">
          <cell r="A166" t="str">
            <v>摘要</v>
          </cell>
          <cell r="B166" t="str">
            <v>CT取引方式区分</v>
          </cell>
          <cell r="C166" t="str">
            <v>CT帳票名</v>
          </cell>
          <cell r="D166" t="str">
            <v>varchar</v>
          </cell>
          <cell r="E166">
            <v>50</v>
          </cell>
        </row>
        <row r="167">
          <cell r="A167" t="str">
            <v>摘要</v>
          </cell>
          <cell r="B167" t="str">
            <v>CT職業区分</v>
          </cell>
          <cell r="C167" t="str">
            <v>CT帳票名</v>
          </cell>
          <cell r="D167" t="str">
            <v>varchar</v>
          </cell>
          <cell r="E167">
            <v>50</v>
          </cell>
        </row>
        <row r="168">
          <cell r="A168" t="str">
            <v>摘要</v>
          </cell>
          <cell r="B168" t="str">
            <v>CT税区分</v>
          </cell>
          <cell r="C168" t="str">
            <v>CT帳票名</v>
          </cell>
          <cell r="D168" t="str">
            <v>varchar</v>
          </cell>
          <cell r="E168">
            <v>20</v>
          </cell>
        </row>
        <row r="169">
          <cell r="A169" t="str">
            <v>摘要</v>
          </cell>
          <cell r="B169" t="str">
            <v>CT入出金経路</v>
          </cell>
          <cell r="C169" t="str">
            <v>CT帳票名</v>
          </cell>
          <cell r="D169" t="str">
            <v>varchar</v>
          </cell>
          <cell r="E169">
            <v>50</v>
          </cell>
        </row>
        <row r="170">
          <cell r="A170" t="str">
            <v>摘要</v>
          </cell>
          <cell r="B170" t="str">
            <v>CT法人区分</v>
          </cell>
          <cell r="C170" t="str">
            <v>CT帳票名</v>
          </cell>
          <cell r="D170" t="str">
            <v>varchar</v>
          </cell>
          <cell r="E170">
            <v>50</v>
          </cell>
        </row>
        <row r="171">
          <cell r="A171" t="str">
            <v>摘要</v>
          </cell>
          <cell r="B171" t="str">
            <v>CT法人区分_分類</v>
          </cell>
          <cell r="C171" t="str">
            <v>CT帳票名</v>
          </cell>
          <cell r="D171" t="str">
            <v>varchar</v>
          </cell>
          <cell r="E171">
            <v>50</v>
          </cell>
        </row>
        <row r="172">
          <cell r="A172" t="str">
            <v>摘要</v>
          </cell>
          <cell r="B172" t="str">
            <v>CT本人確認書類</v>
          </cell>
          <cell r="C172" t="str">
            <v>CT帳票名</v>
          </cell>
          <cell r="D172" t="str">
            <v>varchar</v>
          </cell>
          <cell r="E172">
            <v>50</v>
          </cell>
        </row>
        <row r="173">
          <cell r="A173" t="str">
            <v>摘要</v>
          </cell>
          <cell r="B173" t="str">
            <v>CT名義人区分</v>
          </cell>
          <cell r="C173" t="str">
            <v>CT帳票名</v>
          </cell>
          <cell r="D173" t="str">
            <v>varchar</v>
          </cell>
          <cell r="E173">
            <v>20</v>
          </cell>
        </row>
        <row r="174">
          <cell r="A174" t="str">
            <v>摘要</v>
          </cell>
          <cell r="B174" t="str">
            <v>CT約定方法</v>
          </cell>
          <cell r="C174" t="str">
            <v>CT帳票名</v>
          </cell>
          <cell r="D174" t="str">
            <v>varchar</v>
          </cell>
          <cell r="E174">
            <v>12</v>
          </cell>
        </row>
        <row r="175">
          <cell r="A175" t="str">
            <v>摘要</v>
          </cell>
          <cell r="B175" t="str">
            <v>CT預り区分</v>
          </cell>
          <cell r="C175" t="str">
            <v>CT帳面文言</v>
          </cell>
          <cell r="D175" t="str">
            <v>varchar</v>
          </cell>
          <cell r="E175">
            <v>20</v>
          </cell>
        </row>
        <row r="176">
          <cell r="A176" t="str">
            <v>摘要</v>
          </cell>
          <cell r="B176" t="str">
            <v>CT預り指定</v>
          </cell>
          <cell r="C176" t="str">
            <v>CT帳面文言</v>
          </cell>
          <cell r="D176" t="str">
            <v>varchar</v>
          </cell>
          <cell r="E176">
            <v>20</v>
          </cell>
        </row>
        <row r="177">
          <cell r="A177" t="str">
            <v>摘要2 (20)</v>
          </cell>
          <cell r="B177" t="str">
            <v>CT休日区分</v>
          </cell>
          <cell r="C177" t="str">
            <v>CT帳面文言</v>
          </cell>
          <cell r="D177" t="str">
            <v>varchar</v>
          </cell>
          <cell r="E177">
            <v>20</v>
          </cell>
        </row>
        <row r="178">
          <cell r="A178" t="str">
            <v>適用年月日</v>
          </cell>
          <cell r="B178" t="str">
            <v>CT消費税率</v>
          </cell>
          <cell r="C178" t="str">
            <v>CT帳面文言</v>
          </cell>
          <cell r="D178" t="str">
            <v>varchar</v>
          </cell>
          <cell r="E178">
            <v>50</v>
          </cell>
        </row>
        <row r="179">
          <cell r="A179" t="str">
            <v>適用年月日</v>
          </cell>
          <cell r="B179" t="str">
            <v>CT税区分</v>
          </cell>
          <cell r="C179" t="str">
            <v>CT帳面文言</v>
          </cell>
          <cell r="D179" t="str">
            <v>varchar</v>
          </cell>
          <cell r="E179">
            <v>255</v>
          </cell>
        </row>
        <row r="180">
          <cell r="A180" t="str">
            <v>適用年月日</v>
          </cell>
          <cell r="B180" t="str">
            <v>CT有価証券取引税</v>
          </cell>
          <cell r="C180" t="str">
            <v>○</v>
          </cell>
          <cell r="D180" t="str">
            <v>datetime</v>
          </cell>
          <cell r="E180">
            <v>2</v>
          </cell>
        </row>
        <row r="181">
          <cell r="A181" t="str">
            <v>電話番号</v>
          </cell>
          <cell r="B181" t="str">
            <v>CTユーザ会社名</v>
          </cell>
          <cell r="C181" t="str">
            <v>CT都道府県</v>
          </cell>
          <cell r="D181" t="str">
            <v>varchar</v>
          </cell>
          <cell r="E181">
            <v>20</v>
          </cell>
        </row>
        <row r="182">
          <cell r="A182" t="str">
            <v>電話番号</v>
          </cell>
          <cell r="B182" t="str">
            <v>CT支店</v>
          </cell>
          <cell r="C182" t="str">
            <v>CT投信会社</v>
          </cell>
          <cell r="D182" t="str">
            <v>varchar</v>
          </cell>
          <cell r="E182">
            <v>20</v>
          </cell>
        </row>
        <row r="183">
          <cell r="A183" t="str">
            <v>電話番号</v>
          </cell>
          <cell r="B183" t="str">
            <v>CT受託銀行</v>
          </cell>
          <cell r="C183" t="str">
            <v>CT投信会社</v>
          </cell>
          <cell r="D183" t="str">
            <v>varchar</v>
          </cell>
          <cell r="E183">
            <v>20</v>
          </cell>
        </row>
        <row r="184">
          <cell r="A184" t="str">
            <v>電話番号</v>
          </cell>
          <cell r="B184" t="str">
            <v>CT投信会社</v>
          </cell>
          <cell r="C184" t="str">
            <v>CT投信会社</v>
          </cell>
          <cell r="D184" t="str">
            <v>varchar</v>
          </cell>
          <cell r="E184">
            <v>20</v>
          </cell>
        </row>
        <row r="185">
          <cell r="A185" t="str">
            <v>電話番号2</v>
          </cell>
          <cell r="B185" t="str">
            <v>CT受託銀行</v>
          </cell>
          <cell r="C185" t="str">
            <v>CT投信会社</v>
          </cell>
          <cell r="D185" t="str">
            <v>varchar</v>
          </cell>
          <cell r="E185">
            <v>20</v>
          </cell>
        </row>
        <row r="186">
          <cell r="A186" t="str">
            <v>都道府県コード</v>
          </cell>
          <cell r="B186" t="str">
            <v>CT市区町村</v>
          </cell>
          <cell r="C186" t="str">
            <v>CT投信会社</v>
          </cell>
          <cell r="D186" t="str">
            <v>varchar</v>
          </cell>
          <cell r="E186">
            <v>2</v>
          </cell>
        </row>
        <row r="187">
          <cell r="A187" t="str">
            <v>都道府県コード</v>
          </cell>
          <cell r="B187" t="str">
            <v>CT都道府県</v>
          </cell>
          <cell r="C187" t="str">
            <v>CT投信会社</v>
          </cell>
          <cell r="D187" t="str">
            <v>varchar</v>
          </cell>
          <cell r="E187">
            <v>4</v>
          </cell>
        </row>
        <row r="188">
          <cell r="A188" t="str">
            <v>都道府県コード</v>
          </cell>
          <cell r="B188" t="str">
            <v>CT支店</v>
          </cell>
          <cell r="C188" t="str">
            <v>CT投信会社</v>
          </cell>
          <cell r="D188" t="str">
            <v>varchar</v>
          </cell>
          <cell r="E188">
            <v>2</v>
          </cell>
        </row>
        <row r="189">
          <cell r="A189" t="str">
            <v>都道府県名</v>
          </cell>
          <cell r="B189" t="str">
            <v>CT都道府県</v>
          </cell>
          <cell r="C189" t="str">
            <v>CT投信会社</v>
          </cell>
          <cell r="D189" t="str">
            <v>varchar</v>
          </cell>
          <cell r="E189">
            <v>12</v>
          </cell>
        </row>
        <row r="190">
          <cell r="A190" t="str">
            <v>都道府県名</v>
          </cell>
          <cell r="B190" t="str">
            <v>CT郵便番号</v>
          </cell>
          <cell r="C190" t="str">
            <v>CT投信会社</v>
          </cell>
          <cell r="D190" t="str">
            <v>varchar</v>
          </cell>
          <cell r="E190">
            <v>12</v>
          </cell>
        </row>
        <row r="191">
          <cell r="A191" t="str">
            <v>投信会社コード</v>
          </cell>
          <cell r="B191" t="str">
            <v>CT投信会社</v>
          </cell>
          <cell r="C191" t="str">
            <v>CT投信会社</v>
          </cell>
          <cell r="D191" t="str">
            <v>varchar</v>
          </cell>
          <cell r="E191">
            <v>50</v>
          </cell>
        </row>
        <row r="192">
          <cell r="A192" t="str">
            <v>投信会社名</v>
          </cell>
          <cell r="B192" t="str">
            <v>CT投信会社</v>
          </cell>
          <cell r="C192" t="str">
            <v>CT投信会社</v>
          </cell>
          <cell r="D192" t="str">
            <v>varchar</v>
          </cell>
          <cell r="E192">
            <v>50</v>
          </cell>
        </row>
        <row r="193">
          <cell r="A193" t="str">
            <v>日</v>
          </cell>
          <cell r="B193" t="str">
            <v>CT休日_月日指定</v>
          </cell>
          <cell r="C193" t="str">
            <v>CT投信会社</v>
          </cell>
          <cell r="D193" t="str">
            <v>varchar</v>
          </cell>
          <cell r="E193">
            <v>255</v>
          </cell>
        </row>
        <row r="194">
          <cell r="A194" t="str">
            <v>入出金経路コード</v>
          </cell>
          <cell r="B194" t="str">
            <v>CT入出金経路</v>
          </cell>
          <cell r="C194" t="str">
            <v>CT投信会社</v>
          </cell>
          <cell r="D194" t="str">
            <v>varchar</v>
          </cell>
          <cell r="E194">
            <v>50</v>
          </cell>
        </row>
        <row r="195">
          <cell r="A195" t="str">
            <v>入出金経路コード</v>
          </cell>
          <cell r="B195" t="str">
            <v>CT受託銀行</v>
          </cell>
          <cell r="C195" t="str">
            <v>CT入出金経路</v>
          </cell>
          <cell r="D195" t="str">
            <v>varchar</v>
          </cell>
          <cell r="E195">
            <v>2</v>
          </cell>
        </row>
        <row r="196">
          <cell r="A196" t="str">
            <v>入出金経路コード</v>
          </cell>
          <cell r="B196" t="str">
            <v>CT投信会社</v>
          </cell>
          <cell r="C196" t="str">
            <v>CT入出金経路</v>
          </cell>
          <cell r="D196" t="str">
            <v>varchar</v>
          </cell>
          <cell r="E196">
            <v>2</v>
          </cell>
        </row>
        <row r="197">
          <cell r="A197" t="str">
            <v>認証印字出力区分</v>
          </cell>
          <cell r="B197" t="str">
            <v>CTユーザ会社名</v>
          </cell>
          <cell r="C197" t="str">
            <v>CT保有月数</v>
          </cell>
          <cell r="D197" t="str">
            <v>bit</v>
          </cell>
          <cell r="E197">
            <v>50</v>
          </cell>
        </row>
        <row r="198">
          <cell r="A198" t="str">
            <v>年月日</v>
          </cell>
          <cell r="B198" t="str">
            <v>CT休日_春分秋分</v>
          </cell>
          <cell r="C198" t="str">
            <v>CT保有月数</v>
          </cell>
          <cell r="D198" t="str">
            <v>int</v>
          </cell>
        </row>
        <row r="199">
          <cell r="A199" t="str">
            <v>番号桁数</v>
          </cell>
          <cell r="B199" t="str">
            <v>CT受託銀行</v>
          </cell>
          <cell r="C199" t="str">
            <v>CT法人区分</v>
          </cell>
          <cell r="D199" t="str">
            <v>int</v>
          </cell>
          <cell r="E199">
            <v>2</v>
          </cell>
        </row>
        <row r="200">
          <cell r="A200" t="str">
            <v>番号桁数2</v>
          </cell>
          <cell r="B200" t="str">
            <v>CT受託銀行</v>
          </cell>
          <cell r="C200" t="str">
            <v>CT法人区分</v>
          </cell>
          <cell r="D200" t="str">
            <v>int</v>
          </cell>
          <cell r="E200">
            <v>50</v>
          </cell>
        </row>
        <row r="201">
          <cell r="A201" t="str">
            <v>備考</v>
          </cell>
          <cell r="B201" t="str">
            <v>CT受託銀行</v>
          </cell>
          <cell r="C201" t="str">
            <v>CT法人区分</v>
          </cell>
          <cell r="D201" t="str">
            <v>varchar</v>
          </cell>
          <cell r="E201">
            <v>255</v>
          </cell>
        </row>
        <row r="202">
          <cell r="A202" t="str">
            <v>備考</v>
          </cell>
          <cell r="B202" t="str">
            <v>CT投信会社</v>
          </cell>
          <cell r="C202" t="str">
            <v>CT法人区分_分類</v>
          </cell>
          <cell r="D202" t="str">
            <v>varchar</v>
          </cell>
          <cell r="E202">
            <v>255</v>
          </cell>
        </row>
        <row r="203">
          <cell r="A203" t="str">
            <v>表示位置</v>
          </cell>
          <cell r="B203" t="str">
            <v>CT帳面文言</v>
          </cell>
          <cell r="C203" t="str">
            <v>CT法人区分_分類</v>
          </cell>
          <cell r="D203" t="str">
            <v>varchar</v>
          </cell>
          <cell r="E203">
            <v>50</v>
          </cell>
        </row>
        <row r="204">
          <cell r="A204" t="str">
            <v>分類</v>
          </cell>
          <cell r="B204" t="str">
            <v>CT法人区分_分類</v>
          </cell>
          <cell r="C204" t="str">
            <v>○</v>
          </cell>
          <cell r="D204" t="str">
            <v>varchar</v>
          </cell>
          <cell r="E204">
            <v>2</v>
          </cell>
        </row>
        <row r="205">
          <cell r="A205" t="str">
            <v>分類</v>
          </cell>
          <cell r="B205" t="str">
            <v>CT法人区分</v>
          </cell>
          <cell r="C205" t="str">
            <v>CT本人確認書類</v>
          </cell>
          <cell r="D205" t="str">
            <v>varchar</v>
          </cell>
          <cell r="E205">
            <v>2</v>
          </cell>
        </row>
        <row r="206">
          <cell r="A206" t="str">
            <v>文言</v>
          </cell>
          <cell r="B206" t="str">
            <v>CT帳面文言</v>
          </cell>
          <cell r="C206" t="str">
            <v>CT名義人区分</v>
          </cell>
          <cell r="D206" t="str">
            <v>varchar</v>
          </cell>
          <cell r="E206">
            <v>255</v>
          </cell>
        </row>
        <row r="207">
          <cell r="A207" t="str">
            <v>保有月数</v>
          </cell>
          <cell r="B207" t="str">
            <v>CT保有月数</v>
          </cell>
          <cell r="C207" t="str">
            <v>CT名義人区分</v>
          </cell>
          <cell r="D207" t="str">
            <v>int</v>
          </cell>
          <cell r="E207">
            <v>20</v>
          </cell>
        </row>
        <row r="208">
          <cell r="A208" t="str">
            <v>法人区分コード</v>
          </cell>
          <cell r="B208" t="str">
            <v>CT法人区分</v>
          </cell>
          <cell r="C208" t="str">
            <v>○</v>
          </cell>
          <cell r="D208" t="str">
            <v>varchar</v>
          </cell>
          <cell r="E208">
            <v>2</v>
          </cell>
        </row>
        <row r="209">
          <cell r="A209" t="str">
            <v>名義人区分コード</v>
          </cell>
          <cell r="B209" t="str">
            <v>CT名義人区分</v>
          </cell>
          <cell r="C209" t="str">
            <v>CT約定方法</v>
          </cell>
          <cell r="D209" t="str">
            <v>varchar</v>
          </cell>
          <cell r="E209">
            <v>12</v>
          </cell>
        </row>
        <row r="210">
          <cell r="A210" t="str">
            <v>約定方法コード</v>
          </cell>
          <cell r="B210" t="str">
            <v>CT約定方法</v>
          </cell>
          <cell r="C210" t="str">
            <v>○</v>
          </cell>
          <cell r="D210" t="str">
            <v>varchar</v>
          </cell>
          <cell r="E210">
            <v>2</v>
          </cell>
        </row>
        <row r="211">
          <cell r="A211" t="str">
            <v>有価証券取引税率</v>
          </cell>
          <cell r="B211" t="str">
            <v>CT有価証券取引税</v>
          </cell>
          <cell r="C211" t="str">
            <v>CT有価証券取引税</v>
          </cell>
          <cell r="D211" t="str">
            <v>money</v>
          </cell>
        </row>
        <row r="212">
          <cell r="A212" t="str">
            <v>郵便番号</v>
          </cell>
          <cell r="B212" t="str">
            <v>CT郵便番号</v>
          </cell>
          <cell r="C212" t="str">
            <v>CT有価証券取引税</v>
          </cell>
          <cell r="D212" t="str">
            <v>money</v>
          </cell>
          <cell r="E212">
            <v>8</v>
          </cell>
        </row>
        <row r="213">
          <cell r="A213" t="str">
            <v>郵便番号</v>
          </cell>
          <cell r="B213" t="str">
            <v>CT支店</v>
          </cell>
          <cell r="C213" t="str">
            <v>CT郵便番号</v>
          </cell>
          <cell r="D213" t="str">
            <v>varchar</v>
          </cell>
          <cell r="E213">
            <v>8</v>
          </cell>
        </row>
        <row r="214">
          <cell r="A214" t="str">
            <v>預り区分コード</v>
          </cell>
          <cell r="B214" t="str">
            <v>CT預り区分</v>
          </cell>
          <cell r="C214" t="str">
            <v>CT郵便番号</v>
          </cell>
          <cell r="D214" t="str">
            <v>varchar</v>
          </cell>
          <cell r="E214">
            <v>50</v>
          </cell>
        </row>
        <row r="215">
          <cell r="A215" t="str">
            <v>預り指定</v>
          </cell>
          <cell r="B215" t="str">
            <v>CT預り指定</v>
          </cell>
          <cell r="C215" t="str">
            <v>CT郵便番号</v>
          </cell>
          <cell r="D215" t="str">
            <v>varchar</v>
          </cell>
          <cell r="E215">
            <v>128</v>
          </cell>
        </row>
        <row r="216">
          <cell r="A216" t="str">
            <v>曜日</v>
          </cell>
          <cell r="B216" t="str">
            <v>CT休日_曜日指定</v>
          </cell>
          <cell r="C216" t="str">
            <v>CT郵便番号</v>
          </cell>
          <cell r="D216" t="str">
            <v>varchar</v>
          </cell>
          <cell r="E216">
            <v>12</v>
          </cell>
        </row>
        <row r="217">
          <cell r="A217" t="str">
            <v>用紙様式</v>
          </cell>
          <cell r="B217" t="str">
            <v>CT帳票名</v>
          </cell>
          <cell r="C217" t="str">
            <v>CT預り区分</v>
          </cell>
          <cell r="D217" t="str">
            <v>varchar</v>
          </cell>
          <cell r="E217">
            <v>20</v>
          </cell>
        </row>
        <row r="218">
          <cell r="A218" t="str">
            <v>連絡者</v>
          </cell>
          <cell r="B218" t="str">
            <v>CT受託銀行</v>
          </cell>
          <cell r="C218" t="str">
            <v>CT預り区分</v>
          </cell>
          <cell r="D218" t="str">
            <v>varchar</v>
          </cell>
          <cell r="E218">
            <v>50</v>
          </cell>
        </row>
        <row r="219">
          <cell r="A219" t="str">
            <v>連絡者</v>
          </cell>
          <cell r="B219" t="str">
            <v>CT投信会社</v>
          </cell>
          <cell r="C219" t="str">
            <v>CT預り指定</v>
          </cell>
          <cell r="D219" t="str">
            <v>varchar</v>
          </cell>
          <cell r="E219">
            <v>50</v>
          </cell>
        </row>
        <row r="220">
          <cell r="A220" t="str">
            <v>連絡者2</v>
          </cell>
          <cell r="B220" t="str">
            <v>CT受託銀行</v>
          </cell>
          <cell r="C220" t="str">
            <v>CT預り指定</v>
          </cell>
          <cell r="D220" t="str">
            <v>varchar</v>
          </cell>
          <cell r="E220">
            <v>50</v>
          </cell>
        </row>
      </sheetData>
      <sheetData sheetId="2">
        <row r="2">
          <cell r="A2" t="str">
            <v>EMAIL</v>
          </cell>
        </row>
      </sheetData>
      <sheetData sheetId="3"/>
      <sheetData sheetId="4">
        <row r="2">
          <cell r="A2" t="str">
            <v>１．ＲＤ</v>
          </cell>
        </row>
      </sheetData>
      <sheetData sheetId="5"/>
      <sheetData sheetId="6"/>
      <sheetData sheetId="7"/>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sheetData sheetId="18" refreshError="1"/>
      <sheetData sheetId="19" refreshError="1"/>
      <sheetData sheetId="20" refreshError="1"/>
      <sheetData sheetId="2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sheetData sheetId="32" refreshError="1"/>
      <sheetData sheetId="33"/>
      <sheetData sheetId="34"/>
      <sheetData sheetId="35"/>
      <sheetData sheetId="36"/>
      <sheetData sheetId="37"/>
      <sheetData sheetId="38"/>
      <sheetData sheetId="39"/>
      <sheetData sheetId="40"/>
      <sheetData sheetId="41"/>
      <sheetData sheetId="42"/>
      <sheetData sheetId="43"/>
      <sheetData sheetId="44"/>
      <sheetData sheetId="45" refreshError="1"/>
      <sheetData sheetId="46"/>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ow r="2">
          <cell r="B2" t="str">
            <v>依頼先：</v>
          </cell>
        </row>
      </sheetData>
      <sheetData sheetId="68" refreshError="1"/>
      <sheetData sheetId="69" refreshError="1"/>
      <sheetData sheetId="70"/>
      <sheetData sheetId="71" refreshError="1"/>
      <sheetData sheetId="72" refreshError="1"/>
      <sheetData sheetId="73" refreshError="1"/>
      <sheetData sheetId="74" refreshError="1"/>
      <sheetData sheetId="75" refreshError="1"/>
      <sheetData sheetId="76" refreshError="1"/>
      <sheetData sheetId="77" refreshError="1"/>
      <sheetData sheetId="78">
        <row r="2">
          <cell r="B2" t="str">
            <v>依頼先：</v>
          </cell>
        </row>
      </sheetData>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sheetData sheetId="132"/>
      <sheetData sheetId="133"/>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B"/>
      <sheetName val="ジョブ一覧"/>
      <sheetName val="ジョブ機能(共通）"/>
      <sheetName val="ジョブ機能 (個別)"/>
      <sheetName val="ﾌﾟﾛｸﾞﾗﾑ一覧"/>
      <sheetName val="ﾌﾟﾛｸﾞﾗﾑ一覧 (2)"/>
      <sheetName val="機能一覧(共通）"/>
      <sheetName val="機能一覧 (個別)"/>
      <sheetName val="ﾌｧｲﾙ一覧"/>
      <sheetName val="帳票一覧"/>
      <sheetName val="ﾃﾞｰﾀ項目一覧"/>
      <sheetName val="メソッド定義"/>
      <sheetName val="区分_品証本"/>
    </sheetNames>
    <sheetDataSet>
      <sheetData sheetId="0" refreshError="1">
        <row r="2">
          <cell r="B2" t="str">
            <v>共通（口振・振込）</v>
          </cell>
        </row>
        <row r="3">
          <cell r="B3" t="str">
            <v>共通（口振）</v>
          </cell>
        </row>
        <row r="4">
          <cell r="B4" t="str">
            <v>共通（振込）</v>
          </cell>
        </row>
        <row r="5">
          <cell r="B5" t="str">
            <v>個社別</v>
          </cell>
        </row>
        <row r="6">
          <cell r="B6" t="str">
            <v>廃止・未使用</v>
          </cell>
        </row>
        <row r="7">
          <cell r="B7" t="str">
            <v>九州電力</v>
          </cell>
        </row>
        <row r="8">
          <cell r="B8" t="str">
            <v>西鉄・九電工</v>
          </cell>
        </row>
        <row r="9">
          <cell r="B9" t="str">
            <v>ＭＴ編集</v>
          </cell>
        </row>
        <row r="10">
          <cell r="B10" t="str">
            <v>ＦＡＸ－ＯＣＲ</v>
          </cell>
        </row>
        <row r="11">
          <cell r="B11" t="str">
            <v>トヨタ自動車</v>
          </cell>
        </row>
        <row r="12">
          <cell r="B12" t="str">
            <v>九工大</v>
          </cell>
        </row>
        <row r="13">
          <cell r="B13" t="str">
            <v>福岡県</v>
          </cell>
        </row>
        <row r="14">
          <cell r="B14" t="str">
            <v>福岡市</v>
          </cell>
        </row>
        <row r="15">
          <cell r="B15" t="str">
            <v>北九州市</v>
          </cell>
        </row>
        <row r="16">
          <cell r="B16" t="str">
            <v>長崎大学</v>
          </cell>
        </row>
        <row r="17">
          <cell r="B17" t="str">
            <v>九州医療センター</v>
          </cell>
        </row>
      </sheetData>
      <sheetData sheetId="1"/>
      <sheetData sheetId="2"/>
      <sheetData sheetId="3"/>
      <sheetData sheetId="4"/>
      <sheetData sheetId="5"/>
      <sheetData sheetId="6"/>
      <sheetData sheetId="7"/>
      <sheetData sheetId="8"/>
      <sheetData sheetId="9"/>
      <sheetData sheetId="10"/>
      <sheetData sheetId="11" refreshError="1"/>
      <sheetData sheetId="1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履歴"/>
      <sheetName val="PT工程完了報告書"/>
      <sheetName val="ＰＴ障害状況"/>
      <sheetName val="製造仕様書変更履歴及び疎通推移"/>
      <sheetName val="PT品質集計シート（画面）"/>
      <sheetName val="PT品質集計シート（EJB)"/>
      <sheetName val="PT品質集計シート (業務共通部品)"/>
    </sheetNames>
    <sheetDataSet>
      <sheetData sheetId="0"/>
      <sheetData sheetId="1"/>
      <sheetData sheetId="2"/>
      <sheetData sheetId="3"/>
      <sheetData sheetId="4"/>
      <sheetData sheetId="5"/>
      <sheetData sheetId="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テーブル一覧"/>
      <sheetName val="Ｅ００１"/>
      <sheetName val="Ｅ００２"/>
      <sheetName val="Ｅ００３"/>
      <sheetName val="Ｅ００４"/>
      <sheetName val="Ｅ００５"/>
      <sheetName val="Ｅ００６"/>
      <sheetName val="参照"/>
    </sheetNames>
    <sheetDataSet>
      <sheetData sheetId="0"/>
      <sheetData sheetId="1"/>
      <sheetData sheetId="2"/>
      <sheetData sheetId="3"/>
      <sheetData sheetId="4"/>
      <sheetData sheetId="5"/>
      <sheetData sheetId="6"/>
      <sheetData sheetId="7" refreshError="1">
        <row r="6">
          <cell r="C6" t="str">
            <v>００１</v>
          </cell>
          <cell r="D6" t="str">
            <v>融資統合ＤＢ</v>
          </cell>
        </row>
        <row r="7">
          <cell r="C7" t="str">
            <v>００２</v>
          </cell>
          <cell r="D7" t="str">
            <v>ＤＷＨ</v>
          </cell>
        </row>
        <row r="8">
          <cell r="C8" t="str">
            <v>９９９</v>
          </cell>
          <cell r="D8" t="str">
            <v>その他</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 val="表紙"/>
      <sheetName val="一覧"/>
      <sheetName val="遷移図 "/>
      <sheetName val="遷移図"/>
      <sheetName val="Ｃ１"/>
      <sheetName val="C1@"/>
      <sheetName val="IO１"/>
      <sheetName val="ＥＶ（０）"/>
      <sheetName val="ＥＶ（１）"/>
      <sheetName val="ＥＶ（２）"/>
      <sheetName val="Ｓ１"/>
      <sheetName val="Ｓ１＠"/>
      <sheetName val="Sheet4"/>
      <sheetName val="Sheet5"/>
      <sheetName val="システム変更案件票"/>
      <sheetName val="ＢＳ科目テーブル"/>
      <sheetName val="Sim基準金利ＴＢ"/>
      <sheetName val="基準金利ＴＢ"/>
      <sheetName val="9月分 "/>
      <sheetName val="10月分 "/>
      <sheetName val="11月分"/>
      <sheetName val="3APP"/>
      <sheetName val="内訳"/>
      <sheetName val="2ｿﾌﾄ"/>
      <sheetName val="1ﾊｰﾄﾞ"/>
      <sheetName val="4導入一時"/>
      <sheetName val="@___"/>
      <sheetName val="データ"/>
      <sheetName val="AAA"/>
      <sheetName val="投信開発G(3)"/>
    </sheetNames>
    <sheetDataSet>
      <sheetData sheetId="0" refreshError="1"/>
      <sheetData sheetId="1" refreshError="1">
        <row r="1">
          <cell r="A1" t="str">
            <v>共通全銀標準</v>
          </cell>
        </row>
        <row r="2">
          <cell r="A2" t="str">
            <v>共通個社別</v>
          </cell>
        </row>
        <row r="3">
          <cell r="A3" t="str">
            <v>福銀個社別</v>
          </cell>
        </row>
        <row r="4">
          <cell r="A4" t="str">
            <v>広銀個社別</v>
          </cell>
        </row>
      </sheetData>
      <sheetData sheetId="2" refreshError="1"/>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B"/>
      <sheetName val="ジョブ一覧"/>
      <sheetName val="ジョブ機能(共通）"/>
      <sheetName val="ジョブ機能 (個別)"/>
      <sheetName val="ﾌﾟﾛｸﾞﾗﾑ一覧"/>
      <sheetName val="ﾌﾟﾛｸﾞﾗﾑ一覧 (2)"/>
      <sheetName val="機能一覧(共通）"/>
      <sheetName val="機能一覧 (個別)"/>
      <sheetName val="ﾌｧｲﾙ一覧"/>
      <sheetName val="帳票一覧"/>
      <sheetName val="ﾃﾞｰﾀ項目一覧"/>
    </sheetNames>
    <sheetDataSet>
      <sheetData sheetId="0" refreshError="1">
        <row r="2">
          <cell r="B2" t="str">
            <v>共通（口振・振込）</v>
          </cell>
        </row>
        <row r="3">
          <cell r="B3" t="str">
            <v>共通（口振）</v>
          </cell>
        </row>
        <row r="4">
          <cell r="B4" t="str">
            <v>共通（振込）</v>
          </cell>
        </row>
        <row r="5">
          <cell r="B5" t="str">
            <v>個社別</v>
          </cell>
        </row>
        <row r="6">
          <cell r="B6" t="str">
            <v>廃止・未使用</v>
          </cell>
        </row>
        <row r="7">
          <cell r="B7" t="str">
            <v>九州電力</v>
          </cell>
        </row>
        <row r="8">
          <cell r="B8" t="str">
            <v>西鉄・九電工</v>
          </cell>
        </row>
        <row r="9">
          <cell r="B9" t="str">
            <v>ＭＴ編集</v>
          </cell>
        </row>
        <row r="10">
          <cell r="B10" t="str">
            <v>ＦＡＸ－ＯＣＲ</v>
          </cell>
        </row>
        <row r="11">
          <cell r="B11" t="str">
            <v>トヨタ自動車</v>
          </cell>
        </row>
        <row r="12">
          <cell r="B12" t="str">
            <v>九工大</v>
          </cell>
        </row>
        <row r="13">
          <cell r="B13" t="str">
            <v>福岡県</v>
          </cell>
        </row>
        <row r="14">
          <cell r="B14" t="str">
            <v>福岡市</v>
          </cell>
        </row>
        <row r="15">
          <cell r="B15" t="str">
            <v>北九州市</v>
          </cell>
        </row>
        <row r="16">
          <cell r="B16" t="str">
            <v>長崎大学</v>
          </cell>
        </row>
        <row r="17">
          <cell r="B17" t="str">
            <v>九州医療センター</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テーブル一覧"/>
      <sheetName val="Ｅ００１"/>
      <sheetName val="Ｅ００２"/>
      <sheetName val="Ｅ００３"/>
      <sheetName val="Ｅ００４"/>
      <sheetName val="Ｅ００５"/>
      <sheetName val="Ｅ００６"/>
      <sheetName val="参照"/>
      <sheetName val="メソッド定義"/>
    </sheetNames>
    <sheetDataSet>
      <sheetData sheetId="0"/>
      <sheetData sheetId="1"/>
      <sheetData sheetId="2"/>
      <sheetData sheetId="3"/>
      <sheetData sheetId="4"/>
      <sheetData sheetId="5"/>
      <sheetData sheetId="6"/>
      <sheetData sheetId="7" refreshError="1">
        <row r="6">
          <cell r="C6" t="str">
            <v>００１</v>
          </cell>
        </row>
        <row r="27">
          <cell r="C27" t="str">
            <v>CHAR</v>
          </cell>
        </row>
        <row r="28">
          <cell r="C28" t="str">
            <v>ＶＡＲＣＨＡＲ</v>
          </cell>
        </row>
        <row r="29">
          <cell r="C29" t="str">
            <v>ＧＲＡＰＨＩＣ</v>
          </cell>
        </row>
        <row r="30">
          <cell r="C30" t="str">
            <v>ＳＭＡＬＬＩＮＴ</v>
          </cell>
        </row>
        <row r="31">
          <cell r="C31" t="str">
            <v>ＩＮＴＥＧＥＲ</v>
          </cell>
        </row>
        <row r="32">
          <cell r="C32" t="str">
            <v>DEＣＩＭＡＬ</v>
          </cell>
        </row>
        <row r="33">
          <cell r="C33" t="str">
            <v>ＤＡＴＥ</v>
          </cell>
        </row>
        <row r="34">
          <cell r="C34" t="str">
            <v>ＴＩＭＥ</v>
          </cell>
        </row>
        <row r="35">
          <cell r="C35" t="str">
            <v>ＴＩＭＥＳＴＡＭＰ</v>
          </cell>
        </row>
        <row r="36">
          <cell r="C36" t="str">
            <v>ＣＬＯＢ</v>
          </cell>
        </row>
        <row r="37">
          <cell r="C37" t="str">
            <v>ＤＢＣＬＯＢ</v>
          </cell>
        </row>
        <row r="38">
          <cell r="C38" t="str">
            <v>ＢＬＯＢ</v>
          </cell>
        </row>
        <row r="39">
          <cell r="C39" t="str">
            <v>ＤＡＴＡＬＩＮＫ</v>
          </cell>
        </row>
      </sheetData>
      <sheetData sheetId="8"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変更履歴"/>
      <sheetName val="ファイル提供形式"/>
    </sheetNames>
    <sheetDataSet>
      <sheetData sheetId="0"/>
      <sheetData sheetId="1">
        <row r="7">
          <cell r="A7">
            <v>1</v>
          </cell>
          <cell r="C7">
            <v>41729</v>
          </cell>
        </row>
      </sheetData>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2" Type="http://schemas.openxmlformats.org/officeDocument/2006/relationships/hyperlink" Target="https://www.mhlw.go.jp/stf/seisakunitsuite/bunya/kenkou_iryou/iryouhoken/reseputo/index.html" TargetMode="External"/><Relationship Id="rId1" Type="http://schemas.openxmlformats.org/officeDocument/2006/relationships/hyperlink" Target="https://www.mhlw.go.jp/stf/seisakunitsuite/bunya/kenkou_iryou/iryouhoken/reseputo/index.html" TargetMode="External"/><Relationship Id="rId4"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D478"/>
  <sheetViews>
    <sheetView showGridLines="0" view="pageBreakPreview" topLeftCell="A418" zoomScaleNormal="100" zoomScaleSheetLayoutView="100" workbookViewId="0">
      <selection activeCell="C437" sqref="C437"/>
    </sheetView>
  </sheetViews>
  <sheetFormatPr defaultRowHeight="13"/>
  <cols>
    <col min="1" max="1" width="3.6328125" customWidth="1"/>
    <col min="2" max="2" width="2.08984375" customWidth="1"/>
    <col min="3" max="3" width="6.08984375" customWidth="1"/>
    <col min="4" max="4" width="11.453125" customWidth="1"/>
    <col min="5" max="5" width="15.90625" customWidth="1"/>
    <col min="6" max="7" width="8" customWidth="1"/>
    <col min="8" max="8" width="5.453125" bestFit="1" customWidth="1"/>
    <col min="9" max="9" width="3.08984375" customWidth="1"/>
    <col min="10" max="10" width="10.08984375" customWidth="1"/>
    <col min="11" max="11" width="7.90625" customWidth="1"/>
    <col min="12" max="12" width="10.90625" customWidth="1"/>
    <col min="14" max="14" width="27" customWidth="1"/>
  </cols>
  <sheetData>
    <row r="1" spans="1:56">
      <c r="A1" s="280" t="s">
        <v>0</v>
      </c>
      <c r="B1" s="281"/>
      <c r="C1" s="281"/>
      <c r="D1" s="281"/>
      <c r="E1" s="281"/>
      <c r="F1" s="281"/>
      <c r="G1" s="281"/>
      <c r="H1" s="281"/>
      <c r="I1" s="281"/>
      <c r="J1" s="281"/>
      <c r="K1" s="281"/>
      <c r="L1" s="281"/>
      <c r="M1" s="282"/>
      <c r="N1" s="130"/>
      <c r="O1" s="130"/>
      <c r="P1" s="283"/>
      <c r="Q1" s="130"/>
      <c r="R1" s="130"/>
      <c r="S1" s="130"/>
      <c r="T1" s="130"/>
      <c r="U1" s="130"/>
      <c r="V1" s="130"/>
      <c r="W1" s="130"/>
      <c r="X1" s="130"/>
      <c r="Y1" s="130"/>
      <c r="Z1" s="130"/>
      <c r="AA1" s="130"/>
      <c r="AB1" s="130"/>
      <c r="AC1" s="130"/>
      <c r="AD1" s="130"/>
      <c r="AE1" s="130"/>
      <c r="AF1" s="130"/>
      <c r="AG1" s="130"/>
      <c r="AH1" s="130"/>
      <c r="AI1" s="130"/>
      <c r="AJ1" s="130"/>
      <c r="AK1" s="130"/>
      <c r="AL1" s="130"/>
      <c r="AM1" s="130"/>
      <c r="AN1" s="130"/>
      <c r="AO1" s="130"/>
      <c r="AP1" s="130"/>
      <c r="AQ1" s="130"/>
      <c r="AR1" s="130"/>
      <c r="AS1" s="130"/>
      <c r="AT1" s="130"/>
      <c r="AU1" s="130"/>
      <c r="AV1" s="130"/>
      <c r="AW1" s="130"/>
      <c r="AX1" s="130"/>
      <c r="AY1" s="130"/>
      <c r="AZ1" s="130"/>
      <c r="BA1" s="130"/>
      <c r="BB1" s="130"/>
      <c r="BC1" s="130"/>
      <c r="BD1" s="130"/>
    </row>
    <row r="2" spans="1:56">
      <c r="A2" s="284"/>
      <c r="B2" s="128"/>
      <c r="C2" s="128"/>
      <c r="D2" s="128"/>
      <c r="E2" s="128"/>
      <c r="F2" s="128"/>
      <c r="G2" s="128"/>
      <c r="H2" s="128"/>
      <c r="I2" s="128"/>
      <c r="J2" s="128"/>
      <c r="K2" s="128"/>
      <c r="L2" s="128"/>
      <c r="M2" s="129"/>
      <c r="N2" s="131"/>
      <c r="O2" s="131"/>
      <c r="P2" s="285"/>
      <c r="Q2" s="131"/>
      <c r="R2" s="131"/>
      <c r="S2" s="131"/>
      <c r="T2" s="131"/>
      <c r="U2" s="131"/>
      <c r="V2" s="131"/>
      <c r="W2" s="131"/>
      <c r="X2" s="131"/>
      <c r="Y2" s="131"/>
      <c r="Z2" s="131"/>
      <c r="AA2" s="131"/>
      <c r="AB2" s="131"/>
      <c r="AC2" s="131"/>
      <c r="AD2" s="131"/>
      <c r="AE2" s="131"/>
      <c r="AF2" s="131"/>
      <c r="AG2" s="131"/>
      <c r="AH2" s="131"/>
      <c r="AI2" s="131"/>
      <c r="AJ2" s="131"/>
      <c r="AK2" s="131"/>
      <c r="AL2" s="131"/>
      <c r="AM2" s="131"/>
      <c r="AN2" s="131"/>
      <c r="AO2" s="131"/>
      <c r="AP2" s="131"/>
      <c r="AQ2" s="131"/>
      <c r="AR2" s="131"/>
      <c r="AS2" s="131"/>
      <c r="AT2" s="131"/>
      <c r="AU2" s="131"/>
      <c r="AV2" s="131"/>
      <c r="AW2" s="131"/>
      <c r="AX2" s="131"/>
      <c r="AY2" s="131"/>
      <c r="AZ2" s="131"/>
      <c r="BA2" s="131"/>
      <c r="BB2" s="131"/>
      <c r="BC2" s="131"/>
      <c r="BD2" s="131"/>
    </row>
    <row r="3" spans="1:56">
      <c r="A3" s="284"/>
      <c r="B3" s="128"/>
      <c r="C3" s="286" t="s">
        <v>1</v>
      </c>
      <c r="D3" s="128"/>
      <c r="E3" s="128"/>
      <c r="F3" s="128"/>
      <c r="G3" s="128"/>
      <c r="H3" s="128"/>
      <c r="I3" s="128"/>
      <c r="J3" s="128"/>
      <c r="K3" s="128"/>
      <c r="L3" s="128"/>
      <c r="M3" s="129"/>
      <c r="N3" s="131"/>
      <c r="O3" s="131"/>
      <c r="P3" s="285"/>
      <c r="Q3" s="131"/>
      <c r="R3" s="131"/>
      <c r="S3" s="131"/>
      <c r="T3" s="131"/>
      <c r="U3" s="131"/>
      <c r="V3" s="131"/>
      <c r="W3" s="131"/>
      <c r="X3" s="131"/>
      <c r="Y3" s="131"/>
      <c r="Z3" s="131"/>
      <c r="AA3" s="131"/>
      <c r="AB3" s="131"/>
      <c r="AC3" s="131"/>
      <c r="AD3" s="131"/>
      <c r="AE3" s="131"/>
      <c r="AF3" s="131"/>
      <c r="AG3" s="131"/>
      <c r="AH3" s="131"/>
      <c r="AI3" s="131"/>
      <c r="AJ3" s="131"/>
      <c r="AK3" s="131"/>
      <c r="AL3" s="131"/>
      <c r="AM3" s="131"/>
      <c r="AN3" s="131"/>
      <c r="AO3" s="131"/>
      <c r="AP3" s="131"/>
      <c r="AQ3" s="131"/>
      <c r="AR3" s="131"/>
      <c r="AS3" s="131"/>
      <c r="AT3" s="131"/>
      <c r="AU3" s="131"/>
      <c r="AV3" s="131"/>
      <c r="AW3" s="131"/>
      <c r="AX3" s="131"/>
      <c r="AY3" s="131"/>
      <c r="AZ3" s="131"/>
      <c r="BA3" s="131"/>
      <c r="BB3" s="131"/>
      <c r="BC3" s="131"/>
      <c r="BD3" s="131"/>
    </row>
    <row r="4" spans="1:56">
      <c r="A4" s="284"/>
      <c r="B4" s="128"/>
      <c r="C4" s="287" t="s">
        <v>2</v>
      </c>
      <c r="D4" s="128"/>
      <c r="E4" s="128"/>
      <c r="F4" s="128"/>
      <c r="G4" s="128"/>
      <c r="H4" s="128"/>
      <c r="I4" s="128"/>
      <c r="J4" s="128"/>
      <c r="K4" s="128"/>
      <c r="L4" s="128"/>
      <c r="M4" s="129"/>
      <c r="N4" s="131"/>
      <c r="O4" s="131"/>
      <c r="P4" s="285"/>
      <c r="Q4" s="131"/>
      <c r="R4" s="131"/>
      <c r="S4" s="131"/>
      <c r="T4" s="131"/>
      <c r="U4" s="131"/>
      <c r="V4" s="131"/>
      <c r="W4" s="131"/>
      <c r="X4" s="131"/>
      <c r="Y4" s="131"/>
      <c r="Z4" s="131"/>
      <c r="AA4" s="131"/>
      <c r="AB4" s="131"/>
      <c r="AC4" s="131"/>
      <c r="AD4" s="131"/>
      <c r="AE4" s="131"/>
      <c r="AF4" s="131"/>
      <c r="AG4" s="131"/>
      <c r="AH4" s="131"/>
      <c r="AI4" s="131"/>
      <c r="AJ4" s="131"/>
      <c r="AK4" s="131"/>
      <c r="AL4" s="131"/>
      <c r="AM4" s="131"/>
      <c r="AN4" s="131"/>
      <c r="AO4" s="131"/>
      <c r="AP4" s="131"/>
      <c r="AQ4" s="131"/>
      <c r="AR4" s="131"/>
      <c r="AS4" s="131"/>
      <c r="AT4" s="131"/>
      <c r="AU4" s="131"/>
      <c r="AV4" s="131"/>
      <c r="AW4" s="131"/>
      <c r="AX4" s="131"/>
      <c r="AY4" s="131"/>
      <c r="AZ4" s="131"/>
      <c r="BA4" s="131"/>
      <c r="BB4" s="131"/>
      <c r="BC4" s="131"/>
      <c r="BD4" s="131"/>
    </row>
    <row r="5" spans="1:56">
      <c r="A5" s="284"/>
      <c r="B5" s="128"/>
      <c r="C5" s="287"/>
      <c r="D5" s="128"/>
      <c r="E5" s="128"/>
      <c r="F5" s="128"/>
      <c r="G5" s="128"/>
      <c r="H5" s="128"/>
      <c r="I5" s="128"/>
      <c r="J5" s="128"/>
      <c r="K5" s="128"/>
      <c r="L5" s="128"/>
      <c r="M5" s="129"/>
      <c r="N5" s="131"/>
      <c r="O5" s="131"/>
      <c r="P5" s="285"/>
      <c r="Q5" s="131"/>
      <c r="R5" s="131"/>
      <c r="S5" s="131"/>
      <c r="T5" s="131"/>
      <c r="U5" s="131"/>
      <c r="V5" s="131"/>
      <c r="W5" s="131"/>
      <c r="X5" s="131"/>
      <c r="Y5" s="131"/>
      <c r="Z5" s="131"/>
      <c r="AA5" s="131"/>
      <c r="AB5" s="131"/>
      <c r="AC5" s="131"/>
      <c r="AD5" s="131"/>
      <c r="AE5" s="131"/>
      <c r="AF5" s="131"/>
      <c r="AG5" s="131"/>
      <c r="AH5" s="131"/>
      <c r="AI5" s="131"/>
      <c r="AJ5" s="131"/>
      <c r="AK5" s="131"/>
      <c r="AL5" s="131"/>
      <c r="AM5" s="131"/>
      <c r="AN5" s="131"/>
      <c r="AO5" s="131"/>
      <c r="AP5" s="131"/>
      <c r="AQ5" s="131"/>
      <c r="AR5" s="131"/>
      <c r="AS5" s="131"/>
      <c r="AT5" s="131"/>
      <c r="AU5" s="131"/>
      <c r="AV5" s="131"/>
      <c r="AW5" s="131"/>
      <c r="AX5" s="131"/>
      <c r="AY5" s="131"/>
      <c r="AZ5" s="131"/>
      <c r="BA5" s="131"/>
      <c r="BB5" s="131"/>
      <c r="BC5" s="131"/>
      <c r="BD5" s="131"/>
    </row>
    <row r="6" spans="1:56" ht="13.5" thickBot="1">
      <c r="A6" s="288"/>
      <c r="B6" s="131"/>
      <c r="C6" s="131"/>
      <c r="D6" s="131"/>
      <c r="E6" s="131"/>
      <c r="F6" s="131"/>
      <c r="G6" s="131"/>
      <c r="H6" s="131"/>
      <c r="I6" s="131"/>
      <c r="J6" s="131"/>
      <c r="K6" s="131"/>
      <c r="L6" s="131"/>
      <c r="M6" s="131"/>
      <c r="N6" s="131"/>
      <c r="O6" s="131"/>
      <c r="P6" s="285"/>
      <c r="Q6" s="131"/>
      <c r="R6" s="131"/>
      <c r="S6" s="131"/>
      <c r="T6" s="131"/>
      <c r="U6" s="131"/>
      <c r="V6" s="131"/>
      <c r="W6" s="131"/>
      <c r="X6" s="131"/>
      <c r="Y6" s="131"/>
      <c r="Z6" s="131"/>
      <c r="AA6" s="131"/>
      <c r="AB6" s="131"/>
      <c r="AC6" s="131"/>
      <c r="AD6" s="131"/>
      <c r="AE6" s="131"/>
      <c r="AF6" s="131"/>
      <c r="AG6" s="131"/>
      <c r="AH6" s="131"/>
      <c r="AI6" s="131"/>
      <c r="AJ6" s="131"/>
      <c r="AK6" s="131"/>
      <c r="AL6" s="131"/>
      <c r="AM6" s="131"/>
      <c r="AN6" s="131"/>
      <c r="AO6" s="131"/>
      <c r="AP6" s="131"/>
      <c r="AQ6" s="131"/>
      <c r="AR6" s="131"/>
      <c r="AS6" s="131"/>
      <c r="AT6" s="131"/>
      <c r="AU6" s="131"/>
      <c r="AV6" s="131"/>
      <c r="AW6" s="131"/>
      <c r="AX6" s="131"/>
      <c r="AY6" s="131"/>
      <c r="AZ6" s="131"/>
      <c r="BA6" s="131"/>
      <c r="BB6" s="131"/>
      <c r="BC6" s="131"/>
      <c r="BD6" s="131"/>
    </row>
    <row r="7" spans="1:56">
      <c r="A7" s="288"/>
      <c r="B7" s="189" t="s">
        <v>3</v>
      </c>
      <c r="C7" s="190"/>
      <c r="D7" s="190"/>
      <c r="E7" s="190"/>
      <c r="F7" s="190"/>
      <c r="G7" s="190"/>
      <c r="H7" s="190"/>
      <c r="I7" s="190"/>
      <c r="J7" s="190"/>
      <c r="K7" s="191"/>
      <c r="L7" s="131"/>
      <c r="M7" s="131"/>
      <c r="N7" s="131"/>
      <c r="O7" s="131"/>
      <c r="P7" s="285"/>
      <c r="Q7" s="131"/>
      <c r="R7" s="131"/>
      <c r="S7" s="131"/>
      <c r="T7" s="131"/>
      <c r="U7" s="131"/>
      <c r="V7" s="131"/>
      <c r="W7" s="131"/>
      <c r="X7" s="131"/>
      <c r="Y7" s="131"/>
      <c r="Z7" s="131"/>
      <c r="AA7" s="131"/>
      <c r="AB7" s="131"/>
      <c r="AC7" s="131"/>
      <c r="AD7" s="131"/>
      <c r="AE7" s="131"/>
      <c r="AF7" s="131"/>
      <c r="AG7" s="131"/>
      <c r="AH7" s="131"/>
      <c r="AI7" s="131"/>
      <c r="AJ7" s="131"/>
      <c r="AK7" s="131"/>
      <c r="AL7" s="131"/>
      <c r="AM7" s="131"/>
      <c r="AN7" s="131"/>
      <c r="AO7" s="131"/>
      <c r="AP7" s="131"/>
      <c r="AQ7" s="131"/>
      <c r="AR7" s="131"/>
      <c r="AS7" s="131"/>
      <c r="AT7" s="131"/>
      <c r="AU7" s="131"/>
      <c r="AV7" s="131"/>
      <c r="AW7" s="131"/>
      <c r="AX7" s="131"/>
      <c r="AY7" s="131"/>
      <c r="AZ7" s="131"/>
      <c r="BA7" s="131"/>
      <c r="BB7" s="131"/>
      <c r="BC7" s="131"/>
      <c r="BD7" s="131"/>
    </row>
    <row r="8" spans="1:56">
      <c r="A8" s="288"/>
      <c r="B8" s="192"/>
      <c r="C8" s="193"/>
      <c r="D8" s="193"/>
      <c r="E8" s="193"/>
      <c r="F8" s="193"/>
      <c r="G8" s="193"/>
      <c r="H8" s="193"/>
      <c r="I8" s="193"/>
      <c r="J8" s="193"/>
      <c r="K8" s="194"/>
      <c r="L8" s="131"/>
      <c r="M8" s="131"/>
      <c r="N8" s="131"/>
      <c r="O8" s="131"/>
      <c r="P8" s="285"/>
      <c r="Q8" s="131"/>
      <c r="R8" s="131"/>
      <c r="S8" s="131"/>
      <c r="T8" s="131"/>
      <c r="U8" s="131"/>
      <c r="V8" s="131"/>
      <c r="W8" s="131"/>
      <c r="X8" s="131"/>
      <c r="Y8" s="131"/>
      <c r="Z8" s="131"/>
      <c r="AA8" s="131"/>
      <c r="AB8" s="131"/>
      <c r="AC8" s="131"/>
      <c r="AD8" s="131"/>
      <c r="AE8" s="131"/>
      <c r="AF8" s="131"/>
      <c r="AG8" s="131"/>
      <c r="AH8" s="131"/>
      <c r="AI8" s="131"/>
      <c r="AJ8" s="131"/>
      <c r="AK8" s="131"/>
      <c r="AL8" s="131"/>
      <c r="AM8" s="131"/>
      <c r="AN8" s="131"/>
      <c r="AO8" s="131"/>
      <c r="AP8" s="131"/>
      <c r="AQ8" s="131"/>
      <c r="AR8" s="131"/>
      <c r="AS8" s="131"/>
      <c r="AT8" s="131"/>
      <c r="AU8" s="131"/>
      <c r="AV8" s="131"/>
      <c r="AW8" s="131"/>
      <c r="AX8" s="131"/>
      <c r="AY8" s="131"/>
      <c r="AZ8" s="131"/>
      <c r="BA8" s="131"/>
      <c r="BB8" s="131"/>
      <c r="BC8" s="131"/>
      <c r="BD8" s="131"/>
    </row>
    <row r="9" spans="1:56">
      <c r="A9" s="288"/>
      <c r="B9" s="195"/>
      <c r="C9" s="196" t="s">
        <v>4</v>
      </c>
      <c r="D9" s="193"/>
      <c r="E9" s="193"/>
      <c r="F9" s="193"/>
      <c r="G9" s="193"/>
      <c r="H9" s="193"/>
      <c r="I9" s="193"/>
      <c r="J9" s="193"/>
      <c r="K9" s="194"/>
      <c r="L9" s="131"/>
      <c r="M9" s="131"/>
      <c r="N9" s="131"/>
      <c r="O9" s="131"/>
      <c r="P9" s="285"/>
      <c r="Q9" s="131"/>
      <c r="R9" s="131"/>
      <c r="S9" s="131"/>
      <c r="T9" s="131"/>
      <c r="U9" s="131"/>
      <c r="V9" s="131"/>
      <c r="W9" s="131"/>
      <c r="X9" s="131"/>
      <c r="Y9" s="131"/>
      <c r="Z9" s="131"/>
      <c r="AA9" s="131"/>
      <c r="AB9" s="131"/>
      <c r="AC9" s="131"/>
      <c r="AD9" s="131"/>
      <c r="AE9" s="131"/>
      <c r="AF9" s="131"/>
      <c r="AG9" s="131"/>
      <c r="AH9" s="131"/>
      <c r="AI9" s="131"/>
      <c r="AJ9" s="131"/>
      <c r="AK9" s="131"/>
      <c r="AL9" s="131"/>
      <c r="AM9" s="131"/>
      <c r="AN9" s="131"/>
      <c r="AO9" s="131"/>
      <c r="AP9" s="131"/>
      <c r="AQ9" s="131"/>
      <c r="AR9" s="131"/>
      <c r="AS9" s="131"/>
      <c r="AT9" s="131"/>
      <c r="AU9" s="131"/>
      <c r="AV9" s="131"/>
      <c r="AW9" s="131"/>
      <c r="AX9" s="131"/>
      <c r="AY9" s="131"/>
      <c r="AZ9" s="131"/>
      <c r="BA9" s="131"/>
      <c r="BB9" s="131"/>
      <c r="BC9" s="131"/>
      <c r="BD9" s="131"/>
    </row>
    <row r="10" spans="1:56">
      <c r="A10" s="288"/>
      <c r="B10" s="195"/>
      <c r="C10" s="196" t="s">
        <v>5</v>
      </c>
      <c r="D10" s="193"/>
      <c r="E10" s="193"/>
      <c r="F10" s="193"/>
      <c r="G10" s="193"/>
      <c r="H10" s="193"/>
      <c r="I10" s="193"/>
      <c r="J10" s="193"/>
      <c r="K10" s="194"/>
      <c r="L10" s="131"/>
      <c r="M10" s="131"/>
      <c r="N10" s="131"/>
      <c r="O10" s="131"/>
      <c r="P10" s="285"/>
      <c r="Q10" s="131"/>
      <c r="R10" s="131"/>
      <c r="S10" s="131"/>
      <c r="T10" s="131"/>
      <c r="U10" s="131"/>
      <c r="V10" s="131"/>
      <c r="W10" s="131"/>
      <c r="X10" s="131"/>
      <c r="Y10" s="131"/>
      <c r="Z10" s="131"/>
      <c r="AA10" s="131"/>
      <c r="AB10" s="131"/>
      <c r="AC10" s="131"/>
      <c r="AD10" s="131"/>
      <c r="AE10" s="131"/>
      <c r="AF10" s="131"/>
      <c r="AG10" s="131"/>
      <c r="AH10" s="131"/>
      <c r="AI10" s="131"/>
      <c r="AJ10" s="131"/>
      <c r="AK10" s="131"/>
      <c r="AL10" s="131"/>
      <c r="AM10" s="131"/>
      <c r="AN10" s="131"/>
      <c r="AO10" s="131"/>
      <c r="AP10" s="131"/>
      <c r="AQ10" s="131"/>
      <c r="AR10" s="131"/>
      <c r="AS10" s="131"/>
      <c r="AT10" s="131"/>
      <c r="AU10" s="131"/>
      <c r="AV10" s="131"/>
      <c r="AW10" s="131"/>
      <c r="AX10" s="131"/>
      <c r="AY10" s="131"/>
      <c r="AZ10" s="131"/>
      <c r="BA10" s="131"/>
      <c r="BB10" s="131"/>
      <c r="BC10" s="131"/>
      <c r="BD10" s="131"/>
    </row>
    <row r="11" spans="1:56">
      <c r="A11" s="288"/>
      <c r="B11" s="195"/>
      <c r="C11" s="196" t="s">
        <v>6</v>
      </c>
      <c r="D11" s="193"/>
      <c r="E11" s="193"/>
      <c r="F11" s="193"/>
      <c r="G11" s="193"/>
      <c r="H11" s="193"/>
      <c r="I11" s="193"/>
      <c r="J11" s="193"/>
      <c r="K11" s="194"/>
      <c r="L11" s="131"/>
      <c r="M11" s="131"/>
      <c r="N11" s="131"/>
      <c r="O11" s="131"/>
      <c r="P11" s="285"/>
      <c r="Q11" s="131"/>
      <c r="R11" s="131"/>
      <c r="S11" s="131"/>
      <c r="T11" s="131"/>
      <c r="U11" s="131"/>
      <c r="V11" s="131"/>
      <c r="W11" s="131"/>
      <c r="X11" s="131"/>
      <c r="Y11" s="131"/>
      <c r="Z11" s="131"/>
      <c r="AA11" s="131"/>
      <c r="AB11" s="131"/>
      <c r="AC11" s="131"/>
      <c r="AD11" s="131"/>
      <c r="AE11" s="131"/>
      <c r="AF11" s="131"/>
      <c r="AG11" s="131"/>
      <c r="AH11" s="131"/>
      <c r="AI11" s="131"/>
      <c r="AJ11" s="131"/>
      <c r="AK11" s="131"/>
      <c r="AL11" s="131"/>
      <c r="AM11" s="131"/>
      <c r="AN11" s="131"/>
      <c r="AO11" s="131"/>
      <c r="AP11" s="131"/>
      <c r="AQ11" s="131"/>
      <c r="AR11" s="131"/>
      <c r="AS11" s="131"/>
      <c r="AT11" s="131"/>
      <c r="AU11" s="131"/>
      <c r="AV11" s="131"/>
      <c r="AW11" s="131"/>
      <c r="AX11" s="131"/>
      <c r="AY11" s="131"/>
      <c r="AZ11" s="131"/>
      <c r="BA11" s="131"/>
      <c r="BB11" s="131"/>
      <c r="BC11" s="131"/>
      <c r="BD11" s="131"/>
    </row>
    <row r="12" spans="1:56">
      <c r="A12" s="288"/>
      <c r="B12" s="195"/>
      <c r="C12" s="196" t="s">
        <v>7</v>
      </c>
      <c r="D12" s="193"/>
      <c r="E12" s="193"/>
      <c r="F12" s="193"/>
      <c r="G12" s="193"/>
      <c r="H12" s="193"/>
      <c r="I12" s="193"/>
      <c r="J12" s="193"/>
      <c r="K12" s="194"/>
      <c r="L12" s="131"/>
      <c r="M12" s="131"/>
      <c r="N12" s="131"/>
      <c r="O12" s="131"/>
      <c r="P12" s="285"/>
      <c r="Q12" s="131"/>
      <c r="R12" s="131"/>
      <c r="S12" s="131"/>
      <c r="T12" s="131"/>
      <c r="U12" s="131"/>
      <c r="V12" s="131"/>
      <c r="W12" s="131"/>
      <c r="X12" s="131"/>
      <c r="Y12" s="131"/>
      <c r="Z12" s="131"/>
      <c r="AA12" s="131"/>
      <c r="AB12" s="131"/>
      <c r="AC12" s="131"/>
      <c r="AD12" s="131"/>
      <c r="AE12" s="131"/>
      <c r="AF12" s="131"/>
      <c r="AG12" s="131"/>
      <c r="AH12" s="131"/>
      <c r="AI12" s="131"/>
      <c r="AJ12" s="131"/>
      <c r="AK12" s="131"/>
      <c r="AL12" s="131"/>
      <c r="AM12" s="131"/>
      <c r="AN12" s="131"/>
      <c r="AO12" s="131"/>
      <c r="AP12" s="131"/>
      <c r="AQ12" s="131"/>
      <c r="AR12" s="131"/>
      <c r="AS12" s="131"/>
      <c r="AT12" s="131"/>
      <c r="AU12" s="131"/>
      <c r="AV12" s="131"/>
      <c r="AW12" s="131"/>
      <c r="AX12" s="131"/>
      <c r="AY12" s="131"/>
      <c r="AZ12" s="131"/>
      <c r="BA12" s="131"/>
      <c r="BB12" s="131"/>
      <c r="BC12" s="131"/>
      <c r="BD12" s="131"/>
    </row>
    <row r="13" spans="1:56">
      <c r="A13" s="288"/>
      <c r="B13" s="195"/>
      <c r="C13" s="196" t="s">
        <v>8</v>
      </c>
      <c r="D13" s="193"/>
      <c r="E13" s="193"/>
      <c r="F13" s="193"/>
      <c r="G13" s="193"/>
      <c r="H13" s="193"/>
      <c r="I13" s="193"/>
      <c r="J13" s="193"/>
      <c r="K13" s="194"/>
      <c r="L13" s="131"/>
      <c r="M13" s="131"/>
      <c r="N13" s="131"/>
      <c r="O13" s="131"/>
      <c r="P13" s="285"/>
      <c r="Q13" s="131"/>
      <c r="R13" s="131"/>
      <c r="S13" s="131"/>
      <c r="T13" s="131"/>
      <c r="U13" s="131"/>
      <c r="V13" s="131"/>
      <c r="W13" s="131"/>
      <c r="X13" s="131"/>
      <c r="Y13" s="131"/>
      <c r="Z13" s="131"/>
      <c r="AA13" s="131"/>
      <c r="AB13" s="131"/>
      <c r="AC13" s="131"/>
      <c r="AD13" s="131"/>
      <c r="AE13" s="131"/>
      <c r="AF13" s="131"/>
      <c r="AG13" s="131"/>
      <c r="AH13" s="131"/>
      <c r="AI13" s="131"/>
      <c r="AJ13" s="131"/>
      <c r="AK13" s="131"/>
      <c r="AL13" s="131"/>
      <c r="AM13" s="131"/>
      <c r="AN13" s="131"/>
      <c r="AO13" s="131"/>
      <c r="AP13" s="131"/>
      <c r="AQ13" s="131"/>
      <c r="AR13" s="131"/>
      <c r="AS13" s="131"/>
      <c r="AT13" s="131"/>
      <c r="AU13" s="131"/>
      <c r="AV13" s="131"/>
      <c r="AW13" s="131"/>
      <c r="AX13" s="131"/>
      <c r="AY13" s="131"/>
      <c r="AZ13" s="131"/>
      <c r="BA13" s="131"/>
      <c r="BB13" s="131"/>
      <c r="BC13" s="131"/>
      <c r="BD13" s="131"/>
    </row>
    <row r="14" spans="1:56">
      <c r="A14" s="288"/>
      <c r="B14" s="195"/>
      <c r="C14" s="196" t="s">
        <v>9</v>
      </c>
      <c r="D14" s="193"/>
      <c r="E14" s="193"/>
      <c r="F14" s="193"/>
      <c r="G14" s="193"/>
      <c r="H14" s="193"/>
      <c r="I14" s="193"/>
      <c r="J14" s="193"/>
      <c r="K14" s="194"/>
      <c r="L14" s="131"/>
      <c r="M14" s="131"/>
      <c r="N14" s="131"/>
      <c r="O14" s="131"/>
      <c r="P14" s="285"/>
      <c r="Q14" s="131"/>
      <c r="R14" s="131"/>
      <c r="S14" s="131"/>
      <c r="T14" s="131"/>
      <c r="U14" s="131"/>
      <c r="V14" s="131"/>
      <c r="W14" s="131"/>
      <c r="X14" s="131"/>
      <c r="Y14" s="131"/>
      <c r="Z14" s="131"/>
      <c r="AA14" s="131"/>
      <c r="AB14" s="131"/>
      <c r="AC14" s="131"/>
      <c r="AD14" s="131"/>
      <c r="AE14" s="131"/>
      <c r="AF14" s="131"/>
      <c r="AG14" s="131"/>
      <c r="AH14" s="131"/>
      <c r="AI14" s="131"/>
      <c r="AJ14" s="131"/>
      <c r="AK14" s="131"/>
      <c r="AL14" s="131"/>
      <c r="AM14" s="131"/>
      <c r="AN14" s="131"/>
      <c r="AO14" s="131"/>
      <c r="AP14" s="131"/>
      <c r="AQ14" s="131"/>
      <c r="AR14" s="131"/>
      <c r="AS14" s="131"/>
      <c r="AT14" s="131"/>
      <c r="AU14" s="131"/>
      <c r="AV14" s="131"/>
      <c r="AW14" s="131"/>
      <c r="AX14" s="131"/>
      <c r="AY14" s="131"/>
      <c r="AZ14" s="131"/>
      <c r="BA14" s="131"/>
      <c r="BB14" s="131"/>
      <c r="BC14" s="131"/>
      <c r="BD14" s="131"/>
    </row>
    <row r="15" spans="1:56">
      <c r="A15" s="288"/>
      <c r="B15" s="195"/>
      <c r="C15" s="196" t="s">
        <v>10</v>
      </c>
      <c r="D15" s="193"/>
      <c r="E15" s="193"/>
      <c r="F15" s="193"/>
      <c r="G15" s="193"/>
      <c r="H15" s="193"/>
      <c r="I15" s="193"/>
      <c r="J15" s="193"/>
      <c r="K15" s="194"/>
      <c r="L15" s="131"/>
      <c r="M15" s="131"/>
      <c r="N15" s="131"/>
      <c r="O15" s="131"/>
      <c r="P15" s="285"/>
      <c r="Q15" s="131"/>
      <c r="R15" s="131"/>
      <c r="S15" s="131"/>
      <c r="T15" s="131"/>
      <c r="U15" s="131"/>
      <c r="V15" s="131"/>
      <c r="W15" s="131"/>
      <c r="X15" s="131"/>
      <c r="Y15" s="131"/>
      <c r="Z15" s="131"/>
      <c r="AA15" s="131"/>
      <c r="AB15" s="131"/>
      <c r="AC15" s="131"/>
      <c r="AD15" s="131"/>
      <c r="AE15" s="131"/>
      <c r="AF15" s="131"/>
      <c r="AG15" s="131"/>
      <c r="AH15" s="131"/>
      <c r="AI15" s="131"/>
      <c r="AJ15" s="131"/>
      <c r="AK15" s="131"/>
      <c r="AL15" s="131"/>
      <c r="AM15" s="131"/>
      <c r="AN15" s="131"/>
      <c r="AO15" s="131"/>
      <c r="AP15" s="131"/>
      <c r="AQ15" s="131"/>
      <c r="AR15" s="131"/>
      <c r="AS15" s="131"/>
      <c r="AT15" s="131"/>
      <c r="AU15" s="131"/>
      <c r="AV15" s="131"/>
      <c r="AW15" s="131"/>
      <c r="AX15" s="131"/>
      <c r="AY15" s="131"/>
      <c r="AZ15" s="131"/>
      <c r="BA15" s="131"/>
      <c r="BB15" s="131"/>
      <c r="BC15" s="131"/>
      <c r="BD15" s="131"/>
    </row>
    <row r="16" spans="1:56">
      <c r="A16" s="288"/>
      <c r="B16" s="195"/>
      <c r="C16" s="193"/>
      <c r="D16" s="193" t="s">
        <v>11</v>
      </c>
      <c r="E16" s="193"/>
      <c r="F16" s="193"/>
      <c r="G16" s="193"/>
      <c r="H16" s="193"/>
      <c r="I16" s="193"/>
      <c r="J16" s="193"/>
      <c r="K16" s="194"/>
      <c r="L16" s="131"/>
      <c r="M16" s="131"/>
      <c r="N16" s="131"/>
      <c r="O16" s="131"/>
      <c r="P16" s="285"/>
      <c r="Q16" s="131"/>
      <c r="R16" s="131"/>
      <c r="S16" s="131"/>
      <c r="T16" s="131"/>
      <c r="U16" s="131"/>
      <c r="V16" s="131"/>
      <c r="W16" s="131"/>
      <c r="X16" s="131"/>
      <c r="Y16" s="131"/>
      <c r="Z16" s="131"/>
      <c r="AA16" s="131"/>
      <c r="AB16" s="131"/>
      <c r="AC16" s="131"/>
      <c r="AD16" s="131"/>
      <c r="AE16" s="131"/>
      <c r="AF16" s="131"/>
      <c r="AG16" s="131"/>
      <c r="AH16" s="131"/>
      <c r="AI16" s="131"/>
      <c r="AJ16" s="131"/>
      <c r="AK16" s="131"/>
      <c r="AL16" s="131"/>
      <c r="AM16" s="131"/>
      <c r="AN16" s="131"/>
      <c r="AO16" s="131"/>
      <c r="AP16" s="131"/>
      <c r="AQ16" s="131"/>
      <c r="AR16" s="131"/>
      <c r="AS16" s="131"/>
      <c r="AT16" s="131"/>
      <c r="AU16" s="131"/>
      <c r="AV16" s="131"/>
      <c r="AW16" s="131"/>
      <c r="AX16" s="131"/>
      <c r="AY16" s="131"/>
      <c r="AZ16" s="131"/>
      <c r="BA16" s="131"/>
      <c r="BB16" s="131"/>
      <c r="BC16" s="131"/>
      <c r="BD16" s="131"/>
    </row>
    <row r="17" spans="1:56">
      <c r="A17" s="288"/>
      <c r="B17" s="195"/>
      <c r="C17" s="193"/>
      <c r="D17" s="197" t="s">
        <v>12</v>
      </c>
      <c r="E17" s="193"/>
      <c r="F17" s="193"/>
      <c r="G17" s="193"/>
      <c r="H17" s="193"/>
      <c r="I17" s="193"/>
      <c r="J17" s="193"/>
      <c r="K17" s="194"/>
      <c r="L17" s="131"/>
      <c r="M17" s="131"/>
      <c r="N17" s="131"/>
      <c r="O17" s="131"/>
      <c r="P17" s="285"/>
      <c r="Q17" s="131"/>
      <c r="R17" s="131"/>
      <c r="S17" s="131"/>
      <c r="T17" s="131"/>
      <c r="U17" s="131"/>
      <c r="V17" s="131"/>
      <c r="W17" s="131"/>
      <c r="X17" s="131"/>
      <c r="Y17" s="131"/>
      <c r="Z17" s="131"/>
      <c r="AA17" s="131"/>
      <c r="AB17" s="131"/>
      <c r="AC17" s="131"/>
      <c r="AD17" s="131"/>
      <c r="AE17" s="131"/>
      <c r="AF17" s="131"/>
      <c r="AG17" s="131"/>
      <c r="AH17" s="131"/>
      <c r="AI17" s="131"/>
      <c r="AJ17" s="131"/>
      <c r="AK17" s="131"/>
      <c r="AL17" s="131"/>
      <c r="AM17" s="131"/>
      <c r="AN17" s="131"/>
      <c r="AO17" s="131"/>
      <c r="AP17" s="131"/>
      <c r="AQ17" s="131"/>
      <c r="AR17" s="131"/>
      <c r="AS17" s="131"/>
      <c r="AT17" s="131"/>
      <c r="AU17" s="131"/>
      <c r="AV17" s="131"/>
      <c r="AW17" s="131"/>
      <c r="AX17" s="131"/>
      <c r="AY17" s="131"/>
      <c r="AZ17" s="131"/>
      <c r="BA17" s="131"/>
      <c r="BB17" s="131"/>
      <c r="BC17" s="131"/>
      <c r="BD17" s="131"/>
    </row>
    <row r="18" spans="1:56">
      <c r="A18" s="288"/>
      <c r="B18" s="195"/>
      <c r="C18" s="193"/>
      <c r="D18" s="197" t="s">
        <v>13</v>
      </c>
      <c r="E18" s="193"/>
      <c r="F18" s="193"/>
      <c r="G18" s="193"/>
      <c r="H18" s="193"/>
      <c r="I18" s="193"/>
      <c r="J18" s="193"/>
      <c r="K18" s="194"/>
      <c r="L18" s="131"/>
      <c r="M18" s="131"/>
      <c r="N18" s="131"/>
      <c r="O18" s="131"/>
      <c r="P18" s="285"/>
      <c r="Q18" s="131"/>
      <c r="R18" s="131"/>
      <c r="S18" s="131"/>
      <c r="T18" s="131"/>
      <c r="U18" s="131"/>
      <c r="V18" s="131"/>
      <c r="W18" s="131"/>
      <c r="X18" s="131"/>
      <c r="Y18" s="131"/>
      <c r="Z18" s="131"/>
      <c r="AA18" s="131"/>
      <c r="AB18" s="131"/>
      <c r="AC18" s="131"/>
      <c r="AD18" s="131"/>
      <c r="AE18" s="131"/>
      <c r="AF18" s="131"/>
      <c r="AG18" s="131"/>
      <c r="AH18" s="131"/>
      <c r="AI18" s="131"/>
      <c r="AJ18" s="131"/>
      <c r="AK18" s="131"/>
      <c r="AL18" s="131"/>
      <c r="AM18" s="131"/>
      <c r="AN18" s="131"/>
      <c r="AO18" s="131"/>
      <c r="AP18" s="131"/>
      <c r="AQ18" s="131"/>
      <c r="AR18" s="131"/>
      <c r="AS18" s="131"/>
      <c r="AT18" s="131"/>
      <c r="AU18" s="131"/>
      <c r="AV18" s="131"/>
      <c r="AW18" s="131"/>
      <c r="AX18" s="131"/>
      <c r="AY18" s="131"/>
      <c r="AZ18" s="131"/>
      <c r="BA18" s="131"/>
      <c r="BB18" s="131"/>
      <c r="BC18" s="131"/>
      <c r="BD18" s="131"/>
    </row>
    <row r="19" spans="1:56">
      <c r="A19" s="288"/>
      <c r="B19" s="195"/>
      <c r="C19" s="193"/>
      <c r="D19" s="193" t="s">
        <v>14</v>
      </c>
      <c r="E19" s="193"/>
      <c r="F19" s="193"/>
      <c r="G19" s="193"/>
      <c r="H19" s="193"/>
      <c r="I19" s="193"/>
      <c r="J19" s="193"/>
      <c r="K19" s="194"/>
      <c r="L19" s="131"/>
      <c r="M19" s="131"/>
      <c r="N19" s="131"/>
      <c r="O19" s="131"/>
      <c r="P19" s="285"/>
      <c r="Q19" s="131"/>
      <c r="R19" s="131"/>
      <c r="S19" s="131"/>
      <c r="T19" s="131"/>
      <c r="U19" s="131"/>
      <c r="V19" s="131"/>
      <c r="W19" s="131"/>
      <c r="X19" s="131"/>
      <c r="Y19" s="131"/>
      <c r="Z19" s="131"/>
      <c r="AA19" s="131"/>
      <c r="AB19" s="131"/>
      <c r="AC19" s="131"/>
      <c r="AD19" s="131"/>
      <c r="AE19" s="131"/>
      <c r="AF19" s="131"/>
      <c r="AG19" s="131"/>
      <c r="AH19" s="131"/>
      <c r="AI19" s="131"/>
      <c r="AJ19" s="131"/>
      <c r="AK19" s="131"/>
      <c r="AL19" s="131"/>
      <c r="AM19" s="131"/>
      <c r="AN19" s="131"/>
      <c r="AO19" s="131"/>
      <c r="AP19" s="131"/>
      <c r="AQ19" s="131"/>
      <c r="AR19" s="131"/>
      <c r="AS19" s="131"/>
      <c r="AT19" s="131"/>
      <c r="AU19" s="131"/>
      <c r="AV19" s="131"/>
      <c r="AW19" s="131"/>
      <c r="AX19" s="131"/>
      <c r="AY19" s="131"/>
      <c r="AZ19" s="131"/>
      <c r="BA19" s="131"/>
      <c r="BB19" s="131"/>
      <c r="BC19" s="131"/>
      <c r="BD19" s="131"/>
    </row>
    <row r="20" spans="1:56">
      <c r="A20" s="288"/>
      <c r="B20" s="195"/>
      <c r="C20" s="193"/>
      <c r="D20" s="197" t="s">
        <v>15</v>
      </c>
      <c r="E20" s="193"/>
      <c r="F20" s="193"/>
      <c r="G20" s="193"/>
      <c r="H20" s="193"/>
      <c r="I20" s="193"/>
      <c r="J20" s="193"/>
      <c r="K20" s="194"/>
      <c r="L20" s="131"/>
      <c r="M20" s="131"/>
      <c r="N20" s="131"/>
      <c r="O20" s="131"/>
      <c r="P20" s="285"/>
      <c r="Q20" s="131"/>
      <c r="R20" s="131"/>
      <c r="S20" s="131"/>
      <c r="T20" s="131"/>
      <c r="U20" s="131"/>
      <c r="V20" s="131"/>
      <c r="W20" s="131"/>
      <c r="X20" s="131"/>
      <c r="Y20" s="131"/>
      <c r="Z20" s="131"/>
      <c r="AA20" s="131"/>
      <c r="AB20" s="131"/>
      <c r="AC20" s="131"/>
      <c r="AD20" s="131"/>
      <c r="AE20" s="131"/>
      <c r="AF20" s="131"/>
      <c r="AG20" s="131"/>
      <c r="AH20" s="131"/>
      <c r="AI20" s="131"/>
      <c r="AJ20" s="131"/>
      <c r="AK20" s="131"/>
      <c r="AL20" s="131"/>
      <c r="AM20" s="131"/>
      <c r="AN20" s="131"/>
      <c r="AO20" s="131"/>
      <c r="AP20" s="131"/>
      <c r="AQ20" s="131"/>
      <c r="AR20" s="131"/>
      <c r="AS20" s="131"/>
      <c r="AT20" s="131"/>
      <c r="AU20" s="131"/>
      <c r="AV20" s="131"/>
      <c r="AW20" s="131"/>
      <c r="AX20" s="131"/>
      <c r="AY20" s="131"/>
      <c r="AZ20" s="131"/>
      <c r="BA20" s="131"/>
      <c r="BB20" s="131"/>
      <c r="BC20" s="131"/>
      <c r="BD20" s="131"/>
    </row>
    <row r="21" spans="1:56">
      <c r="A21" s="288"/>
      <c r="B21" s="195"/>
      <c r="C21" s="193"/>
      <c r="D21" s="193" t="s">
        <v>16</v>
      </c>
      <c r="E21" s="193"/>
      <c r="F21" s="193"/>
      <c r="G21" s="193"/>
      <c r="H21" s="193"/>
      <c r="I21" s="193"/>
      <c r="J21" s="193"/>
      <c r="K21" s="194"/>
      <c r="L21" s="131"/>
      <c r="M21" s="131"/>
      <c r="N21" s="131"/>
      <c r="O21" s="131"/>
      <c r="P21" s="285"/>
      <c r="Q21" s="131"/>
      <c r="R21" s="131"/>
      <c r="S21" s="131"/>
      <c r="T21" s="131"/>
      <c r="U21" s="131"/>
      <c r="V21" s="131"/>
      <c r="W21" s="131"/>
      <c r="X21" s="131"/>
      <c r="Y21" s="131"/>
      <c r="Z21" s="131"/>
      <c r="AA21" s="131"/>
      <c r="AB21" s="131"/>
      <c r="AC21" s="131"/>
      <c r="AD21" s="131"/>
      <c r="AE21" s="131"/>
      <c r="AF21" s="131"/>
      <c r="AG21" s="131"/>
      <c r="AH21" s="131"/>
      <c r="AI21" s="131"/>
      <c r="AJ21" s="131"/>
      <c r="AK21" s="131"/>
      <c r="AL21" s="131"/>
      <c r="AM21" s="131"/>
      <c r="AN21" s="131"/>
      <c r="AO21" s="131"/>
      <c r="AP21" s="131"/>
      <c r="AQ21" s="131"/>
      <c r="AR21" s="131"/>
      <c r="AS21" s="131"/>
      <c r="AT21" s="131"/>
      <c r="AU21" s="131"/>
      <c r="AV21" s="131"/>
      <c r="AW21" s="131"/>
      <c r="AX21" s="131"/>
      <c r="AY21" s="131"/>
      <c r="AZ21" s="131"/>
      <c r="BA21" s="131"/>
      <c r="BB21" s="131"/>
      <c r="BC21" s="131"/>
      <c r="BD21" s="131"/>
    </row>
    <row r="22" spans="1:56">
      <c r="A22" s="288"/>
      <c r="B22" s="195"/>
      <c r="C22" s="193"/>
      <c r="D22" s="193" t="s">
        <v>17</v>
      </c>
      <c r="E22" s="193"/>
      <c r="F22" s="193"/>
      <c r="G22" s="193"/>
      <c r="H22" s="193"/>
      <c r="I22" s="193"/>
      <c r="J22" s="193"/>
      <c r="K22" s="194"/>
      <c r="L22" s="131"/>
      <c r="M22" s="131"/>
      <c r="N22" s="131"/>
      <c r="O22" s="131"/>
      <c r="P22" s="285"/>
      <c r="Q22" s="131"/>
      <c r="R22" s="131"/>
      <c r="S22" s="131"/>
      <c r="T22" s="131"/>
      <c r="U22" s="131"/>
      <c r="V22" s="131"/>
      <c r="W22" s="131"/>
      <c r="X22" s="131"/>
      <c r="Y22" s="131"/>
      <c r="Z22" s="131"/>
      <c r="AA22" s="131"/>
      <c r="AB22" s="131"/>
      <c r="AC22" s="131"/>
      <c r="AD22" s="131"/>
      <c r="AE22" s="131"/>
      <c r="AF22" s="131"/>
      <c r="AG22" s="131"/>
      <c r="AH22" s="131"/>
      <c r="AI22" s="131"/>
      <c r="AJ22" s="131"/>
      <c r="AK22" s="131"/>
      <c r="AL22" s="131"/>
      <c r="AM22" s="131"/>
      <c r="AN22" s="131"/>
      <c r="AO22" s="131"/>
      <c r="AP22" s="131"/>
      <c r="AQ22" s="131"/>
      <c r="AR22" s="131"/>
      <c r="AS22" s="131"/>
      <c r="AT22" s="131"/>
      <c r="AU22" s="131"/>
      <c r="AV22" s="131"/>
      <c r="AW22" s="131"/>
      <c r="AX22" s="131"/>
      <c r="AY22" s="131"/>
      <c r="AZ22" s="131"/>
      <c r="BA22" s="131"/>
      <c r="BB22" s="131"/>
      <c r="BC22" s="131"/>
      <c r="BD22" s="131"/>
    </row>
    <row r="23" spans="1:56">
      <c r="A23" s="288"/>
      <c r="B23" s="195"/>
      <c r="C23" s="193"/>
      <c r="D23" s="193" t="s">
        <v>18</v>
      </c>
      <c r="E23" s="193"/>
      <c r="F23" s="193"/>
      <c r="G23" s="193"/>
      <c r="H23" s="193"/>
      <c r="I23" s="193"/>
      <c r="J23" s="193"/>
      <c r="K23" s="194"/>
      <c r="L23" s="131"/>
      <c r="M23" s="131"/>
      <c r="N23" s="131"/>
      <c r="O23" s="131"/>
      <c r="P23" s="285"/>
      <c r="Q23" s="131"/>
      <c r="R23" s="131"/>
      <c r="S23" s="131"/>
      <c r="T23" s="131"/>
      <c r="U23" s="131"/>
      <c r="V23" s="131"/>
      <c r="W23" s="131"/>
      <c r="X23" s="131"/>
      <c r="Y23" s="131"/>
      <c r="Z23" s="131"/>
      <c r="AA23" s="131"/>
      <c r="AB23" s="131"/>
      <c r="AC23" s="131"/>
      <c r="AD23" s="131"/>
      <c r="AE23" s="131"/>
      <c r="AF23" s="131"/>
      <c r="AG23" s="131"/>
      <c r="AH23" s="131"/>
      <c r="AI23" s="131"/>
      <c r="AJ23" s="131"/>
      <c r="AK23" s="131"/>
      <c r="AL23" s="131"/>
      <c r="AM23" s="131"/>
      <c r="AN23" s="131"/>
      <c r="AO23" s="131"/>
      <c r="AP23" s="131"/>
      <c r="AQ23" s="131"/>
      <c r="AR23" s="131"/>
      <c r="AS23" s="131"/>
      <c r="AT23" s="131"/>
      <c r="AU23" s="131"/>
      <c r="AV23" s="131"/>
      <c r="AW23" s="131"/>
      <c r="AX23" s="131"/>
      <c r="AY23" s="131"/>
      <c r="AZ23" s="131"/>
      <c r="BA23" s="131"/>
      <c r="BB23" s="131"/>
      <c r="BC23" s="131"/>
      <c r="BD23" s="131"/>
    </row>
    <row r="24" spans="1:56">
      <c r="A24" s="288"/>
      <c r="B24" s="195"/>
      <c r="C24" s="193"/>
      <c r="D24" s="197" t="s">
        <v>19</v>
      </c>
      <c r="E24" s="193"/>
      <c r="F24" s="193"/>
      <c r="G24" s="193"/>
      <c r="H24" s="193"/>
      <c r="I24" s="193"/>
      <c r="J24" s="193"/>
      <c r="K24" s="194"/>
      <c r="L24" s="131"/>
      <c r="M24" s="131"/>
      <c r="N24" s="131"/>
      <c r="O24" s="131"/>
      <c r="P24" s="285"/>
      <c r="Q24" s="131"/>
      <c r="R24" s="131"/>
      <c r="S24" s="131"/>
      <c r="T24" s="131"/>
      <c r="U24" s="131"/>
      <c r="V24" s="131"/>
      <c r="W24" s="131"/>
      <c r="X24" s="131"/>
      <c r="Y24" s="131"/>
      <c r="Z24" s="131"/>
      <c r="AA24" s="131"/>
      <c r="AB24" s="131"/>
      <c r="AC24" s="131"/>
      <c r="AD24" s="131"/>
      <c r="AE24" s="131"/>
      <c r="AF24" s="131"/>
      <c r="AG24" s="131"/>
      <c r="AH24" s="131"/>
      <c r="AI24" s="131"/>
      <c r="AJ24" s="131"/>
      <c r="AK24" s="131"/>
      <c r="AL24" s="131"/>
      <c r="AM24" s="131"/>
      <c r="AN24" s="131"/>
      <c r="AO24" s="131"/>
      <c r="AP24" s="131"/>
      <c r="AQ24" s="131"/>
      <c r="AR24" s="131"/>
      <c r="AS24" s="131"/>
      <c r="AT24" s="131"/>
      <c r="AU24" s="131"/>
      <c r="AV24" s="131"/>
      <c r="AW24" s="131"/>
      <c r="AX24" s="131"/>
      <c r="AY24" s="131"/>
      <c r="AZ24" s="131"/>
      <c r="BA24" s="131"/>
      <c r="BB24" s="131"/>
      <c r="BC24" s="131"/>
      <c r="BD24" s="131"/>
    </row>
    <row r="25" spans="1:56">
      <c r="A25" s="288"/>
      <c r="B25" s="195"/>
      <c r="C25" s="193"/>
      <c r="D25" s="193" t="s">
        <v>20</v>
      </c>
      <c r="E25" s="193"/>
      <c r="F25" s="193"/>
      <c r="G25" s="193"/>
      <c r="H25" s="193"/>
      <c r="I25" s="193"/>
      <c r="J25" s="193"/>
      <c r="K25" s="194"/>
      <c r="L25" s="131"/>
      <c r="M25" s="131"/>
      <c r="N25" s="131"/>
      <c r="O25" s="131"/>
      <c r="P25" s="285"/>
      <c r="Q25" s="131"/>
      <c r="R25" s="131"/>
      <c r="S25" s="131"/>
      <c r="T25" s="131"/>
      <c r="U25" s="131"/>
      <c r="V25" s="131"/>
      <c r="W25" s="131"/>
      <c r="X25" s="131"/>
      <c r="Y25" s="131"/>
      <c r="Z25" s="131"/>
      <c r="AA25" s="131"/>
      <c r="AB25" s="131"/>
      <c r="AC25" s="131"/>
      <c r="AD25" s="131"/>
      <c r="AE25" s="131"/>
      <c r="AF25" s="131"/>
      <c r="AG25" s="131"/>
      <c r="AH25" s="131"/>
      <c r="AI25" s="131"/>
      <c r="AJ25" s="131"/>
      <c r="AK25" s="131"/>
      <c r="AL25" s="131"/>
      <c r="AM25" s="131"/>
      <c r="AN25" s="131"/>
      <c r="AO25" s="131"/>
      <c r="AP25" s="131"/>
      <c r="AQ25" s="131"/>
      <c r="AR25" s="131"/>
      <c r="AS25" s="131"/>
      <c r="AT25" s="131"/>
      <c r="AU25" s="131"/>
      <c r="AV25" s="131"/>
      <c r="AW25" s="131"/>
      <c r="AX25" s="131"/>
      <c r="AY25" s="131"/>
      <c r="AZ25" s="131"/>
      <c r="BA25" s="131"/>
      <c r="BB25" s="131"/>
      <c r="BC25" s="131"/>
      <c r="BD25" s="131"/>
    </row>
    <row r="26" spans="1:56">
      <c r="A26" s="288"/>
      <c r="B26" s="195"/>
      <c r="C26" s="193"/>
      <c r="D26" s="131" t="s">
        <v>21</v>
      </c>
      <c r="E26" s="193"/>
      <c r="F26" s="193"/>
      <c r="G26" s="193"/>
      <c r="H26" s="193"/>
      <c r="I26" s="193"/>
      <c r="J26" s="193"/>
      <c r="K26" s="194"/>
      <c r="L26" s="131"/>
      <c r="M26" s="131"/>
      <c r="N26" s="131"/>
      <c r="O26" s="131"/>
      <c r="P26" s="285"/>
      <c r="Q26" s="131"/>
      <c r="R26" s="131"/>
      <c r="S26" s="131"/>
      <c r="T26" s="131"/>
      <c r="U26" s="131"/>
      <c r="V26" s="131"/>
      <c r="W26" s="131"/>
      <c r="X26" s="131"/>
      <c r="Y26" s="131"/>
      <c r="Z26" s="131"/>
      <c r="AA26" s="131"/>
      <c r="AB26" s="131"/>
      <c r="AC26" s="131"/>
      <c r="AD26" s="131"/>
      <c r="AE26" s="131"/>
      <c r="AF26" s="131"/>
      <c r="AG26" s="131"/>
      <c r="AH26" s="131"/>
      <c r="AI26" s="131"/>
      <c r="AJ26" s="131"/>
      <c r="AK26" s="131"/>
      <c r="AL26" s="131"/>
      <c r="AM26" s="131"/>
      <c r="AN26" s="131"/>
      <c r="AO26" s="131"/>
      <c r="AP26" s="131"/>
      <c r="AQ26" s="131"/>
      <c r="AR26" s="131"/>
      <c r="AS26" s="131"/>
      <c r="AT26" s="131"/>
      <c r="AU26" s="131"/>
      <c r="AV26" s="131"/>
      <c r="AW26" s="131"/>
      <c r="AX26" s="131"/>
      <c r="AY26" s="131"/>
      <c r="AZ26" s="131"/>
      <c r="BA26" s="131"/>
      <c r="BB26" s="131"/>
      <c r="BC26" s="131"/>
      <c r="BD26" s="131"/>
    </row>
    <row r="27" spans="1:56">
      <c r="A27" s="288"/>
      <c r="B27" s="195"/>
      <c r="C27" s="193"/>
      <c r="D27" s="193" t="s">
        <v>22</v>
      </c>
      <c r="E27" s="193"/>
      <c r="F27" s="193"/>
      <c r="G27" s="193"/>
      <c r="H27" s="193"/>
      <c r="I27" s="193"/>
      <c r="J27" s="193"/>
      <c r="K27" s="194"/>
      <c r="L27" s="131"/>
      <c r="M27" s="131"/>
      <c r="N27" s="131"/>
      <c r="O27" s="131"/>
      <c r="P27" s="285"/>
      <c r="Q27" s="131"/>
      <c r="R27" s="131"/>
      <c r="S27" s="131"/>
      <c r="T27" s="131"/>
      <c r="U27" s="131"/>
      <c r="V27" s="131"/>
      <c r="W27" s="131"/>
      <c r="X27" s="131"/>
      <c r="Y27" s="131"/>
      <c r="Z27" s="131"/>
      <c r="AA27" s="131"/>
      <c r="AB27" s="131"/>
      <c r="AC27" s="131"/>
      <c r="AD27" s="131"/>
      <c r="AE27" s="131"/>
      <c r="AF27" s="131"/>
      <c r="AG27" s="131"/>
      <c r="AH27" s="131"/>
      <c r="AI27" s="131"/>
      <c r="AJ27" s="131"/>
      <c r="AK27" s="131"/>
      <c r="AL27" s="131"/>
      <c r="AM27" s="131"/>
      <c r="AN27" s="131"/>
      <c r="AO27" s="131"/>
      <c r="AP27" s="131"/>
      <c r="AQ27" s="131"/>
      <c r="AR27" s="131"/>
      <c r="AS27" s="131"/>
      <c r="AT27" s="131"/>
      <c r="AU27" s="131"/>
      <c r="AV27" s="131"/>
      <c r="AW27" s="131"/>
      <c r="AX27" s="131"/>
      <c r="AY27" s="131"/>
      <c r="AZ27" s="131"/>
      <c r="BA27" s="131"/>
      <c r="BB27" s="131"/>
      <c r="BC27" s="131"/>
      <c r="BD27" s="131"/>
    </row>
    <row r="28" spans="1:56">
      <c r="A28" s="288"/>
      <c r="B28" s="195"/>
      <c r="C28" s="193"/>
      <c r="D28" s="193" t="s">
        <v>23</v>
      </c>
      <c r="E28" s="193"/>
      <c r="F28" s="193"/>
      <c r="G28" s="193"/>
      <c r="H28" s="193"/>
      <c r="I28" s="193"/>
      <c r="J28" s="193"/>
      <c r="K28" s="194"/>
      <c r="L28" s="131"/>
      <c r="M28" s="131"/>
      <c r="N28" s="131"/>
      <c r="O28" s="131"/>
      <c r="P28" s="285"/>
      <c r="Q28" s="131"/>
      <c r="R28" s="131"/>
      <c r="S28" s="131"/>
      <c r="T28" s="131"/>
      <c r="U28" s="131"/>
      <c r="V28" s="131"/>
      <c r="W28" s="131"/>
      <c r="X28" s="131"/>
      <c r="Y28" s="131"/>
      <c r="Z28" s="131"/>
      <c r="AA28" s="131"/>
      <c r="AB28" s="131"/>
      <c r="AC28" s="131"/>
      <c r="AD28" s="131"/>
      <c r="AE28" s="131"/>
      <c r="AF28" s="131"/>
      <c r="AG28" s="131"/>
      <c r="AH28" s="131"/>
      <c r="AI28" s="131"/>
      <c r="AJ28" s="131"/>
      <c r="AK28" s="131"/>
      <c r="AL28" s="131"/>
      <c r="AM28" s="131"/>
      <c r="AN28" s="131"/>
      <c r="AO28" s="131"/>
      <c r="AP28" s="131"/>
      <c r="AQ28" s="131"/>
      <c r="AR28" s="131"/>
      <c r="AS28" s="131"/>
      <c r="AT28" s="131"/>
      <c r="AU28" s="131"/>
      <c r="AV28" s="131"/>
      <c r="AW28" s="131"/>
      <c r="AX28" s="131"/>
      <c r="AY28" s="131"/>
      <c r="AZ28" s="131"/>
      <c r="BA28" s="131"/>
      <c r="BB28" s="131"/>
      <c r="BC28" s="131"/>
      <c r="BD28" s="131"/>
    </row>
    <row r="29" spans="1:56">
      <c r="A29" s="398"/>
      <c r="B29" s="195"/>
      <c r="C29" s="193"/>
      <c r="D29" s="193" t="s">
        <v>3022</v>
      </c>
      <c r="E29" s="193"/>
      <c r="F29" s="193"/>
      <c r="G29" s="193"/>
      <c r="H29" s="193"/>
      <c r="I29" s="193"/>
      <c r="J29" s="193"/>
      <c r="K29" s="194"/>
      <c r="L29" s="131"/>
      <c r="M29" s="131"/>
      <c r="N29" s="131"/>
      <c r="O29" s="131"/>
      <c r="P29" s="285"/>
      <c r="Q29" s="131"/>
      <c r="R29" s="131"/>
      <c r="S29" s="131"/>
      <c r="T29" s="131"/>
      <c r="U29" s="131"/>
      <c r="V29" s="131"/>
      <c r="W29" s="131"/>
      <c r="X29" s="131"/>
      <c r="Y29" s="131"/>
      <c r="Z29" s="131"/>
      <c r="AA29" s="131"/>
      <c r="AB29" s="131"/>
      <c r="AC29" s="131"/>
      <c r="AD29" s="131"/>
      <c r="AE29" s="131"/>
      <c r="AF29" s="131"/>
      <c r="AG29" s="131"/>
      <c r="AH29" s="131"/>
      <c r="AI29" s="131"/>
      <c r="AJ29" s="131"/>
      <c r="AK29" s="131"/>
      <c r="AL29" s="131"/>
      <c r="AM29" s="131"/>
      <c r="AN29" s="131"/>
      <c r="AO29" s="131"/>
      <c r="AP29" s="131"/>
      <c r="AQ29" s="131"/>
      <c r="AR29" s="131"/>
      <c r="AS29" s="131"/>
      <c r="AT29" s="131"/>
      <c r="AU29" s="131"/>
      <c r="AV29" s="131"/>
      <c r="AW29" s="131"/>
      <c r="AX29" s="131"/>
      <c r="AY29" s="131"/>
      <c r="AZ29" s="131"/>
      <c r="BA29" s="131"/>
      <c r="BB29" s="131"/>
      <c r="BC29" s="131"/>
      <c r="BD29" s="131"/>
    </row>
    <row r="30" spans="1:56">
      <c r="A30" s="288"/>
      <c r="B30" s="195"/>
      <c r="C30" s="193"/>
      <c r="D30" s="289"/>
      <c r="E30" s="193"/>
      <c r="F30" s="193"/>
      <c r="G30" s="193"/>
      <c r="H30" s="193"/>
      <c r="I30" s="193"/>
      <c r="J30" s="193"/>
      <c r="K30" s="194"/>
      <c r="L30" s="131"/>
      <c r="M30" s="131"/>
      <c r="N30" s="131"/>
      <c r="O30" s="131"/>
      <c r="P30" s="285"/>
      <c r="Q30" s="131"/>
      <c r="R30" s="131"/>
      <c r="S30" s="131"/>
      <c r="T30" s="131"/>
      <c r="U30" s="131"/>
      <c r="V30" s="131"/>
      <c r="W30" s="131"/>
      <c r="X30" s="131"/>
      <c r="Y30" s="131"/>
      <c r="Z30" s="131"/>
      <c r="AA30" s="131"/>
      <c r="AB30" s="131"/>
      <c r="AC30" s="131"/>
      <c r="AD30" s="131"/>
      <c r="AE30" s="131"/>
      <c r="AF30" s="131"/>
      <c r="AG30" s="131"/>
      <c r="AH30" s="131"/>
      <c r="AI30" s="131"/>
      <c r="AJ30" s="131"/>
      <c r="AK30" s="131"/>
      <c r="AL30" s="131"/>
      <c r="AM30" s="131"/>
      <c r="AN30" s="131"/>
      <c r="AO30" s="131"/>
      <c r="AP30" s="131"/>
      <c r="AQ30" s="131"/>
      <c r="AR30" s="131"/>
      <c r="AS30" s="131"/>
      <c r="AT30" s="131"/>
      <c r="AU30" s="131"/>
      <c r="AV30" s="131"/>
      <c r="AW30" s="131"/>
      <c r="AX30" s="131"/>
      <c r="AY30" s="131"/>
      <c r="AZ30" s="131"/>
      <c r="BA30" s="131"/>
      <c r="BB30" s="131"/>
      <c r="BC30" s="131"/>
      <c r="BD30" s="131"/>
    </row>
    <row r="31" spans="1:56">
      <c r="A31" s="288"/>
      <c r="B31" s="195"/>
      <c r="C31" s="196" t="s">
        <v>24</v>
      </c>
      <c r="D31" s="193"/>
      <c r="E31" s="193"/>
      <c r="F31" s="193"/>
      <c r="G31" s="193"/>
      <c r="H31" s="193"/>
      <c r="I31" s="193"/>
      <c r="J31" s="193"/>
      <c r="K31" s="194"/>
      <c r="L31" s="131"/>
      <c r="M31" s="131"/>
      <c r="N31" s="131"/>
      <c r="O31" s="131"/>
      <c r="P31" s="285"/>
      <c r="Q31" s="131"/>
      <c r="R31" s="131"/>
      <c r="S31" s="131"/>
      <c r="T31" s="131"/>
      <c r="U31" s="131"/>
      <c r="V31" s="131"/>
      <c r="W31" s="131"/>
      <c r="X31" s="131"/>
      <c r="Y31" s="131"/>
      <c r="Z31" s="131"/>
      <c r="AA31" s="131"/>
      <c r="AB31" s="131"/>
      <c r="AC31" s="131"/>
      <c r="AD31" s="131"/>
      <c r="AE31" s="131"/>
      <c r="AF31" s="131"/>
      <c r="AG31" s="131"/>
      <c r="AH31" s="131"/>
      <c r="AI31" s="131"/>
      <c r="AJ31" s="131"/>
      <c r="AK31" s="131"/>
      <c r="AL31" s="131"/>
      <c r="AM31" s="131"/>
      <c r="AN31" s="131"/>
      <c r="AO31" s="131"/>
      <c r="AP31" s="131"/>
      <c r="AQ31" s="131"/>
      <c r="AR31" s="131"/>
      <c r="AS31" s="131"/>
      <c r="AT31" s="131"/>
      <c r="AU31" s="131"/>
      <c r="AV31" s="131"/>
      <c r="AW31" s="131"/>
      <c r="AX31" s="131"/>
      <c r="AY31" s="131"/>
      <c r="AZ31" s="131"/>
      <c r="BA31" s="131"/>
      <c r="BB31" s="131"/>
      <c r="BC31" s="131"/>
      <c r="BD31" s="131"/>
    </row>
    <row r="32" spans="1:56">
      <c r="A32" s="288"/>
      <c r="B32" s="195"/>
      <c r="E32" s="193"/>
      <c r="F32" s="193"/>
      <c r="G32" s="193"/>
      <c r="H32" s="193"/>
      <c r="I32" s="193"/>
      <c r="J32" s="193"/>
      <c r="K32" s="194"/>
      <c r="L32" s="131"/>
      <c r="M32" s="131"/>
      <c r="N32" s="131"/>
      <c r="O32" s="131"/>
      <c r="P32" s="285"/>
      <c r="Q32" s="131"/>
      <c r="R32" s="131"/>
      <c r="S32" s="131"/>
      <c r="T32" s="131"/>
      <c r="U32" s="131"/>
      <c r="V32" s="131"/>
      <c r="W32" s="131"/>
      <c r="X32" s="131"/>
      <c r="Y32" s="131"/>
      <c r="Z32" s="131"/>
      <c r="AA32" s="131"/>
      <c r="AB32" s="131"/>
      <c r="AC32" s="131"/>
      <c r="AD32" s="131"/>
      <c r="AE32" s="131"/>
      <c r="AF32" s="131"/>
      <c r="AG32" s="131"/>
      <c r="AH32" s="131"/>
      <c r="AI32" s="131"/>
      <c r="AJ32" s="131"/>
      <c r="AK32" s="131"/>
      <c r="AL32" s="131"/>
      <c r="AM32" s="131"/>
      <c r="AN32" s="131"/>
      <c r="AO32" s="131"/>
      <c r="AP32" s="131"/>
      <c r="AQ32" s="131"/>
      <c r="AR32" s="131"/>
      <c r="AS32" s="131"/>
      <c r="AT32" s="131"/>
      <c r="AU32" s="131"/>
      <c r="AV32" s="131"/>
      <c r="AW32" s="131"/>
      <c r="AX32" s="131"/>
      <c r="AY32" s="131"/>
      <c r="AZ32" s="131"/>
      <c r="BA32" s="131"/>
      <c r="BB32" s="131"/>
      <c r="BC32" s="131"/>
      <c r="BD32" s="131"/>
    </row>
    <row r="33" spans="1:56" ht="13.5" thickBot="1">
      <c r="A33" s="288"/>
      <c r="B33" s="198"/>
      <c r="C33" s="199"/>
      <c r="D33" s="199"/>
      <c r="E33" s="199"/>
      <c r="F33" s="199"/>
      <c r="G33" s="199"/>
      <c r="H33" s="199"/>
      <c r="I33" s="199"/>
      <c r="J33" s="199"/>
      <c r="K33" s="200"/>
      <c r="L33" s="131"/>
      <c r="M33" s="131"/>
      <c r="N33" s="131"/>
      <c r="O33" s="131"/>
      <c r="P33" s="285"/>
      <c r="Q33" s="131"/>
      <c r="R33" s="131"/>
      <c r="S33" s="131"/>
      <c r="T33" s="131"/>
      <c r="U33" s="131"/>
      <c r="V33" s="131"/>
      <c r="W33" s="131"/>
      <c r="X33" s="131"/>
      <c r="Y33" s="131"/>
      <c r="Z33" s="131"/>
      <c r="AA33" s="131"/>
      <c r="AB33" s="131"/>
      <c r="AC33" s="131"/>
      <c r="AD33" s="131"/>
      <c r="AE33" s="131"/>
      <c r="AF33" s="131"/>
      <c r="AG33" s="131"/>
      <c r="AH33" s="131"/>
      <c r="AI33" s="131"/>
      <c r="AJ33" s="131"/>
      <c r="AK33" s="131"/>
      <c r="AL33" s="131"/>
      <c r="AM33" s="131"/>
      <c r="AN33" s="131"/>
      <c r="AO33" s="131"/>
      <c r="AP33" s="131"/>
      <c r="AQ33" s="131"/>
      <c r="AR33" s="131"/>
      <c r="AS33" s="131"/>
      <c r="AT33" s="131"/>
      <c r="AU33" s="131"/>
      <c r="AV33" s="131"/>
      <c r="AW33" s="131"/>
      <c r="AX33" s="131"/>
      <c r="AY33" s="131"/>
      <c r="AZ33" s="131"/>
      <c r="BA33" s="131"/>
      <c r="BB33" s="131"/>
      <c r="BC33" s="131"/>
      <c r="BD33" s="131"/>
    </row>
    <row r="34" spans="1:56">
      <c r="A34" s="288"/>
      <c r="B34" s="131"/>
      <c r="C34" s="128"/>
      <c r="D34" s="131"/>
      <c r="E34" s="131"/>
      <c r="F34" s="131"/>
      <c r="G34" s="131"/>
      <c r="H34" s="131"/>
      <c r="I34" s="131"/>
      <c r="J34" s="131"/>
      <c r="K34" s="131"/>
      <c r="L34" s="131"/>
      <c r="M34" s="131"/>
      <c r="N34" s="131"/>
      <c r="O34" s="131"/>
      <c r="P34" s="285"/>
      <c r="Q34" s="131"/>
      <c r="R34" s="131"/>
      <c r="S34" s="131"/>
      <c r="T34" s="131"/>
      <c r="U34" s="131"/>
      <c r="V34" s="131"/>
      <c r="W34" s="131"/>
      <c r="X34" s="131"/>
      <c r="Y34" s="131"/>
      <c r="Z34" s="131"/>
      <c r="AA34" s="131"/>
      <c r="AB34" s="131"/>
      <c r="AC34" s="131"/>
      <c r="AD34" s="131"/>
      <c r="AE34" s="131"/>
      <c r="AF34" s="131"/>
      <c r="AG34" s="131"/>
      <c r="AH34" s="131"/>
      <c r="AI34" s="131"/>
      <c r="AJ34" s="131"/>
      <c r="AK34" s="131"/>
      <c r="AL34" s="131"/>
      <c r="AM34" s="131"/>
      <c r="AN34" s="131"/>
      <c r="AO34" s="131"/>
      <c r="AP34" s="131"/>
      <c r="AQ34" s="131"/>
      <c r="AR34" s="131"/>
      <c r="AS34" s="131"/>
      <c r="AT34" s="131"/>
      <c r="AU34" s="131"/>
      <c r="AV34" s="131"/>
      <c r="AW34" s="131"/>
      <c r="AX34" s="131"/>
      <c r="AY34" s="131"/>
      <c r="AZ34" s="131"/>
      <c r="BA34" s="131"/>
      <c r="BB34" s="131"/>
      <c r="BC34" s="131"/>
      <c r="BD34" s="131"/>
    </row>
    <row r="35" spans="1:56">
      <c r="A35" s="288"/>
      <c r="B35" s="131"/>
      <c r="C35" s="131"/>
      <c r="D35" s="131"/>
      <c r="E35" s="131"/>
      <c r="F35" s="131"/>
      <c r="G35" s="131"/>
      <c r="H35" s="131"/>
      <c r="I35" s="131"/>
      <c r="J35" s="131"/>
      <c r="K35" s="131"/>
      <c r="L35" s="131"/>
      <c r="M35" s="131"/>
      <c r="N35" s="131"/>
      <c r="O35" s="131"/>
      <c r="P35" s="285"/>
      <c r="Q35" s="131"/>
      <c r="R35" s="131"/>
      <c r="S35" s="131"/>
      <c r="T35" s="131"/>
      <c r="U35" s="131"/>
      <c r="V35" s="131"/>
      <c r="W35" s="131"/>
      <c r="X35" s="131"/>
      <c r="Y35" s="131"/>
      <c r="Z35" s="131"/>
      <c r="AA35" s="131"/>
      <c r="AB35" s="131"/>
      <c r="AC35" s="131"/>
      <c r="AD35" s="131"/>
      <c r="AE35" s="131"/>
      <c r="AF35" s="131"/>
      <c r="AG35" s="131"/>
      <c r="AH35" s="131"/>
      <c r="AI35" s="131"/>
      <c r="AJ35" s="131"/>
      <c r="AK35" s="131"/>
      <c r="AL35" s="131"/>
      <c r="AM35" s="131"/>
      <c r="AN35" s="131"/>
      <c r="AO35" s="131"/>
      <c r="AP35" s="131"/>
      <c r="AQ35" s="131"/>
      <c r="AR35" s="131"/>
      <c r="AS35" s="131"/>
      <c r="AT35" s="131"/>
      <c r="AU35" s="131"/>
      <c r="AV35" s="131"/>
      <c r="AW35" s="131"/>
      <c r="AX35" s="131"/>
      <c r="AY35" s="131"/>
      <c r="AZ35" s="131"/>
      <c r="BA35" s="131"/>
      <c r="BB35" s="131"/>
      <c r="BC35" s="131"/>
      <c r="BD35" s="131"/>
    </row>
    <row r="36" spans="1:56">
      <c r="A36" s="288"/>
      <c r="B36" s="131"/>
      <c r="C36" s="131"/>
      <c r="D36" s="131"/>
      <c r="E36" s="131"/>
      <c r="F36" s="131"/>
      <c r="G36" s="131"/>
      <c r="H36" s="131"/>
      <c r="I36" s="131"/>
      <c r="J36" s="131"/>
      <c r="K36" s="131"/>
      <c r="L36" s="131"/>
      <c r="M36" s="131"/>
      <c r="N36" s="131"/>
      <c r="O36" s="131"/>
      <c r="P36" s="285"/>
      <c r="Q36" s="131"/>
      <c r="R36" s="131"/>
      <c r="S36" s="131"/>
      <c r="T36" s="131"/>
      <c r="U36" s="131"/>
      <c r="V36" s="131"/>
      <c r="W36" s="131"/>
      <c r="X36" s="131"/>
      <c r="Y36" s="131"/>
      <c r="Z36" s="131"/>
      <c r="AA36" s="131"/>
      <c r="AB36" s="131"/>
      <c r="AC36" s="131"/>
      <c r="AD36" s="131"/>
      <c r="AE36" s="131"/>
      <c r="AF36" s="131"/>
      <c r="AG36" s="131"/>
      <c r="AH36" s="131"/>
      <c r="AI36" s="131"/>
      <c r="AJ36" s="131"/>
      <c r="AK36" s="131"/>
      <c r="AL36" s="131"/>
      <c r="AM36" s="131"/>
      <c r="AN36" s="131"/>
      <c r="AO36" s="131"/>
      <c r="AP36" s="131"/>
      <c r="AQ36" s="131"/>
      <c r="AR36" s="131"/>
      <c r="AS36" s="131"/>
      <c r="AT36" s="131"/>
      <c r="AU36" s="131"/>
      <c r="AV36" s="131"/>
      <c r="AW36" s="131"/>
      <c r="AX36" s="131"/>
      <c r="AY36" s="131"/>
      <c r="AZ36" s="131"/>
      <c r="BA36" s="131"/>
      <c r="BB36" s="131"/>
      <c r="BC36" s="131"/>
      <c r="BD36" s="131"/>
    </row>
    <row r="37" spans="1:56" ht="14">
      <c r="A37" s="290" t="s">
        <v>25</v>
      </c>
      <c r="B37" s="291"/>
      <c r="P37" s="101"/>
    </row>
    <row r="38" spans="1:56">
      <c r="A38" s="292"/>
      <c r="P38" s="101"/>
    </row>
    <row r="39" spans="1:56">
      <c r="A39" s="292"/>
      <c r="C39" s="131" t="s">
        <v>26</v>
      </c>
      <c r="D39" s="128"/>
      <c r="E39" s="71"/>
      <c r="F39" s="71"/>
      <c r="G39" s="71"/>
      <c r="H39" s="71"/>
      <c r="I39" s="71"/>
      <c r="J39" s="71"/>
      <c r="P39" s="101"/>
    </row>
    <row r="40" spans="1:56">
      <c r="A40" s="292"/>
      <c r="C40" s="131" t="s">
        <v>3040</v>
      </c>
      <c r="P40" s="101"/>
    </row>
    <row r="41" spans="1:56">
      <c r="A41" s="292"/>
      <c r="P41" s="101"/>
    </row>
    <row r="42" spans="1:56">
      <c r="A42" s="292"/>
      <c r="C42" s="128" t="s">
        <v>27</v>
      </c>
      <c r="P42" s="101"/>
    </row>
    <row r="43" spans="1:56">
      <c r="A43" s="288"/>
      <c r="B43" s="131"/>
      <c r="C43" s="131"/>
      <c r="D43" s="132" t="s">
        <v>28</v>
      </c>
      <c r="E43" s="132"/>
      <c r="F43" s="132"/>
      <c r="G43" s="132"/>
      <c r="H43" s="132"/>
      <c r="I43" s="132"/>
      <c r="J43" s="132"/>
      <c r="K43" s="132"/>
      <c r="L43" s="132"/>
      <c r="M43" s="132"/>
      <c r="N43" s="132"/>
      <c r="O43" s="132"/>
      <c r="P43" s="293"/>
      <c r="Q43" s="132"/>
      <c r="R43" s="132"/>
      <c r="S43" s="132"/>
      <c r="T43" s="132"/>
      <c r="U43" s="132"/>
      <c r="V43" s="132"/>
      <c r="W43" s="132"/>
      <c r="X43" s="132"/>
      <c r="Y43" s="132"/>
      <c r="Z43" s="132"/>
      <c r="AA43" s="132"/>
      <c r="AB43" s="132"/>
      <c r="AC43" s="132"/>
      <c r="AD43" s="132"/>
      <c r="AE43" s="132"/>
      <c r="AF43" s="132"/>
      <c r="AG43" s="132"/>
      <c r="AH43" s="132"/>
      <c r="AI43" s="132"/>
      <c r="AJ43" s="132"/>
      <c r="AK43" s="132"/>
      <c r="AL43" s="132"/>
      <c r="AM43" s="132"/>
      <c r="AN43" s="132"/>
      <c r="AO43" s="132"/>
      <c r="AP43" s="132"/>
      <c r="AQ43" s="132"/>
      <c r="AR43" s="132"/>
      <c r="AS43" s="132"/>
      <c r="AT43" s="132"/>
      <c r="AU43" s="132"/>
      <c r="AV43" s="132"/>
      <c r="AW43" s="132"/>
      <c r="AX43" s="132"/>
      <c r="AY43" s="132"/>
      <c r="AZ43" s="132"/>
      <c r="BA43" s="132"/>
      <c r="BB43" s="132"/>
      <c r="BC43" s="132"/>
      <c r="BD43" s="132"/>
    </row>
    <row r="44" spans="1:56">
      <c r="A44" s="294"/>
      <c r="B44" s="131"/>
      <c r="C44" s="132"/>
      <c r="D44" s="131" t="s">
        <v>29</v>
      </c>
      <c r="E44" s="132"/>
      <c r="F44" s="132"/>
      <c r="G44" s="132"/>
      <c r="H44" s="132"/>
      <c r="I44" s="132"/>
      <c r="J44" s="132"/>
      <c r="K44" s="132"/>
      <c r="L44" s="132"/>
      <c r="M44" s="132"/>
      <c r="N44" s="132"/>
      <c r="O44" s="132"/>
      <c r="P44" s="293"/>
      <c r="Q44" s="132"/>
      <c r="R44" s="132"/>
      <c r="S44" s="132"/>
      <c r="T44" s="132"/>
      <c r="U44" s="132"/>
      <c r="V44" s="132"/>
      <c r="W44" s="132"/>
      <c r="X44" s="132"/>
      <c r="Y44" s="132"/>
      <c r="Z44" s="132"/>
      <c r="AA44" s="132"/>
      <c r="AB44" s="132"/>
      <c r="AC44" s="132"/>
      <c r="AD44" s="132"/>
      <c r="AE44" s="132"/>
      <c r="AF44" s="132"/>
      <c r="AG44" s="132"/>
      <c r="AH44" s="132"/>
      <c r="AI44" s="132"/>
      <c r="AJ44" s="132"/>
      <c r="AK44" s="132"/>
      <c r="AL44" s="132"/>
      <c r="AM44" s="132"/>
      <c r="AN44" s="132"/>
      <c r="AO44" s="132"/>
      <c r="AP44" s="132"/>
      <c r="AQ44" s="132"/>
      <c r="AR44" s="132"/>
      <c r="AS44" s="132"/>
      <c r="AT44" s="132"/>
      <c r="AU44" s="132"/>
      <c r="AV44" s="132"/>
      <c r="AW44" s="132"/>
      <c r="AX44" s="132"/>
      <c r="AY44" s="132"/>
      <c r="AZ44" s="132"/>
      <c r="BA44" s="132"/>
      <c r="BB44" s="132"/>
      <c r="BC44" s="132"/>
      <c r="BD44" s="132"/>
    </row>
    <row r="45" spans="1:56">
      <c r="A45" s="294"/>
      <c r="B45" s="131"/>
      <c r="C45" s="128"/>
      <c r="D45" s="131"/>
      <c r="E45" s="132"/>
      <c r="F45" s="132"/>
      <c r="G45" s="132"/>
      <c r="H45" s="132"/>
      <c r="I45" s="132"/>
      <c r="J45" s="132"/>
      <c r="K45" s="132"/>
      <c r="L45" s="132"/>
      <c r="M45" s="132"/>
      <c r="N45" s="132"/>
      <c r="O45" s="132"/>
      <c r="P45" s="293"/>
      <c r="Q45" s="132"/>
      <c r="R45" s="132"/>
      <c r="S45" s="132"/>
      <c r="T45" s="132"/>
      <c r="U45" s="132"/>
      <c r="V45" s="132"/>
      <c r="W45" s="132"/>
      <c r="X45" s="132"/>
      <c r="Y45" s="132"/>
      <c r="Z45" s="132"/>
      <c r="AA45" s="132"/>
      <c r="AB45" s="132"/>
      <c r="AC45" s="132"/>
      <c r="AD45" s="132"/>
      <c r="AE45" s="132"/>
      <c r="AF45" s="132"/>
      <c r="AG45" s="132"/>
      <c r="AH45" s="132"/>
      <c r="AI45" s="132"/>
      <c r="AJ45" s="132"/>
      <c r="AK45" s="132"/>
      <c r="AL45" s="132"/>
      <c r="AM45" s="132"/>
      <c r="AN45" s="132"/>
      <c r="AO45" s="132"/>
      <c r="AP45" s="132"/>
      <c r="AQ45" s="132"/>
      <c r="AR45" s="132"/>
      <c r="AS45" s="132"/>
      <c r="AT45" s="132"/>
      <c r="AU45" s="132"/>
      <c r="AV45" s="132"/>
      <c r="AW45" s="132"/>
      <c r="AX45" s="132"/>
      <c r="AY45" s="132"/>
      <c r="AZ45" s="132"/>
      <c r="BA45" s="132"/>
      <c r="BB45" s="132"/>
      <c r="BC45" s="132"/>
      <c r="BD45" s="132"/>
    </row>
    <row r="46" spans="1:56">
      <c r="A46" s="294"/>
      <c r="B46" s="131"/>
      <c r="C46" s="131"/>
      <c r="D46" s="131"/>
      <c r="E46" s="132"/>
      <c r="F46" s="132"/>
      <c r="G46" s="132"/>
      <c r="H46" s="132"/>
      <c r="I46" s="132"/>
      <c r="J46" s="132"/>
      <c r="K46" s="132"/>
      <c r="P46" s="101"/>
    </row>
    <row r="47" spans="1:56">
      <c r="A47" s="292"/>
      <c r="C47" s="201" t="s">
        <v>30</v>
      </c>
      <c r="P47" s="101"/>
    </row>
    <row r="48" spans="1:56">
      <c r="A48" s="292"/>
      <c r="D48" s="131" t="s">
        <v>31</v>
      </c>
      <c r="P48" s="101"/>
    </row>
    <row r="49" spans="1:16">
      <c r="A49" s="292"/>
      <c r="D49" s="131" t="s">
        <v>32</v>
      </c>
      <c r="P49" s="101"/>
    </row>
    <row r="50" spans="1:16">
      <c r="A50" s="292"/>
      <c r="P50" s="101"/>
    </row>
    <row r="51" spans="1:16">
      <c r="A51" s="294"/>
      <c r="B51" s="131"/>
      <c r="C51" s="132" t="s">
        <v>3043</v>
      </c>
      <c r="D51" s="132"/>
      <c r="E51" s="132"/>
      <c r="F51" s="132"/>
      <c r="G51" s="132"/>
      <c r="H51" s="132"/>
      <c r="I51" s="132"/>
      <c r="J51" s="132"/>
      <c r="K51" s="132"/>
      <c r="P51" s="101"/>
    </row>
    <row r="52" spans="1:16">
      <c r="A52" s="294"/>
      <c r="B52" s="131"/>
      <c r="C52" s="131"/>
      <c r="D52" s="131"/>
      <c r="E52" s="132"/>
      <c r="F52" s="132"/>
      <c r="G52" s="132"/>
      <c r="H52" s="132"/>
      <c r="I52" s="132"/>
      <c r="J52" s="132"/>
      <c r="K52" s="132"/>
      <c r="P52" s="101"/>
    </row>
    <row r="53" spans="1:16">
      <c r="A53" s="292"/>
      <c r="C53" s="295" t="s">
        <v>3041</v>
      </c>
      <c r="D53" s="131"/>
      <c r="E53" s="71"/>
      <c r="F53" s="71"/>
      <c r="G53" s="71"/>
      <c r="H53" s="71"/>
      <c r="I53" s="71"/>
      <c r="J53" s="71"/>
      <c r="K53" s="71"/>
      <c r="L53" s="71"/>
      <c r="P53" s="101"/>
    </row>
    <row r="54" spans="1:16">
      <c r="A54" s="292"/>
      <c r="C54" s="396"/>
      <c r="D54" s="71"/>
      <c r="E54" s="71"/>
      <c r="F54" s="71"/>
      <c r="G54" s="71"/>
      <c r="H54" s="71"/>
      <c r="I54" s="71"/>
      <c r="J54" s="71"/>
      <c r="K54" s="71"/>
      <c r="L54" s="71"/>
      <c r="P54" s="101"/>
    </row>
    <row r="55" spans="1:16">
      <c r="A55" s="292"/>
      <c r="C55" s="295" t="s">
        <v>33</v>
      </c>
      <c r="D55" s="131"/>
      <c r="E55" s="71"/>
      <c r="F55" s="71"/>
      <c r="G55" s="71"/>
      <c r="H55" s="71"/>
      <c r="I55" s="71"/>
      <c r="J55" s="71"/>
      <c r="K55" s="71"/>
      <c r="L55" s="71"/>
      <c r="P55" s="101"/>
    </row>
    <row r="56" spans="1:16">
      <c r="A56" s="292"/>
      <c r="C56" s="295" t="s">
        <v>34</v>
      </c>
      <c r="D56" s="131"/>
      <c r="E56" s="71"/>
      <c r="F56" s="71"/>
      <c r="G56" s="71"/>
      <c r="H56" s="71"/>
      <c r="I56" s="71"/>
      <c r="J56" s="71"/>
      <c r="K56" s="71"/>
      <c r="L56" s="71"/>
      <c r="P56" s="101"/>
    </row>
    <row r="57" spans="1:16">
      <c r="A57" s="292"/>
      <c r="P57" s="101"/>
    </row>
    <row r="58" spans="1:16">
      <c r="A58" s="292"/>
      <c r="C58" s="461"/>
      <c r="D58" s="461"/>
      <c r="E58" s="461"/>
      <c r="F58" s="461"/>
      <c r="G58" s="461"/>
      <c r="H58" s="461"/>
      <c r="I58" s="461"/>
      <c r="J58" s="461"/>
      <c r="K58" s="461"/>
      <c r="P58" s="101"/>
    </row>
    <row r="59" spans="1:16" ht="14">
      <c r="A59" s="290" t="s">
        <v>35</v>
      </c>
      <c r="P59" s="101"/>
    </row>
    <row r="60" spans="1:16">
      <c r="A60" s="288"/>
      <c r="P60" s="101"/>
    </row>
    <row r="61" spans="1:16">
      <c r="A61" s="292"/>
      <c r="C61" s="131" t="s">
        <v>36</v>
      </c>
      <c r="P61" s="101"/>
    </row>
    <row r="62" spans="1:16">
      <c r="A62" s="292"/>
      <c r="C62" s="295" t="s">
        <v>33</v>
      </c>
      <c r="P62" s="101"/>
    </row>
    <row r="63" spans="1:16">
      <c r="A63" s="292"/>
      <c r="C63" s="295" t="s">
        <v>34</v>
      </c>
      <c r="P63" s="101"/>
    </row>
    <row r="64" spans="1:16">
      <c r="A64" s="292"/>
      <c r="P64" s="101"/>
    </row>
    <row r="65" spans="1:16">
      <c r="A65" s="292"/>
      <c r="C65" s="131" t="s">
        <v>37</v>
      </c>
      <c r="P65" s="101"/>
    </row>
    <row r="66" spans="1:16">
      <c r="A66" s="292"/>
      <c r="C66" s="131" t="s">
        <v>38</v>
      </c>
      <c r="D66" s="131" t="s">
        <v>39</v>
      </c>
      <c r="P66" s="101"/>
    </row>
    <row r="67" spans="1:16">
      <c r="A67" s="292"/>
      <c r="D67" s="164" t="s">
        <v>40</v>
      </c>
      <c r="P67" s="101"/>
    </row>
    <row r="68" spans="1:16">
      <c r="A68" s="292"/>
      <c r="P68" s="101"/>
    </row>
    <row r="69" spans="1:16">
      <c r="A69" s="292"/>
      <c r="P69" s="101"/>
    </row>
    <row r="70" spans="1:16">
      <c r="A70" s="292"/>
      <c r="C70" s="131" t="s">
        <v>41</v>
      </c>
      <c r="P70" s="101"/>
    </row>
    <row r="71" spans="1:16">
      <c r="A71" s="292"/>
      <c r="D71" s="131" t="s">
        <v>42</v>
      </c>
      <c r="P71" s="101"/>
    </row>
    <row r="72" spans="1:16">
      <c r="A72" s="292"/>
      <c r="C72" s="131" t="s">
        <v>43</v>
      </c>
      <c r="D72" s="131" t="s">
        <v>44</v>
      </c>
      <c r="P72" s="101"/>
    </row>
    <row r="73" spans="1:16">
      <c r="A73" s="296"/>
      <c r="D73" s="131" t="s">
        <v>45</v>
      </c>
      <c r="P73" s="101"/>
    </row>
    <row r="74" spans="1:16">
      <c r="A74" s="288"/>
      <c r="B74" s="133"/>
      <c r="C74" s="133"/>
      <c r="D74" s="133" t="s">
        <v>46</v>
      </c>
      <c r="E74" s="133"/>
      <c r="F74" s="134"/>
      <c r="G74" s="135"/>
      <c r="H74" s="135"/>
      <c r="I74" s="135"/>
      <c r="J74" s="135"/>
      <c r="K74" s="135"/>
      <c r="P74" s="101"/>
    </row>
    <row r="75" spans="1:16">
      <c r="A75" s="292"/>
      <c r="D75" s="131" t="s">
        <v>47</v>
      </c>
      <c r="P75" s="101"/>
    </row>
    <row r="76" spans="1:16">
      <c r="A76" s="292"/>
      <c r="D76" s="131" t="s">
        <v>48</v>
      </c>
      <c r="P76" s="101"/>
    </row>
    <row r="77" spans="1:16">
      <c r="A77" s="292"/>
      <c r="P77" s="101"/>
    </row>
    <row r="78" spans="1:16">
      <c r="A78" s="292"/>
      <c r="D78" s="131" t="s">
        <v>49</v>
      </c>
      <c r="P78" s="101"/>
    </row>
    <row r="79" spans="1:16">
      <c r="A79" s="296"/>
      <c r="P79" s="101"/>
    </row>
    <row r="80" spans="1:16">
      <c r="A80" s="296"/>
      <c r="B80" s="133"/>
      <c r="C80" s="133"/>
      <c r="D80" s="133" t="s">
        <v>50</v>
      </c>
      <c r="E80" s="133"/>
      <c r="F80" s="134"/>
      <c r="G80" s="135"/>
      <c r="H80" s="135"/>
      <c r="I80" s="135"/>
      <c r="J80" s="135"/>
      <c r="K80" s="135"/>
      <c r="P80" s="101"/>
    </row>
    <row r="81" spans="1:16">
      <c r="A81" s="296"/>
      <c r="B81" s="133"/>
      <c r="C81" s="133"/>
      <c r="D81" s="133" t="s">
        <v>51</v>
      </c>
      <c r="E81" s="133"/>
      <c r="F81" s="134"/>
      <c r="G81" s="135"/>
      <c r="H81" s="135"/>
      <c r="I81" s="135"/>
      <c r="J81" s="135"/>
      <c r="K81" s="135"/>
      <c r="P81" s="101"/>
    </row>
    <row r="82" spans="1:16">
      <c r="A82" s="296"/>
      <c r="B82" s="133"/>
      <c r="C82" s="133"/>
      <c r="D82" s="133" t="s">
        <v>52</v>
      </c>
      <c r="E82" s="133"/>
      <c r="F82" s="134"/>
      <c r="G82" s="135"/>
      <c r="H82" s="135"/>
      <c r="I82" s="135"/>
      <c r="J82" s="135"/>
      <c r="K82" s="135"/>
      <c r="P82" s="101"/>
    </row>
    <row r="83" spans="1:16">
      <c r="A83" s="296"/>
      <c r="B83" s="133"/>
      <c r="C83" s="133"/>
      <c r="D83" s="133"/>
      <c r="E83" s="133"/>
      <c r="F83" s="134"/>
      <c r="G83" s="135"/>
      <c r="H83" s="135"/>
      <c r="I83" s="135"/>
      <c r="J83" s="135"/>
      <c r="K83" s="135"/>
      <c r="P83" s="101"/>
    </row>
    <row r="84" spans="1:16">
      <c r="A84" s="296"/>
      <c r="B84" s="133"/>
      <c r="C84" s="133"/>
      <c r="D84" s="133" t="s">
        <v>53</v>
      </c>
      <c r="E84" s="133" t="s">
        <v>54</v>
      </c>
      <c r="F84" s="134"/>
      <c r="G84" s="135"/>
      <c r="H84" s="135"/>
      <c r="I84" s="135"/>
      <c r="J84" s="135"/>
      <c r="K84" s="135"/>
      <c r="P84" s="101"/>
    </row>
    <row r="85" spans="1:16">
      <c r="A85" s="288"/>
      <c r="B85" s="133"/>
      <c r="C85" s="133"/>
      <c r="D85" s="133" t="s">
        <v>55</v>
      </c>
      <c r="E85" s="133" t="s">
        <v>56</v>
      </c>
      <c r="F85" s="134"/>
      <c r="G85" s="135"/>
      <c r="H85" s="135"/>
      <c r="I85" s="135"/>
      <c r="J85" s="135"/>
      <c r="K85" s="135"/>
      <c r="P85" s="101"/>
    </row>
    <row r="86" spans="1:16">
      <c r="A86" s="288"/>
      <c r="B86" s="133"/>
      <c r="C86" s="133"/>
      <c r="D86" s="133"/>
      <c r="E86" s="133"/>
      <c r="F86" s="134"/>
      <c r="G86" s="135"/>
      <c r="H86" s="135"/>
      <c r="I86" s="135"/>
      <c r="J86" s="135"/>
      <c r="K86" s="135"/>
      <c r="P86" s="101"/>
    </row>
    <row r="87" spans="1:16">
      <c r="A87" s="288"/>
      <c r="B87" s="133"/>
      <c r="C87" s="133"/>
      <c r="D87" s="133" t="s">
        <v>57</v>
      </c>
      <c r="E87" s="133"/>
      <c r="F87" s="134"/>
      <c r="G87" s="135"/>
      <c r="H87" s="135"/>
      <c r="I87" s="135"/>
      <c r="J87" s="135"/>
      <c r="K87" s="135"/>
      <c r="P87" s="101"/>
    </row>
    <row r="88" spans="1:16" s="133" customFormat="1">
      <c r="A88" s="296"/>
      <c r="D88" s="133" t="s">
        <v>58</v>
      </c>
      <c r="E88" s="133" t="s">
        <v>59</v>
      </c>
      <c r="F88" s="134"/>
      <c r="G88" s="135"/>
      <c r="H88" s="135"/>
      <c r="I88" s="135"/>
      <c r="J88" s="135"/>
      <c r="K88" s="135"/>
      <c r="P88" s="297"/>
    </row>
    <row r="89" spans="1:16" s="133" customFormat="1">
      <c r="A89" s="296"/>
      <c r="D89" s="133" t="s">
        <v>60</v>
      </c>
      <c r="E89" s="133" t="s">
        <v>61</v>
      </c>
      <c r="F89" s="134"/>
      <c r="G89" s="135"/>
      <c r="H89" s="135"/>
      <c r="I89" s="135"/>
      <c r="J89" s="135"/>
      <c r="K89" s="135"/>
      <c r="P89" s="297"/>
    </row>
    <row r="90" spans="1:16">
      <c r="A90" s="292"/>
      <c r="P90" s="101"/>
    </row>
    <row r="91" spans="1:16">
      <c r="A91" s="292"/>
      <c r="D91" s="131" t="s">
        <v>62</v>
      </c>
      <c r="P91" s="101"/>
    </row>
    <row r="92" spans="1:16">
      <c r="A92" s="292"/>
      <c r="D92" s="131" t="s">
        <v>63</v>
      </c>
      <c r="P92" s="101"/>
    </row>
    <row r="93" spans="1:16">
      <c r="A93" s="292"/>
      <c r="D93" s="131" t="s">
        <v>64</v>
      </c>
      <c r="P93" s="101"/>
    </row>
    <row r="94" spans="1:16">
      <c r="A94" s="292"/>
      <c r="P94" s="101"/>
    </row>
    <row r="95" spans="1:16" ht="14">
      <c r="A95" s="290" t="s">
        <v>65</v>
      </c>
      <c r="P95" s="101"/>
    </row>
    <row r="96" spans="1:16">
      <c r="A96" s="292"/>
      <c r="D96" s="131" t="s">
        <v>66</v>
      </c>
      <c r="P96" s="101"/>
    </row>
    <row r="97" spans="1:16">
      <c r="A97" s="292"/>
      <c r="D97" s="131" t="s">
        <v>67</v>
      </c>
      <c r="P97" s="101"/>
    </row>
    <row r="98" spans="1:16">
      <c r="A98" s="292"/>
      <c r="D98" s="131" t="s">
        <v>68</v>
      </c>
      <c r="P98" s="101"/>
    </row>
    <row r="99" spans="1:16">
      <c r="A99" s="292"/>
      <c r="P99" s="101"/>
    </row>
    <row r="100" spans="1:16">
      <c r="A100" s="292"/>
      <c r="D100" s="131" t="s">
        <v>69</v>
      </c>
      <c r="P100" s="101"/>
    </row>
    <row r="101" spans="1:16">
      <c r="A101" s="292"/>
      <c r="P101" s="101"/>
    </row>
    <row r="102" spans="1:16">
      <c r="A102" s="292"/>
      <c r="I102" s="298" t="s">
        <v>70</v>
      </c>
      <c r="P102" s="101"/>
    </row>
    <row r="103" spans="1:16">
      <c r="A103" s="292"/>
      <c r="I103" s="128" t="s">
        <v>71</v>
      </c>
      <c r="P103" s="101"/>
    </row>
    <row r="104" spans="1:16">
      <c r="A104" s="292"/>
      <c r="I104" s="132" t="s">
        <v>72</v>
      </c>
      <c r="J104" s="163"/>
      <c r="K104" s="164"/>
      <c r="L104" s="164"/>
      <c r="M104" s="164"/>
      <c r="N104" s="164"/>
      <c r="O104" s="164"/>
      <c r="P104" s="101"/>
    </row>
    <row r="105" spans="1:16">
      <c r="A105" s="292"/>
      <c r="I105" s="475" t="s">
        <v>73</v>
      </c>
      <c r="J105" s="480" t="s">
        <v>74</v>
      </c>
      <c r="K105" s="481"/>
      <c r="L105" s="494" t="s">
        <v>75</v>
      </c>
      <c r="M105" s="484" t="s">
        <v>76</v>
      </c>
      <c r="N105" s="486"/>
      <c r="O105" s="487"/>
      <c r="P105" s="101"/>
    </row>
    <row r="106" spans="1:16">
      <c r="A106" s="292"/>
      <c r="I106" s="476"/>
      <c r="J106" s="482"/>
      <c r="K106" s="483"/>
      <c r="L106" s="495"/>
      <c r="M106" s="485"/>
      <c r="N106" s="488"/>
      <c r="O106" s="489"/>
      <c r="P106" s="101"/>
    </row>
    <row r="107" spans="1:16">
      <c r="A107" s="292"/>
      <c r="I107" s="136">
        <v>1</v>
      </c>
      <c r="J107" s="137" t="s">
        <v>77</v>
      </c>
      <c r="K107" s="138"/>
      <c r="L107" s="166"/>
      <c r="M107" s="166"/>
      <c r="N107" s="144"/>
      <c r="O107" s="168"/>
      <c r="P107" s="101"/>
    </row>
    <row r="108" spans="1:16">
      <c r="A108" s="292"/>
      <c r="I108" s="136">
        <v>2</v>
      </c>
      <c r="J108" s="137" t="s">
        <v>78</v>
      </c>
      <c r="K108" s="138"/>
      <c r="L108" s="166"/>
      <c r="M108" s="166"/>
      <c r="N108" s="144"/>
      <c r="O108" s="168"/>
      <c r="P108" s="101"/>
    </row>
    <row r="109" spans="1:16">
      <c r="A109" s="292"/>
      <c r="I109" s="136">
        <v>3</v>
      </c>
      <c r="J109" s="139" t="s">
        <v>79</v>
      </c>
      <c r="K109" s="143"/>
      <c r="L109" s="166"/>
      <c r="M109" s="166"/>
      <c r="N109" s="144"/>
      <c r="O109" s="168"/>
      <c r="P109" s="101"/>
    </row>
    <row r="110" spans="1:16">
      <c r="A110" s="292"/>
      <c r="I110" s="136">
        <v>4</v>
      </c>
      <c r="J110" s="139" t="s">
        <v>80</v>
      </c>
      <c r="K110" s="144"/>
      <c r="L110" s="169"/>
      <c r="M110" s="169"/>
      <c r="N110" s="188"/>
      <c r="O110" s="172"/>
      <c r="P110" s="101"/>
    </row>
    <row r="111" spans="1:16">
      <c r="A111" s="292"/>
      <c r="I111" s="136">
        <v>5</v>
      </c>
      <c r="J111" s="139" t="s">
        <v>81</v>
      </c>
      <c r="K111" s="144"/>
      <c r="L111" s="277" t="s">
        <v>82</v>
      </c>
      <c r="M111" s="490" t="s">
        <v>83</v>
      </c>
      <c r="N111" s="491"/>
      <c r="O111" s="492"/>
      <c r="P111" s="101"/>
    </row>
    <row r="112" spans="1:16">
      <c r="A112" s="292"/>
      <c r="P112" s="101"/>
    </row>
    <row r="113" spans="1:16">
      <c r="A113" s="292"/>
      <c r="P113" s="101"/>
    </row>
    <row r="114" spans="1:16">
      <c r="A114" s="292"/>
      <c r="P114" s="101"/>
    </row>
    <row r="115" spans="1:16">
      <c r="A115" s="292"/>
      <c r="I115" s="298" t="s">
        <v>84</v>
      </c>
      <c r="P115" s="101"/>
    </row>
    <row r="116" spans="1:16">
      <c r="A116" s="292"/>
      <c r="I116" s="128" t="s">
        <v>85</v>
      </c>
      <c r="P116" s="101"/>
    </row>
    <row r="117" spans="1:16">
      <c r="A117" s="292"/>
      <c r="I117" t="s">
        <v>86</v>
      </c>
      <c r="P117" s="101"/>
    </row>
    <row r="118" spans="1:16">
      <c r="A118" s="292"/>
      <c r="I118" s="475" t="s">
        <v>73</v>
      </c>
      <c r="J118" s="480" t="s">
        <v>74</v>
      </c>
      <c r="K118" s="481"/>
      <c r="L118" s="484" t="s">
        <v>75</v>
      </c>
      <c r="M118" s="484" t="s">
        <v>76</v>
      </c>
      <c r="N118" s="486"/>
      <c r="O118" s="487"/>
      <c r="P118" s="101"/>
    </row>
    <row r="119" spans="1:16">
      <c r="A119" s="292"/>
      <c r="I119" s="476"/>
      <c r="J119" s="482"/>
      <c r="K119" s="483"/>
      <c r="L119" s="485"/>
      <c r="M119" s="485"/>
      <c r="N119" s="488"/>
      <c r="O119" s="489"/>
      <c r="P119" s="101"/>
    </row>
    <row r="120" spans="1:16">
      <c r="A120" s="292"/>
      <c r="H120" s="101"/>
      <c r="I120" s="279" t="s">
        <v>87</v>
      </c>
      <c r="J120" s="422" t="s">
        <v>87</v>
      </c>
      <c r="K120" s="424"/>
      <c r="L120" s="166"/>
      <c r="M120" s="166"/>
      <c r="N120" s="144"/>
      <c r="O120" s="168"/>
      <c r="P120" s="101"/>
    </row>
    <row r="121" spans="1:16">
      <c r="A121" s="292"/>
      <c r="I121" s="136">
        <v>5</v>
      </c>
      <c r="J121" s="139" t="s">
        <v>79</v>
      </c>
      <c r="K121" s="138"/>
      <c r="L121" s="187"/>
      <c r="M121" s="166"/>
      <c r="N121" s="144"/>
      <c r="O121" s="168"/>
      <c r="P121" s="101"/>
    </row>
    <row r="122" spans="1:16">
      <c r="A122" s="292"/>
      <c r="I122" s="136">
        <v>6</v>
      </c>
      <c r="J122" s="139" t="s">
        <v>88</v>
      </c>
      <c r="K122" s="143"/>
      <c r="L122" s="277" t="s">
        <v>82</v>
      </c>
      <c r="M122" s="477" t="s">
        <v>89</v>
      </c>
      <c r="N122" s="478"/>
      <c r="O122" s="479"/>
      <c r="P122" s="101"/>
    </row>
    <row r="123" spans="1:16">
      <c r="A123" s="292"/>
      <c r="I123" s="136">
        <v>7</v>
      </c>
      <c r="J123" s="139" t="s">
        <v>90</v>
      </c>
      <c r="K123" s="144"/>
      <c r="L123" s="169"/>
      <c r="M123" s="169"/>
      <c r="N123" s="188"/>
      <c r="O123" s="172"/>
      <c r="P123" s="101"/>
    </row>
    <row r="124" spans="1:16">
      <c r="A124" s="292"/>
      <c r="P124" s="101"/>
    </row>
    <row r="125" spans="1:16">
      <c r="A125" s="292"/>
      <c r="P125" s="101"/>
    </row>
    <row r="126" spans="1:16">
      <c r="A126" s="292"/>
      <c r="P126" s="101"/>
    </row>
    <row r="127" spans="1:16">
      <c r="A127" s="292"/>
      <c r="P127" s="101"/>
    </row>
    <row r="128" spans="1:16">
      <c r="A128" s="292"/>
      <c r="P128" s="101"/>
    </row>
    <row r="129" spans="1:16">
      <c r="A129" s="292"/>
      <c r="P129" s="101"/>
    </row>
    <row r="130" spans="1:16">
      <c r="A130" s="292"/>
      <c r="P130" s="101"/>
    </row>
    <row r="131" spans="1:16">
      <c r="A131" s="292"/>
      <c r="P131" s="101"/>
    </row>
    <row r="132" spans="1:16">
      <c r="A132" s="292"/>
      <c r="P132" s="101"/>
    </row>
    <row r="133" spans="1:16">
      <c r="A133" s="292"/>
      <c r="P133" s="101"/>
    </row>
    <row r="134" spans="1:16" ht="14">
      <c r="A134" s="290" t="s">
        <v>91</v>
      </c>
      <c r="P134" s="101"/>
    </row>
    <row r="135" spans="1:16">
      <c r="A135" s="292"/>
      <c r="C135" s="131" t="s">
        <v>92</v>
      </c>
      <c r="P135" s="101"/>
    </row>
    <row r="136" spans="1:16">
      <c r="A136" s="292"/>
      <c r="C136" s="131"/>
      <c r="P136" s="101"/>
    </row>
    <row r="137" spans="1:16">
      <c r="A137" s="292"/>
      <c r="P137" s="101"/>
    </row>
    <row r="138" spans="1:16">
      <c r="A138" s="292"/>
      <c r="C138" s="131" t="s">
        <v>93</v>
      </c>
      <c r="P138" s="101"/>
    </row>
    <row r="139" spans="1:16" ht="13.4" customHeight="1">
      <c r="A139" s="292"/>
      <c r="C139" s="462" t="s">
        <v>73</v>
      </c>
      <c r="D139" s="464" t="s">
        <v>94</v>
      </c>
      <c r="E139" s="465"/>
      <c r="F139" s="468" t="s">
        <v>95</v>
      </c>
      <c r="G139" s="468" t="s">
        <v>96</v>
      </c>
      <c r="H139" s="493" t="s">
        <v>97</v>
      </c>
      <c r="I139" s="493"/>
      <c r="J139" s="470" t="s">
        <v>98</v>
      </c>
      <c r="K139" s="472" t="s">
        <v>99</v>
      </c>
      <c r="L139" s="473"/>
      <c r="M139" s="474"/>
      <c r="P139" s="101"/>
    </row>
    <row r="140" spans="1:16">
      <c r="A140" s="292"/>
      <c r="C140" s="463"/>
      <c r="D140" s="466"/>
      <c r="E140" s="467"/>
      <c r="F140" s="469"/>
      <c r="G140" s="469"/>
      <c r="H140" s="493"/>
      <c r="I140" s="493"/>
      <c r="J140" s="471"/>
      <c r="K140" s="472"/>
      <c r="L140" s="473"/>
      <c r="M140" s="474"/>
      <c r="P140" s="101"/>
    </row>
    <row r="141" spans="1:16">
      <c r="A141" s="292"/>
      <c r="C141" s="136">
        <v>1</v>
      </c>
      <c r="D141" s="459" t="s">
        <v>100</v>
      </c>
      <c r="E141" s="460"/>
      <c r="F141" s="141" t="s">
        <v>101</v>
      </c>
      <c r="G141" s="140" t="s">
        <v>102</v>
      </c>
      <c r="H141" s="140">
        <v>10</v>
      </c>
      <c r="I141" s="141" t="s">
        <v>103</v>
      </c>
      <c r="J141" s="142" t="s">
        <v>104</v>
      </c>
      <c r="K141" s="422"/>
      <c r="L141" s="423"/>
      <c r="M141" s="424"/>
      <c r="P141" s="101"/>
    </row>
    <row r="142" spans="1:16">
      <c r="A142" s="292"/>
      <c r="C142" s="136">
        <v>2</v>
      </c>
      <c r="D142" s="459" t="s">
        <v>105</v>
      </c>
      <c r="E142" s="460"/>
      <c r="F142" s="141" t="s">
        <v>101</v>
      </c>
      <c r="G142" s="140" t="s">
        <v>102</v>
      </c>
      <c r="H142" s="140">
        <v>51</v>
      </c>
      <c r="I142" s="141" t="s">
        <v>103</v>
      </c>
      <c r="J142" s="142" t="s">
        <v>104</v>
      </c>
      <c r="K142" s="422"/>
      <c r="L142" s="423"/>
      <c r="M142" s="424"/>
      <c r="P142" s="101"/>
    </row>
    <row r="143" spans="1:16">
      <c r="A143" s="292"/>
      <c r="C143" s="136">
        <v>3</v>
      </c>
      <c r="D143" s="443" t="s">
        <v>106</v>
      </c>
      <c r="E143" s="444"/>
      <c r="F143" s="141" t="s">
        <v>107</v>
      </c>
      <c r="G143" s="140" t="s">
        <v>108</v>
      </c>
      <c r="H143" s="140">
        <v>1</v>
      </c>
      <c r="I143" s="141">
        <v>0</v>
      </c>
      <c r="J143" s="142" t="s">
        <v>109</v>
      </c>
      <c r="K143" s="422"/>
      <c r="L143" s="423"/>
      <c r="M143" s="424"/>
      <c r="P143" s="101"/>
    </row>
    <row r="144" spans="1:16">
      <c r="A144" s="292"/>
      <c r="C144" s="136">
        <v>4</v>
      </c>
      <c r="D144" s="443" t="s">
        <v>110</v>
      </c>
      <c r="E144" s="444"/>
      <c r="F144" s="141" t="s">
        <v>107</v>
      </c>
      <c r="G144" s="141" t="s">
        <v>108</v>
      </c>
      <c r="H144" s="141">
        <v>1</v>
      </c>
      <c r="I144" s="141">
        <v>0</v>
      </c>
      <c r="J144" s="142" t="s">
        <v>109</v>
      </c>
      <c r="K144" s="422"/>
      <c r="L144" s="423"/>
      <c r="M144" s="424"/>
      <c r="P144" s="101"/>
    </row>
    <row r="145" spans="1:20">
      <c r="A145" s="292"/>
      <c r="C145" s="136">
        <v>5</v>
      </c>
      <c r="D145" s="443" t="s">
        <v>80</v>
      </c>
      <c r="E145" s="444"/>
      <c r="F145" s="141" t="s">
        <v>101</v>
      </c>
      <c r="G145" s="141" t="s">
        <v>102</v>
      </c>
      <c r="H145" s="141">
        <v>2</v>
      </c>
      <c r="I145" s="141" t="s">
        <v>103</v>
      </c>
      <c r="J145" s="142" t="s">
        <v>109</v>
      </c>
      <c r="K145" s="422"/>
      <c r="L145" s="423"/>
      <c r="M145" s="424"/>
      <c r="P145" s="101"/>
    </row>
    <row r="146" spans="1:20">
      <c r="A146" s="292"/>
      <c r="C146" s="136">
        <v>6</v>
      </c>
      <c r="D146" s="443" t="s">
        <v>111</v>
      </c>
      <c r="E146" s="444"/>
      <c r="F146" s="141" t="s">
        <v>107</v>
      </c>
      <c r="G146" s="141" t="s">
        <v>108</v>
      </c>
      <c r="H146" s="141">
        <v>3</v>
      </c>
      <c r="I146" s="141">
        <v>0</v>
      </c>
      <c r="J146" s="142" t="s">
        <v>109</v>
      </c>
      <c r="K146" s="422"/>
      <c r="L146" s="423"/>
      <c r="M146" s="424"/>
      <c r="P146" s="101"/>
    </row>
    <row r="147" spans="1:20">
      <c r="A147" s="292"/>
      <c r="C147" s="136">
        <v>7</v>
      </c>
      <c r="D147" s="443" t="s">
        <v>112</v>
      </c>
      <c r="E147" s="444"/>
      <c r="F147" s="141" t="s">
        <v>101</v>
      </c>
      <c r="G147" s="141" t="s">
        <v>102</v>
      </c>
      <c r="H147" s="141">
        <v>64</v>
      </c>
      <c r="I147" s="141" t="s">
        <v>103</v>
      </c>
      <c r="J147" s="142" t="s">
        <v>104</v>
      </c>
      <c r="K147" s="422"/>
      <c r="L147" s="423"/>
      <c r="M147" s="424"/>
      <c r="P147" s="101"/>
    </row>
    <row r="148" spans="1:20">
      <c r="A148" s="292"/>
      <c r="C148" s="136">
        <v>8</v>
      </c>
      <c r="D148" s="443" t="s">
        <v>113</v>
      </c>
      <c r="E148" s="444"/>
      <c r="F148" s="141" t="s">
        <v>101</v>
      </c>
      <c r="G148" s="140" t="s">
        <v>102</v>
      </c>
      <c r="H148" s="140">
        <v>64</v>
      </c>
      <c r="I148" s="141" t="s">
        <v>103</v>
      </c>
      <c r="J148" s="142" t="s">
        <v>104</v>
      </c>
      <c r="K148" s="447"/>
      <c r="L148" s="448"/>
      <c r="M148" s="449"/>
      <c r="P148" s="101"/>
    </row>
    <row r="149" spans="1:20">
      <c r="A149" s="292"/>
      <c r="C149" s="136">
        <v>9</v>
      </c>
      <c r="D149" s="443" t="s">
        <v>114</v>
      </c>
      <c r="E149" s="444"/>
      <c r="F149" s="141" t="s">
        <v>101</v>
      </c>
      <c r="G149" s="141" t="s">
        <v>102</v>
      </c>
      <c r="H149" s="141">
        <v>64</v>
      </c>
      <c r="I149" s="141" t="s">
        <v>103</v>
      </c>
      <c r="J149" s="142" t="s">
        <v>104</v>
      </c>
      <c r="K149" s="422"/>
      <c r="L149" s="423"/>
      <c r="M149" s="424"/>
      <c r="P149" s="101"/>
    </row>
    <row r="150" spans="1:20">
      <c r="A150" s="292"/>
      <c r="C150" s="136">
        <v>10</v>
      </c>
      <c r="D150" s="443" t="s">
        <v>115</v>
      </c>
      <c r="E150" s="444"/>
      <c r="F150" s="141" t="s">
        <v>107</v>
      </c>
      <c r="G150" s="140" t="s">
        <v>108</v>
      </c>
      <c r="H150" s="140">
        <v>6</v>
      </c>
      <c r="I150" s="141">
        <v>0</v>
      </c>
      <c r="J150" s="142" t="s">
        <v>109</v>
      </c>
      <c r="K150" s="515"/>
      <c r="L150" s="516"/>
      <c r="M150" s="517"/>
      <c r="P150" s="101"/>
    </row>
    <row r="151" spans="1:20">
      <c r="A151" s="292"/>
      <c r="C151" s="136">
        <v>11</v>
      </c>
      <c r="D151" s="443" t="s">
        <v>116</v>
      </c>
      <c r="E151" s="444"/>
      <c r="F151" s="141" t="s">
        <v>107</v>
      </c>
      <c r="G151" s="141" t="s">
        <v>102</v>
      </c>
      <c r="H151" s="141">
        <v>4</v>
      </c>
      <c r="I151" s="141" t="s">
        <v>103</v>
      </c>
      <c r="J151" s="142" t="s">
        <v>109</v>
      </c>
      <c r="K151" s="422"/>
      <c r="L151" s="423"/>
      <c r="M151" s="424"/>
      <c r="P151" s="101"/>
    </row>
    <row r="152" spans="1:20">
      <c r="A152" s="292"/>
      <c r="C152" s="136">
        <v>12</v>
      </c>
      <c r="D152" s="443" t="s">
        <v>117</v>
      </c>
      <c r="E152" s="444"/>
      <c r="F152" s="141" t="s">
        <v>107</v>
      </c>
      <c r="G152" s="141" t="s">
        <v>118</v>
      </c>
      <c r="H152" s="141">
        <v>5</v>
      </c>
      <c r="I152" s="141">
        <v>3</v>
      </c>
      <c r="J152" s="142" t="s">
        <v>109</v>
      </c>
      <c r="K152" s="422"/>
      <c r="L152" s="423"/>
      <c r="M152" s="424"/>
      <c r="P152" s="101"/>
    </row>
    <row r="153" spans="1:20">
      <c r="A153" s="292"/>
      <c r="P153" s="101"/>
    </row>
    <row r="154" spans="1:20">
      <c r="A154" s="292"/>
      <c r="B154" s="133" t="s">
        <v>119</v>
      </c>
      <c r="C154" s="133" t="s">
        <v>120</v>
      </c>
      <c r="D154" s="133"/>
      <c r="P154" s="101"/>
    </row>
    <row r="155" spans="1:20">
      <c r="A155" s="296"/>
      <c r="B155" s="133"/>
      <c r="C155" s="133" t="s">
        <v>121</v>
      </c>
      <c r="D155" s="133"/>
      <c r="P155" s="101"/>
    </row>
    <row r="156" spans="1:20">
      <c r="A156" s="296"/>
      <c r="B156" s="133"/>
      <c r="C156" s="520" t="s">
        <v>122</v>
      </c>
      <c r="D156" s="520"/>
      <c r="E156" s="520" t="s">
        <v>123</v>
      </c>
      <c r="F156" s="520"/>
      <c r="G156" s="520"/>
      <c r="H156" s="520"/>
      <c r="I156" s="520"/>
      <c r="J156" s="520"/>
      <c r="K156" s="520"/>
      <c r="L156" s="133"/>
      <c r="M156" s="133"/>
      <c r="N156" s="133"/>
      <c r="O156" s="133"/>
      <c r="P156" s="297"/>
      <c r="Q156" s="133"/>
      <c r="R156" s="133"/>
      <c r="S156" s="133"/>
      <c r="T156" s="133"/>
    </row>
    <row r="157" spans="1:20">
      <c r="A157" s="296"/>
      <c r="B157" s="133"/>
      <c r="C157" s="521" t="s">
        <v>124</v>
      </c>
      <c r="D157" s="521"/>
      <c r="E157" s="497" t="s">
        <v>125</v>
      </c>
      <c r="F157" s="497"/>
      <c r="G157" s="497"/>
      <c r="H157" s="497"/>
      <c r="I157" s="497"/>
      <c r="J157" s="497"/>
      <c r="K157" s="497"/>
      <c r="L157" s="145"/>
      <c r="M157" s="145"/>
      <c r="N157" s="145"/>
      <c r="O157" s="145"/>
      <c r="P157" s="299"/>
      <c r="Q157" s="145"/>
      <c r="R157" s="145"/>
      <c r="S157" s="145"/>
      <c r="T157" s="145"/>
    </row>
    <row r="158" spans="1:20" s="272" customFormat="1" ht="33.65" customHeight="1">
      <c r="A158" s="300"/>
      <c r="B158" s="276"/>
      <c r="C158" s="522" t="s">
        <v>126</v>
      </c>
      <c r="D158" s="522"/>
      <c r="E158" s="523" t="s">
        <v>127</v>
      </c>
      <c r="F158" s="523"/>
      <c r="G158" s="523"/>
      <c r="H158" s="523"/>
      <c r="I158" s="523"/>
      <c r="J158" s="523"/>
      <c r="K158" s="523"/>
      <c r="L158" s="276"/>
      <c r="M158" s="276"/>
      <c r="N158" s="276"/>
      <c r="O158" s="276"/>
      <c r="P158" s="301"/>
      <c r="Q158" s="276"/>
      <c r="R158" s="276"/>
      <c r="S158" s="276"/>
      <c r="T158" s="276"/>
    </row>
    <row r="159" spans="1:20">
      <c r="A159" s="296"/>
      <c r="B159" s="133"/>
      <c r="C159" s="496" t="s">
        <v>128</v>
      </c>
      <c r="D159" s="496"/>
      <c r="E159" s="497" t="s">
        <v>129</v>
      </c>
      <c r="F159" s="497"/>
      <c r="G159" s="497"/>
      <c r="H159" s="497"/>
      <c r="I159" s="497"/>
      <c r="J159" s="497"/>
      <c r="K159" s="497"/>
      <c r="L159" s="133"/>
      <c r="M159" s="133"/>
      <c r="N159" s="133"/>
      <c r="O159" s="133"/>
      <c r="P159" s="297"/>
      <c r="Q159" s="133"/>
      <c r="R159" s="133"/>
      <c r="S159" s="133"/>
      <c r="T159" s="133"/>
    </row>
    <row r="160" spans="1:20">
      <c r="A160" s="296"/>
      <c r="B160" s="133"/>
      <c r="C160" s="146"/>
      <c r="D160" s="146"/>
      <c r="E160" s="147"/>
      <c r="F160" s="147"/>
      <c r="G160" s="147"/>
      <c r="H160" s="147"/>
      <c r="I160" s="147"/>
      <c r="J160" s="147"/>
      <c r="K160" s="147"/>
      <c r="L160" s="133"/>
      <c r="M160" s="133"/>
      <c r="N160" s="133"/>
      <c r="O160" s="133"/>
      <c r="P160" s="297"/>
      <c r="Q160" s="133"/>
      <c r="R160" s="133"/>
      <c r="S160" s="133"/>
      <c r="T160" s="133"/>
    </row>
    <row r="161" spans="1:20">
      <c r="A161" s="296"/>
      <c r="B161" s="133"/>
      <c r="C161" s="148" t="s">
        <v>130</v>
      </c>
      <c r="D161" s="146"/>
      <c r="E161" s="147"/>
      <c r="F161" s="147"/>
      <c r="G161" s="147"/>
      <c r="H161" s="147"/>
      <c r="I161" s="147"/>
      <c r="J161" s="147"/>
      <c r="K161" s="147"/>
      <c r="L161" s="133"/>
      <c r="M161" s="133"/>
      <c r="N161" s="133"/>
      <c r="O161" s="133"/>
      <c r="P161" s="297"/>
      <c r="Q161" s="133"/>
      <c r="R161" s="133"/>
      <c r="S161" s="133"/>
      <c r="T161" s="133"/>
    </row>
    <row r="162" spans="1:20">
      <c r="A162" s="296"/>
      <c r="B162" s="133"/>
      <c r="C162" s="148" t="s">
        <v>131</v>
      </c>
      <c r="D162" s="146"/>
      <c r="E162" s="147"/>
      <c r="F162" s="147"/>
      <c r="G162" s="147"/>
      <c r="H162" s="147"/>
      <c r="I162" s="147"/>
      <c r="J162" s="147"/>
      <c r="K162" s="147"/>
      <c r="L162" s="133"/>
      <c r="M162" s="133"/>
      <c r="N162" s="133"/>
      <c r="O162" s="133"/>
      <c r="P162" s="297"/>
      <c r="Q162" s="133"/>
      <c r="R162" s="133"/>
      <c r="S162" s="133"/>
      <c r="T162" s="133"/>
    </row>
    <row r="163" spans="1:20">
      <c r="A163" s="288"/>
      <c r="B163" s="133"/>
      <c r="C163" s="148" t="s">
        <v>132</v>
      </c>
      <c r="D163" s="146"/>
      <c r="E163" s="147"/>
      <c r="F163" s="147"/>
      <c r="G163" s="147"/>
      <c r="H163" s="147"/>
      <c r="I163" s="147"/>
      <c r="J163" s="147"/>
      <c r="K163" s="147"/>
      <c r="L163" s="133"/>
      <c r="M163" s="133"/>
      <c r="N163" s="133"/>
      <c r="O163" s="133"/>
      <c r="P163" s="297"/>
      <c r="Q163" s="133"/>
      <c r="R163" s="133"/>
      <c r="S163" s="133"/>
      <c r="T163" s="133"/>
    </row>
    <row r="164" spans="1:20">
      <c r="A164" s="292"/>
      <c r="C164" s="295" t="s">
        <v>133</v>
      </c>
      <c r="P164" s="101"/>
    </row>
    <row r="165" spans="1:20">
      <c r="A165" s="292"/>
      <c r="C165" s="164"/>
      <c r="P165" s="101"/>
    </row>
    <row r="166" spans="1:20">
      <c r="A166" s="292"/>
      <c r="C166" s="177" t="s">
        <v>134</v>
      </c>
      <c r="P166" s="101"/>
    </row>
    <row r="167" spans="1:20">
      <c r="A167" s="292"/>
      <c r="C167" s="148" t="s">
        <v>135</v>
      </c>
      <c r="P167" s="101"/>
    </row>
    <row r="168" spans="1:20">
      <c r="A168" s="292"/>
      <c r="C168" s="148" t="s">
        <v>136</v>
      </c>
      <c r="P168" s="101"/>
    </row>
    <row r="169" spans="1:20">
      <c r="A169" s="292"/>
      <c r="C169" s="148"/>
      <c r="P169" s="101"/>
    </row>
    <row r="170" spans="1:20">
      <c r="A170" s="292"/>
      <c r="C170" s="148" t="s">
        <v>137</v>
      </c>
      <c r="P170" s="101"/>
    </row>
    <row r="171" spans="1:20">
      <c r="A171" s="292"/>
      <c r="C171" s="462" t="s">
        <v>73</v>
      </c>
      <c r="D171" s="464" t="s">
        <v>94</v>
      </c>
      <c r="E171" s="465"/>
      <c r="F171" s="468" t="s">
        <v>138</v>
      </c>
      <c r="G171" s="498" t="s">
        <v>97</v>
      </c>
      <c r="H171" s="500" t="s">
        <v>139</v>
      </c>
      <c r="I171" s="502" t="s">
        <v>98</v>
      </c>
      <c r="J171" s="472" t="s">
        <v>99</v>
      </c>
      <c r="K171" s="473"/>
      <c r="L171" s="474"/>
      <c r="P171" s="101"/>
    </row>
    <row r="172" spans="1:20">
      <c r="A172" s="292"/>
      <c r="C172" s="463"/>
      <c r="D172" s="466"/>
      <c r="E172" s="467"/>
      <c r="F172" s="469"/>
      <c r="G172" s="499"/>
      <c r="H172" s="501"/>
      <c r="I172" s="503"/>
      <c r="J172" s="472"/>
      <c r="K172" s="473"/>
      <c r="L172" s="474"/>
      <c r="P172" s="101"/>
    </row>
    <row r="173" spans="1:20">
      <c r="A173" s="292"/>
      <c r="C173" s="450" t="s">
        <v>140</v>
      </c>
      <c r="D173" s="453" t="s">
        <v>99</v>
      </c>
      <c r="E173" s="454"/>
      <c r="F173" s="139"/>
      <c r="G173" s="140"/>
      <c r="H173" s="141"/>
      <c r="I173" s="142" t="s">
        <v>104</v>
      </c>
      <c r="J173" s="447"/>
      <c r="K173" s="448"/>
      <c r="L173" s="449"/>
      <c r="P173" s="101"/>
    </row>
    <row r="174" spans="1:20">
      <c r="A174" s="292"/>
      <c r="C174" s="451"/>
      <c r="D174" s="455"/>
      <c r="E174" s="456"/>
      <c r="F174" s="139"/>
      <c r="G174" s="141"/>
      <c r="H174" s="141"/>
      <c r="I174" s="142" t="s">
        <v>104</v>
      </c>
      <c r="J174" s="422"/>
      <c r="K174" s="423"/>
      <c r="L174" s="424"/>
      <c r="P174" s="101"/>
    </row>
    <row r="175" spans="1:20">
      <c r="A175" s="292"/>
      <c r="C175" s="451"/>
      <c r="D175" s="455"/>
      <c r="E175" s="456"/>
      <c r="F175" s="139"/>
      <c r="G175" s="140"/>
      <c r="H175" s="141"/>
      <c r="I175" s="142" t="s">
        <v>109</v>
      </c>
      <c r="J175" s="515"/>
      <c r="K175" s="516"/>
      <c r="L175" s="517"/>
      <c r="P175" s="101"/>
    </row>
    <row r="176" spans="1:20" ht="11.5" customHeight="1">
      <c r="A176" s="292"/>
      <c r="C176" s="452"/>
      <c r="D176" s="457"/>
      <c r="E176" s="458"/>
      <c r="F176" s="139"/>
      <c r="G176" s="141"/>
      <c r="H176" s="141"/>
      <c r="I176" s="142" t="s">
        <v>104</v>
      </c>
      <c r="J176" s="422"/>
      <c r="K176" s="423"/>
      <c r="L176" s="424"/>
      <c r="P176" s="101"/>
    </row>
    <row r="177" spans="1:16" ht="34.4" customHeight="1">
      <c r="A177" s="292"/>
      <c r="C177" s="149">
        <v>30</v>
      </c>
      <c r="D177" s="150" t="s">
        <v>141</v>
      </c>
      <c r="E177" s="151"/>
      <c r="F177" s="150"/>
      <c r="G177" s="152"/>
      <c r="H177" s="152"/>
      <c r="I177" s="153" t="s">
        <v>104</v>
      </c>
      <c r="J177" s="504" t="s">
        <v>142</v>
      </c>
      <c r="K177" s="505"/>
      <c r="L177" s="506"/>
      <c r="P177" s="101"/>
    </row>
    <row r="178" spans="1:16">
      <c r="A178" s="292"/>
      <c r="C178" s="154"/>
      <c r="D178" s="155"/>
      <c r="E178" s="155"/>
      <c r="F178" s="155"/>
      <c r="G178" s="156"/>
      <c r="H178" s="156"/>
      <c r="I178" s="156"/>
      <c r="J178" s="157"/>
      <c r="K178" s="158"/>
      <c r="L178" s="159"/>
      <c r="M178" s="159"/>
      <c r="P178" s="101"/>
    </row>
    <row r="179" spans="1:16">
      <c r="A179" s="292"/>
      <c r="C179" s="148" t="s">
        <v>143</v>
      </c>
      <c r="D179" s="155"/>
      <c r="E179" s="155"/>
      <c r="F179" s="155"/>
      <c r="G179" s="156"/>
      <c r="H179" s="156"/>
      <c r="I179" s="156"/>
      <c r="J179" s="157"/>
      <c r="K179" s="158"/>
      <c r="L179" s="159"/>
      <c r="M179" s="159"/>
      <c r="P179" s="101"/>
    </row>
    <row r="180" spans="1:16">
      <c r="A180" s="292"/>
      <c r="C180" s="160" t="s">
        <v>144</v>
      </c>
      <c r="D180" s="161"/>
      <c r="E180" s="161"/>
      <c r="F180" s="161"/>
      <c r="G180" s="161"/>
      <c r="H180" s="161"/>
      <c r="I180" s="161"/>
      <c r="J180" s="162"/>
      <c r="K180" s="158"/>
      <c r="L180" s="159"/>
      <c r="M180" s="159"/>
      <c r="P180" s="101"/>
    </row>
    <row r="181" spans="1:16">
      <c r="A181" s="292"/>
      <c r="C181" s="160" t="s">
        <v>145</v>
      </c>
      <c r="D181" s="161"/>
      <c r="E181" s="161"/>
      <c r="F181" s="161"/>
      <c r="G181" s="161"/>
      <c r="H181" s="161"/>
      <c r="I181" s="161"/>
      <c r="J181" s="162"/>
      <c r="K181" s="158"/>
      <c r="L181" s="159"/>
      <c r="M181" s="159"/>
      <c r="P181" s="101"/>
    </row>
    <row r="182" spans="1:16">
      <c r="A182" s="292"/>
      <c r="C182" s="164" t="s">
        <v>146</v>
      </c>
      <c r="P182" s="101"/>
    </row>
    <row r="183" spans="1:16">
      <c r="A183" s="292"/>
      <c r="C183" s="302"/>
      <c r="P183" s="101"/>
    </row>
    <row r="184" spans="1:16">
      <c r="A184" s="292"/>
      <c r="C184" s="302"/>
      <c r="P184" s="101"/>
    </row>
    <row r="185" spans="1:16" ht="14">
      <c r="A185" s="290" t="s">
        <v>147</v>
      </c>
      <c r="B185" s="291"/>
      <c r="C185" s="303" t="s">
        <v>148</v>
      </c>
      <c r="P185" s="101"/>
    </row>
    <row r="186" spans="1:16">
      <c r="A186" s="284"/>
      <c r="C186" s="304"/>
      <c r="P186" s="101"/>
    </row>
    <row r="187" spans="1:16" ht="14">
      <c r="A187" s="284"/>
      <c r="B187" s="305" t="s">
        <v>149</v>
      </c>
      <c r="C187" s="184"/>
      <c r="D187" s="184"/>
      <c r="E187" s="184"/>
      <c r="F187" s="184"/>
      <c r="G187" s="184"/>
      <c r="H187" s="184"/>
      <c r="I187" s="184"/>
      <c r="J187" s="184"/>
      <c r="K187" s="184"/>
      <c r="L187" s="184"/>
      <c r="M187" s="184"/>
      <c r="N187" s="184"/>
      <c r="P187" s="101"/>
    </row>
    <row r="188" spans="1:16">
      <c r="A188" s="288"/>
      <c r="C188" s="131" t="s">
        <v>150</v>
      </c>
      <c r="P188" s="101"/>
    </row>
    <row r="189" spans="1:16">
      <c r="A189" s="288"/>
      <c r="C189" s="131" t="s">
        <v>151</v>
      </c>
      <c r="P189" s="101"/>
    </row>
    <row r="190" spans="1:16">
      <c r="A190" s="288"/>
      <c r="C190" s="131" t="s">
        <v>152</v>
      </c>
      <c r="P190" s="101"/>
    </row>
    <row r="191" spans="1:16">
      <c r="A191" s="288"/>
      <c r="C191" s="131" t="s">
        <v>153</v>
      </c>
      <c r="P191" s="101"/>
    </row>
    <row r="192" spans="1:16" ht="13.5" thickBot="1">
      <c r="A192" s="288"/>
      <c r="P192" s="101"/>
    </row>
    <row r="193" spans="1:54">
      <c r="A193" s="288"/>
      <c r="C193" s="182" t="s">
        <v>154</v>
      </c>
      <c r="D193" s="178"/>
      <c r="E193" s="178"/>
      <c r="F193" s="178"/>
      <c r="G193" s="178"/>
      <c r="H193" s="178"/>
      <c r="I193" s="178"/>
      <c r="J193" s="178"/>
      <c r="K193" s="178"/>
      <c r="L193" s="179"/>
      <c r="P193" s="101"/>
    </row>
    <row r="194" spans="1:54">
      <c r="A194" s="288"/>
      <c r="C194" s="203" t="s">
        <v>155</v>
      </c>
      <c r="D194" s="202"/>
      <c r="E194" s="202"/>
      <c r="F194" s="202"/>
      <c r="G194" s="202"/>
      <c r="H194" s="202"/>
      <c r="I194" s="202"/>
      <c r="J194" s="202"/>
      <c r="K194" s="202"/>
      <c r="L194" s="204"/>
      <c r="P194" s="101"/>
    </row>
    <row r="195" spans="1:54" ht="13.5" thickBot="1">
      <c r="A195" s="288"/>
      <c r="C195" s="183" t="s">
        <v>156</v>
      </c>
      <c r="D195" s="180"/>
      <c r="E195" s="180"/>
      <c r="F195" s="180"/>
      <c r="G195" s="180"/>
      <c r="H195" s="180"/>
      <c r="I195" s="180"/>
      <c r="J195" s="180"/>
      <c r="K195" s="180"/>
      <c r="L195" s="181"/>
      <c r="P195" s="101"/>
    </row>
    <row r="196" spans="1:54">
      <c r="A196" s="288"/>
      <c r="C196" s="201"/>
      <c r="D196" s="202"/>
      <c r="E196" s="202"/>
      <c r="F196" s="202"/>
      <c r="G196" s="202"/>
      <c r="H196" s="202"/>
      <c r="I196" s="202"/>
      <c r="J196" s="202"/>
      <c r="K196" s="202"/>
      <c r="P196" s="101"/>
    </row>
    <row r="197" spans="1:54">
      <c r="A197" s="288"/>
      <c r="P197" s="101"/>
    </row>
    <row r="198" spans="1:54">
      <c r="A198" s="288"/>
      <c r="C198" s="133" t="s">
        <v>157</v>
      </c>
      <c r="P198" s="101"/>
    </row>
    <row r="199" spans="1:54">
      <c r="A199" s="288"/>
      <c r="C199" s="132" t="s">
        <v>158</v>
      </c>
      <c r="D199" s="163"/>
      <c r="E199" s="164"/>
      <c r="F199" s="164"/>
      <c r="G199" s="164"/>
      <c r="H199" s="164"/>
      <c r="I199" s="164"/>
      <c r="J199" s="164"/>
      <c r="K199" s="164"/>
      <c r="L199" s="132"/>
      <c r="M199" s="164"/>
      <c r="N199" s="132"/>
      <c r="O199" s="164"/>
      <c r="P199" s="306"/>
      <c r="Q199" s="164"/>
      <c r="R199" s="164"/>
      <c r="S199" s="164"/>
      <c r="T199" s="164"/>
      <c r="U199" s="164"/>
      <c r="V199" s="164"/>
      <c r="W199" s="164"/>
      <c r="X199" s="165"/>
      <c r="Y199" s="165"/>
      <c r="Z199" s="165"/>
      <c r="AA199" s="164"/>
      <c r="AB199" s="165"/>
      <c r="AC199" s="165"/>
      <c r="AD199" s="165"/>
      <c r="AE199" s="165"/>
      <c r="AF199" s="165"/>
      <c r="AG199" s="165"/>
      <c r="AH199" s="165"/>
      <c r="AI199" s="165"/>
      <c r="AJ199" s="165"/>
      <c r="AK199" s="165"/>
      <c r="AL199" s="165"/>
      <c r="AM199" s="165"/>
      <c r="AN199" s="165"/>
      <c r="AO199" s="165"/>
      <c r="AP199" s="165"/>
      <c r="AQ199" s="165"/>
      <c r="AR199" s="165"/>
      <c r="AS199" s="165"/>
      <c r="AT199" s="165"/>
      <c r="AU199" s="165"/>
      <c r="AV199" s="165"/>
      <c r="AW199" s="165"/>
      <c r="AX199" s="165"/>
      <c r="AY199" s="165"/>
      <c r="AZ199" s="165"/>
      <c r="BA199" s="165"/>
      <c r="BB199" s="165"/>
    </row>
    <row r="200" spans="1:54">
      <c r="A200" s="288"/>
      <c r="C200" s="462" t="s">
        <v>73</v>
      </c>
      <c r="D200" s="464" t="s">
        <v>94</v>
      </c>
      <c r="E200" s="465"/>
      <c r="F200" s="507" t="s">
        <v>75</v>
      </c>
      <c r="G200" s="508"/>
      <c r="H200" s="507" t="s">
        <v>159</v>
      </c>
      <c r="I200" s="511"/>
      <c r="J200" s="511"/>
      <c r="K200" s="511"/>
      <c r="L200" s="508"/>
      <c r="P200" s="101"/>
    </row>
    <row r="201" spans="1:54">
      <c r="A201" s="288"/>
      <c r="C201" s="463"/>
      <c r="D201" s="466"/>
      <c r="E201" s="467"/>
      <c r="F201" s="509"/>
      <c r="G201" s="510"/>
      <c r="H201" s="509"/>
      <c r="I201" s="512"/>
      <c r="J201" s="512"/>
      <c r="K201" s="512"/>
      <c r="L201" s="510"/>
      <c r="P201" s="101"/>
    </row>
    <row r="202" spans="1:54">
      <c r="A202" s="288"/>
      <c r="C202" s="136">
        <v>1</v>
      </c>
      <c r="D202" s="137" t="s">
        <v>77</v>
      </c>
      <c r="E202" s="138"/>
      <c r="F202" s="166"/>
      <c r="G202" s="167"/>
      <c r="H202" s="139"/>
      <c r="I202" s="167"/>
      <c r="J202" s="167"/>
      <c r="K202" s="167"/>
      <c r="L202" s="168"/>
      <c r="P202" s="101"/>
    </row>
    <row r="203" spans="1:54">
      <c r="A203" s="288"/>
      <c r="C203" s="136">
        <v>2</v>
      </c>
      <c r="D203" s="137" t="s">
        <v>78</v>
      </c>
      <c r="E203" s="138"/>
      <c r="F203" s="166"/>
      <c r="G203" s="167"/>
      <c r="H203" s="139"/>
      <c r="I203" s="167"/>
      <c r="J203" s="167"/>
      <c r="K203" s="167"/>
      <c r="L203" s="168"/>
      <c r="P203" s="101"/>
    </row>
    <row r="204" spans="1:54">
      <c r="A204" s="288"/>
      <c r="C204" s="136">
        <v>3</v>
      </c>
      <c r="D204" s="139" t="s">
        <v>79</v>
      </c>
      <c r="E204" s="143"/>
      <c r="F204" s="166"/>
      <c r="G204" s="167"/>
      <c r="H204" s="139"/>
      <c r="I204" s="167"/>
      <c r="J204" s="167"/>
      <c r="K204" s="167"/>
      <c r="L204" s="168"/>
      <c r="P204" s="101"/>
    </row>
    <row r="205" spans="1:54">
      <c r="A205" s="288"/>
      <c r="C205" s="136">
        <v>4</v>
      </c>
      <c r="D205" s="139" t="s">
        <v>80</v>
      </c>
      <c r="E205" s="144"/>
      <c r="F205" s="169"/>
      <c r="G205" s="170"/>
      <c r="H205" s="171"/>
      <c r="I205" s="170"/>
      <c r="J205" s="170"/>
      <c r="K205" s="170"/>
      <c r="L205" s="172"/>
      <c r="P205" s="101"/>
    </row>
    <row r="206" spans="1:54">
      <c r="A206" s="288"/>
      <c r="C206" s="136">
        <v>5</v>
      </c>
      <c r="D206" s="139" t="s">
        <v>81</v>
      </c>
      <c r="E206" s="144"/>
      <c r="F206" s="445" t="s">
        <v>82</v>
      </c>
      <c r="G206" s="446"/>
      <c r="H206" s="490" t="s">
        <v>160</v>
      </c>
      <c r="I206" s="513"/>
      <c r="J206" s="513"/>
      <c r="K206" s="513"/>
      <c r="L206" s="514"/>
      <c r="P206" s="101"/>
    </row>
    <row r="207" spans="1:54">
      <c r="A207" s="288"/>
      <c r="P207" s="101"/>
    </row>
    <row r="208" spans="1:54">
      <c r="A208" s="288"/>
      <c r="C208" s="131" t="s">
        <v>161</v>
      </c>
      <c r="P208" s="101"/>
    </row>
    <row r="209" spans="1:54">
      <c r="A209" s="288"/>
      <c r="C209" s="173" t="s">
        <v>162</v>
      </c>
      <c r="D209" s="173" t="s">
        <v>163</v>
      </c>
      <c r="P209" s="101"/>
    </row>
    <row r="210" spans="1:54">
      <c r="A210" s="288"/>
      <c r="C210" s="174" t="s">
        <v>164</v>
      </c>
      <c r="D210" s="174" t="s">
        <v>165</v>
      </c>
      <c r="P210" s="101"/>
    </row>
    <row r="211" spans="1:54">
      <c r="A211" s="288"/>
      <c r="C211" s="174" t="s">
        <v>164</v>
      </c>
      <c r="D211" s="174" t="s">
        <v>165</v>
      </c>
      <c r="P211" s="101"/>
    </row>
    <row r="212" spans="1:54">
      <c r="A212" s="288"/>
      <c r="C212" s="174" t="s">
        <v>164</v>
      </c>
      <c r="D212" s="174" t="s">
        <v>165</v>
      </c>
      <c r="P212" s="101"/>
    </row>
    <row r="213" spans="1:54">
      <c r="A213" s="288"/>
      <c r="C213" s="174" t="s">
        <v>164</v>
      </c>
      <c r="D213" s="174" t="s">
        <v>165</v>
      </c>
      <c r="P213" s="101"/>
    </row>
    <row r="214" spans="1:54">
      <c r="A214" s="288"/>
      <c r="C214" s="174" t="s">
        <v>164</v>
      </c>
      <c r="D214" s="174" t="s">
        <v>165</v>
      </c>
      <c r="P214" s="101"/>
    </row>
    <row r="215" spans="1:54">
      <c r="A215" s="288"/>
      <c r="C215" s="174" t="s">
        <v>164</v>
      </c>
      <c r="D215" s="174" t="s">
        <v>165</v>
      </c>
      <c r="P215" s="101"/>
    </row>
    <row r="216" spans="1:54">
      <c r="A216" s="288"/>
      <c r="P216" s="101"/>
    </row>
    <row r="217" spans="1:54">
      <c r="A217" s="284"/>
      <c r="B217" s="307" t="s">
        <v>166</v>
      </c>
      <c r="C217" s="184"/>
      <c r="D217" s="184"/>
      <c r="E217" s="184"/>
      <c r="F217" s="184"/>
      <c r="G217" s="184"/>
      <c r="H217" s="184"/>
      <c r="I217" s="184"/>
      <c r="J217" s="184"/>
      <c r="K217" s="184"/>
      <c r="L217" s="184"/>
      <c r="M217" s="184"/>
      <c r="N217" s="184"/>
      <c r="P217" s="101"/>
    </row>
    <row r="218" spans="1:54">
      <c r="A218" s="288"/>
      <c r="C218" s="131" t="s">
        <v>167</v>
      </c>
      <c r="P218" s="101"/>
    </row>
    <row r="219" spans="1:54">
      <c r="A219" s="288"/>
      <c r="C219" s="131" t="s">
        <v>168</v>
      </c>
      <c r="P219" s="101"/>
    </row>
    <row r="220" spans="1:54">
      <c r="A220" s="288"/>
      <c r="C220" s="131" t="s">
        <v>169</v>
      </c>
      <c r="P220" s="101"/>
    </row>
    <row r="221" spans="1:54">
      <c r="A221" s="288"/>
      <c r="C221" s="131" t="s">
        <v>153</v>
      </c>
      <c r="P221" s="101"/>
    </row>
    <row r="222" spans="1:54">
      <c r="A222" s="288"/>
      <c r="P222" s="101"/>
    </row>
    <row r="223" spans="1:54">
      <c r="A223" s="288"/>
      <c r="C223" s="133" t="s">
        <v>170</v>
      </c>
      <c r="P223" s="101"/>
    </row>
    <row r="224" spans="1:54">
      <c r="A224" s="288"/>
      <c r="C224" s="132" t="s">
        <v>171</v>
      </c>
      <c r="D224" s="163"/>
      <c r="E224" s="164"/>
      <c r="F224" s="164"/>
      <c r="G224" s="164"/>
      <c r="H224" s="164"/>
      <c r="I224" s="164"/>
      <c r="J224" s="164"/>
      <c r="K224" s="164"/>
      <c r="L224" s="132"/>
      <c r="M224" s="164"/>
      <c r="N224" s="132"/>
      <c r="O224" s="164"/>
      <c r="P224" s="306"/>
      <c r="Q224" s="164"/>
      <c r="R224" s="164"/>
      <c r="S224" s="164"/>
      <c r="T224" s="164"/>
      <c r="U224" s="164"/>
      <c r="V224" s="164"/>
      <c r="W224" s="164"/>
      <c r="X224" s="165"/>
      <c r="Y224" s="165"/>
      <c r="Z224" s="165"/>
      <c r="AA224" s="164"/>
      <c r="AB224" s="165"/>
      <c r="AC224" s="165"/>
      <c r="AD224" s="165"/>
      <c r="AE224" s="165"/>
      <c r="AF224" s="165"/>
      <c r="AG224" s="165"/>
      <c r="AH224" s="165"/>
      <c r="AI224" s="165"/>
      <c r="AJ224" s="165"/>
      <c r="AK224" s="165"/>
      <c r="AL224" s="165"/>
      <c r="AM224" s="165"/>
      <c r="AN224" s="165"/>
      <c r="AO224" s="165"/>
      <c r="AP224" s="165"/>
      <c r="AQ224" s="165"/>
      <c r="AR224" s="165"/>
      <c r="AS224" s="165"/>
      <c r="AT224" s="165"/>
      <c r="AU224" s="165"/>
      <c r="AV224" s="165"/>
      <c r="AW224" s="165"/>
      <c r="AX224" s="165"/>
      <c r="AY224" s="165"/>
      <c r="AZ224" s="165"/>
      <c r="BA224" s="165"/>
      <c r="BB224" s="165"/>
    </row>
    <row r="225" spans="1:16">
      <c r="A225" s="288"/>
      <c r="C225" s="462" t="s">
        <v>73</v>
      </c>
      <c r="D225" s="464" t="s">
        <v>94</v>
      </c>
      <c r="E225" s="465"/>
      <c r="F225" s="507" t="s">
        <v>75</v>
      </c>
      <c r="G225" s="508"/>
      <c r="H225" s="507" t="s">
        <v>159</v>
      </c>
      <c r="I225" s="511"/>
      <c r="J225" s="511"/>
      <c r="K225" s="511"/>
      <c r="L225" s="508"/>
      <c r="P225" s="101"/>
    </row>
    <row r="226" spans="1:16">
      <c r="A226" s="288"/>
      <c r="C226" s="463"/>
      <c r="D226" s="466"/>
      <c r="E226" s="467"/>
      <c r="F226" s="509"/>
      <c r="G226" s="510"/>
      <c r="H226" s="509"/>
      <c r="I226" s="512"/>
      <c r="J226" s="512"/>
      <c r="K226" s="512"/>
      <c r="L226" s="510"/>
      <c r="P226" s="101"/>
    </row>
    <row r="227" spans="1:16">
      <c r="A227" s="288"/>
      <c r="C227" s="136">
        <v>1</v>
      </c>
      <c r="D227" s="137" t="s">
        <v>77</v>
      </c>
      <c r="E227" s="138"/>
      <c r="F227" s="445"/>
      <c r="G227" s="446"/>
      <c r="H227" s="139"/>
      <c r="I227" s="167"/>
      <c r="J227" s="167"/>
      <c r="K227" s="167"/>
      <c r="L227" s="168"/>
      <c r="P227" s="101"/>
    </row>
    <row r="228" spans="1:16">
      <c r="A228" s="288"/>
      <c r="C228" s="136">
        <v>2</v>
      </c>
      <c r="D228" s="137" t="s">
        <v>78</v>
      </c>
      <c r="E228" s="138"/>
      <c r="F228" s="445"/>
      <c r="G228" s="446"/>
      <c r="H228" s="139"/>
      <c r="I228" s="167"/>
      <c r="J228" s="167"/>
      <c r="K228" s="167"/>
      <c r="L228" s="168"/>
      <c r="P228" s="101"/>
    </row>
    <row r="229" spans="1:16">
      <c r="A229" s="288"/>
      <c r="C229" s="136">
        <v>3</v>
      </c>
      <c r="D229" s="459" t="s">
        <v>79</v>
      </c>
      <c r="E229" s="460"/>
      <c r="F229" s="445"/>
      <c r="G229" s="446"/>
      <c r="H229" s="139"/>
      <c r="I229" s="167"/>
      <c r="J229" s="167"/>
      <c r="K229" s="167"/>
      <c r="L229" s="168"/>
      <c r="P229" s="101"/>
    </row>
    <row r="230" spans="1:16">
      <c r="A230" s="288"/>
      <c r="C230" s="136">
        <v>4</v>
      </c>
      <c r="D230" s="139" t="s">
        <v>80</v>
      </c>
      <c r="E230" s="144"/>
      <c r="F230" s="445"/>
      <c r="G230" s="446"/>
      <c r="H230" s="171"/>
      <c r="I230" s="170"/>
      <c r="J230" s="170"/>
      <c r="K230" s="170"/>
      <c r="L230" s="172"/>
      <c r="P230" s="101"/>
    </row>
    <row r="231" spans="1:16">
      <c r="A231" s="288"/>
      <c r="C231" s="136">
        <v>5</v>
      </c>
      <c r="D231" s="459" t="s">
        <v>172</v>
      </c>
      <c r="E231" s="460"/>
      <c r="F231" s="445"/>
      <c r="G231" s="446"/>
      <c r="H231" s="490"/>
      <c r="I231" s="491"/>
      <c r="J231" s="491"/>
      <c r="K231" s="491"/>
      <c r="L231" s="492"/>
      <c r="P231" s="101"/>
    </row>
    <row r="232" spans="1:16">
      <c r="A232" s="288"/>
      <c r="C232" s="136">
        <v>6</v>
      </c>
      <c r="D232" s="459" t="s">
        <v>173</v>
      </c>
      <c r="E232" s="460"/>
      <c r="F232" s="445"/>
      <c r="G232" s="446"/>
      <c r="H232" s="490"/>
      <c r="I232" s="491"/>
      <c r="J232" s="491"/>
      <c r="K232" s="491"/>
      <c r="L232" s="492"/>
      <c r="P232" s="101"/>
    </row>
    <row r="233" spans="1:16">
      <c r="A233" s="288"/>
      <c r="C233" s="136">
        <v>7</v>
      </c>
      <c r="D233" s="139" t="s">
        <v>174</v>
      </c>
      <c r="E233" s="144"/>
      <c r="F233" s="445" t="s">
        <v>166</v>
      </c>
      <c r="G233" s="446"/>
      <c r="H233" s="490" t="s">
        <v>175</v>
      </c>
      <c r="I233" s="491"/>
      <c r="J233" s="491"/>
      <c r="K233" s="491"/>
      <c r="L233" s="492"/>
      <c r="P233" s="101"/>
    </row>
    <row r="234" spans="1:16">
      <c r="A234" s="288"/>
      <c r="P234" s="101"/>
    </row>
    <row r="235" spans="1:16">
      <c r="A235" s="288"/>
      <c r="C235" s="131" t="s">
        <v>176</v>
      </c>
      <c r="P235" s="101"/>
    </row>
    <row r="236" spans="1:16">
      <c r="A236" s="288"/>
      <c r="C236" s="173" t="s">
        <v>162</v>
      </c>
      <c r="D236" s="173" t="s">
        <v>163</v>
      </c>
      <c r="P236" s="101"/>
    </row>
    <row r="237" spans="1:16">
      <c r="A237" s="288"/>
      <c r="C237" s="174" t="s">
        <v>164</v>
      </c>
      <c r="D237" s="174" t="s">
        <v>165</v>
      </c>
      <c r="P237" s="101"/>
    </row>
    <row r="238" spans="1:16">
      <c r="A238" s="288"/>
      <c r="C238" s="174" t="s">
        <v>164</v>
      </c>
      <c r="D238" s="174" t="s">
        <v>165</v>
      </c>
      <c r="P238" s="101"/>
    </row>
    <row r="239" spans="1:16">
      <c r="A239" s="288"/>
      <c r="C239" s="174" t="s">
        <v>164</v>
      </c>
      <c r="D239" s="174" t="s">
        <v>165</v>
      </c>
      <c r="P239" s="101"/>
    </row>
    <row r="240" spans="1:16">
      <c r="A240" s="288"/>
      <c r="C240" s="174" t="s">
        <v>164</v>
      </c>
      <c r="D240" s="174" t="s">
        <v>165</v>
      </c>
      <c r="P240" s="101"/>
    </row>
    <row r="241" spans="1:16">
      <c r="A241" s="288"/>
      <c r="C241" s="174" t="s">
        <v>164</v>
      </c>
      <c r="D241" s="174" t="s">
        <v>165</v>
      </c>
      <c r="P241" s="101"/>
    </row>
    <row r="242" spans="1:16">
      <c r="A242" s="288"/>
      <c r="C242" s="174" t="s">
        <v>164</v>
      </c>
      <c r="D242" s="174" t="s">
        <v>165</v>
      </c>
      <c r="P242" s="101"/>
    </row>
    <row r="243" spans="1:16">
      <c r="A243" s="288"/>
      <c r="C243" s="131"/>
      <c r="D243" s="131"/>
      <c r="P243" s="101"/>
    </row>
    <row r="244" spans="1:16">
      <c r="A244" s="288"/>
      <c r="C244" s="131"/>
      <c r="D244" s="131"/>
      <c r="P244" s="101"/>
    </row>
    <row r="245" spans="1:16">
      <c r="A245" s="288"/>
      <c r="C245" s="131"/>
      <c r="D245" s="131"/>
      <c r="P245" s="101"/>
    </row>
    <row r="246" spans="1:16">
      <c r="A246" s="288"/>
      <c r="C246" s="131"/>
      <c r="D246" s="131"/>
      <c r="P246" s="101"/>
    </row>
    <row r="247" spans="1:16">
      <c r="A247" s="288"/>
      <c r="C247" s="131"/>
      <c r="D247" s="131"/>
      <c r="P247" s="101"/>
    </row>
    <row r="248" spans="1:16">
      <c r="A248" s="288"/>
      <c r="B248" s="304"/>
      <c r="C248" s="164"/>
      <c r="D248" s="131"/>
      <c r="P248" s="101"/>
    </row>
    <row r="249" spans="1:16">
      <c r="A249" s="288"/>
      <c r="C249" s="131"/>
      <c r="D249" s="131"/>
      <c r="P249" s="101"/>
    </row>
    <row r="250" spans="1:16">
      <c r="A250" s="288"/>
      <c r="B250" s="185" t="s">
        <v>177</v>
      </c>
      <c r="C250" s="184"/>
      <c r="D250" s="184"/>
      <c r="E250" s="184"/>
      <c r="F250" s="184"/>
      <c r="G250" s="184"/>
      <c r="H250" s="184"/>
      <c r="I250" s="184"/>
      <c r="J250" s="184"/>
      <c r="K250" s="184"/>
      <c r="L250" s="184"/>
      <c r="M250" s="184"/>
      <c r="N250" s="184"/>
      <c r="P250" s="101"/>
    </row>
    <row r="251" spans="1:16">
      <c r="A251" s="288"/>
      <c r="C251" s="131" t="s">
        <v>178</v>
      </c>
      <c r="D251" s="131"/>
      <c r="P251" s="101"/>
    </row>
    <row r="252" spans="1:16">
      <c r="A252" s="288"/>
      <c r="C252" s="131" t="s">
        <v>179</v>
      </c>
      <c r="D252" s="131"/>
      <c r="P252" s="101"/>
    </row>
    <row r="253" spans="1:16">
      <c r="A253" s="288"/>
      <c r="C253" s="131" t="s">
        <v>180</v>
      </c>
      <c r="D253" s="131"/>
      <c r="P253" s="101"/>
    </row>
    <row r="254" spans="1:16">
      <c r="A254" s="288"/>
      <c r="C254" s="131"/>
      <c r="D254" s="131"/>
      <c r="P254" s="101"/>
    </row>
    <row r="255" spans="1:16">
      <c r="A255" s="292"/>
      <c r="C255" s="131" t="s">
        <v>181</v>
      </c>
      <c r="D255" s="131"/>
      <c r="P255" s="101"/>
    </row>
    <row r="256" spans="1:16">
      <c r="A256" s="292"/>
      <c r="C256" s="131" t="s">
        <v>182</v>
      </c>
      <c r="D256" s="131"/>
      <c r="P256" s="101"/>
    </row>
    <row r="257" spans="1:16">
      <c r="A257" s="288"/>
      <c r="C257" s="131" t="s">
        <v>183</v>
      </c>
      <c r="D257" s="131"/>
      <c r="P257" s="101"/>
    </row>
    <row r="258" spans="1:16">
      <c r="A258" s="288"/>
      <c r="C258" s="131" t="s">
        <v>184</v>
      </c>
      <c r="D258" s="131"/>
      <c r="P258" s="101"/>
    </row>
    <row r="259" spans="1:16">
      <c r="A259" s="288"/>
      <c r="C259" s="131"/>
      <c r="D259" s="131"/>
      <c r="P259" s="101"/>
    </row>
    <row r="260" spans="1:16">
      <c r="A260" s="288"/>
      <c r="C260" s="131" t="s">
        <v>185</v>
      </c>
      <c r="D260" s="131"/>
      <c r="P260" s="101"/>
    </row>
    <row r="261" spans="1:16">
      <c r="A261" s="288"/>
      <c r="C261" s="131" t="s">
        <v>186</v>
      </c>
      <c r="D261" s="131"/>
      <c r="P261" s="101"/>
    </row>
    <row r="262" spans="1:16">
      <c r="A262" s="288"/>
      <c r="C262" s="131"/>
      <c r="D262" s="131"/>
      <c r="P262" s="101"/>
    </row>
    <row r="263" spans="1:16">
      <c r="A263" s="292"/>
      <c r="B263" s="185" t="s">
        <v>187</v>
      </c>
      <c r="C263" s="184"/>
      <c r="D263" s="184"/>
      <c r="E263" s="184"/>
      <c r="F263" s="184"/>
      <c r="G263" s="184"/>
      <c r="H263" s="184"/>
      <c r="I263" s="184"/>
      <c r="J263" s="184"/>
      <c r="K263" s="184"/>
      <c r="L263" s="184"/>
      <c r="M263" s="184"/>
      <c r="N263" s="184"/>
      <c r="P263" s="101"/>
    </row>
    <row r="264" spans="1:16">
      <c r="A264" s="288"/>
      <c r="C264" s="133" t="s">
        <v>188</v>
      </c>
      <c r="P264" s="101"/>
    </row>
    <row r="265" spans="1:16">
      <c r="A265" s="296"/>
      <c r="B265" s="133"/>
      <c r="C265" s="133" t="s">
        <v>189</v>
      </c>
      <c r="D265" s="133"/>
      <c r="E265" s="133"/>
      <c r="F265" s="133"/>
      <c r="G265" s="133"/>
      <c r="H265" s="133"/>
      <c r="I265" s="133"/>
      <c r="J265" s="133"/>
      <c r="K265" s="133"/>
      <c r="L265" s="133"/>
      <c r="M265" s="133"/>
      <c r="N265" s="133"/>
      <c r="P265" s="101"/>
    </row>
    <row r="266" spans="1:16">
      <c r="A266" s="288"/>
      <c r="B266" s="133"/>
      <c r="C266" s="133"/>
      <c r="D266" s="133"/>
      <c r="E266" s="133"/>
      <c r="F266" s="133"/>
      <c r="G266" s="133"/>
      <c r="H266" s="133"/>
      <c r="I266" s="133"/>
      <c r="J266" s="133"/>
      <c r="K266" s="133"/>
      <c r="L266" s="133"/>
      <c r="M266" s="133"/>
      <c r="N266" s="133"/>
      <c r="P266" s="101"/>
    </row>
    <row r="267" spans="1:16">
      <c r="A267" s="296"/>
      <c r="B267" s="133"/>
      <c r="C267" s="133"/>
      <c r="D267" s="133"/>
      <c r="E267" s="133"/>
      <c r="F267" s="133"/>
      <c r="G267" s="133"/>
      <c r="H267" s="133"/>
      <c r="I267" s="133"/>
      <c r="J267" s="133"/>
      <c r="K267" s="133"/>
      <c r="L267" s="133"/>
      <c r="M267" s="133"/>
      <c r="N267" s="133"/>
      <c r="P267" s="101"/>
    </row>
    <row r="268" spans="1:16">
      <c r="A268" s="296"/>
      <c r="B268" s="133"/>
      <c r="C268" s="186" t="s">
        <v>190</v>
      </c>
      <c r="D268" s="146"/>
      <c r="E268" s="134"/>
      <c r="F268" s="134"/>
      <c r="G268" s="135"/>
      <c r="H268" s="135"/>
      <c r="I268" s="135"/>
      <c r="J268" s="135"/>
      <c r="K268" s="135"/>
      <c r="L268" s="133"/>
      <c r="M268" s="133"/>
      <c r="N268" s="133"/>
      <c r="P268" s="101"/>
    </row>
    <row r="269" spans="1:16">
      <c r="A269" s="296"/>
      <c r="B269" s="133"/>
      <c r="C269" s="175" t="s">
        <v>191</v>
      </c>
      <c r="D269" s="133"/>
      <c r="E269" s="134"/>
      <c r="F269" s="134"/>
      <c r="G269" s="135"/>
      <c r="H269" s="135"/>
      <c r="I269" s="135"/>
      <c r="J269" s="135"/>
      <c r="K269" s="135"/>
      <c r="L269" s="133"/>
      <c r="M269" s="133"/>
      <c r="N269" s="133"/>
      <c r="P269" s="101"/>
    </row>
    <row r="270" spans="1:16">
      <c r="A270" s="288"/>
      <c r="B270" s="133"/>
      <c r="C270" s="175" t="s">
        <v>192</v>
      </c>
      <c r="D270" s="133"/>
      <c r="E270" s="134"/>
      <c r="F270" s="134"/>
      <c r="G270" s="135"/>
      <c r="H270" s="135"/>
      <c r="I270" s="135"/>
      <c r="J270" s="135"/>
      <c r="K270" s="135"/>
      <c r="L270" s="133"/>
      <c r="M270" s="133"/>
      <c r="N270" s="133"/>
      <c r="P270" s="101"/>
    </row>
    <row r="271" spans="1:16">
      <c r="A271" s="296"/>
      <c r="P271" s="101"/>
    </row>
    <row r="272" spans="1:16">
      <c r="A272" s="296"/>
      <c r="B272" s="133"/>
      <c r="C272" s="175"/>
      <c r="D272" s="308" t="s">
        <v>193</v>
      </c>
      <c r="E272" s="134"/>
      <c r="F272" s="134"/>
      <c r="G272" s="135"/>
      <c r="H272" s="135"/>
      <c r="I272" s="135"/>
      <c r="J272" s="135"/>
      <c r="K272" s="135"/>
      <c r="L272" s="133"/>
      <c r="M272" s="133"/>
      <c r="N272" s="133"/>
      <c r="P272" s="101"/>
    </row>
    <row r="273" spans="1:16">
      <c r="A273" s="296"/>
      <c r="B273" s="133"/>
      <c r="C273" s="146"/>
      <c r="D273" s="148" t="s">
        <v>194</v>
      </c>
      <c r="E273" s="134"/>
      <c r="F273" s="134"/>
      <c r="G273" s="135"/>
      <c r="H273" s="135"/>
      <c r="I273" s="135"/>
      <c r="J273" s="135"/>
      <c r="K273" s="135"/>
      <c r="L273" s="133"/>
      <c r="M273" s="133"/>
      <c r="N273" s="133"/>
      <c r="P273" s="101"/>
    </row>
    <row r="274" spans="1:16">
      <c r="A274" s="296"/>
      <c r="B274" s="133"/>
      <c r="C274" s="146"/>
      <c r="D274" s="175"/>
      <c r="E274" s="134"/>
      <c r="F274" s="134"/>
      <c r="G274" s="135"/>
      <c r="H274" s="135"/>
      <c r="I274" s="135"/>
      <c r="J274" s="135"/>
      <c r="K274" s="135"/>
      <c r="L274" s="133"/>
      <c r="M274" s="133"/>
      <c r="N274" s="133"/>
      <c r="P274" s="101"/>
    </row>
    <row r="275" spans="1:16">
      <c r="A275" s="296"/>
      <c r="B275" s="133"/>
      <c r="C275" s="186" t="s">
        <v>195</v>
      </c>
      <c r="D275" s="175"/>
      <c r="E275" s="134"/>
      <c r="F275" s="134"/>
      <c r="G275" s="135"/>
      <c r="H275" s="135"/>
      <c r="I275" s="135"/>
      <c r="J275" s="135"/>
      <c r="K275" s="135"/>
      <c r="L275" s="133"/>
      <c r="M275" s="133"/>
      <c r="P275" s="101"/>
    </row>
    <row r="276" spans="1:16">
      <c r="A276" s="288"/>
      <c r="B276" s="133"/>
      <c r="C276" s="133" t="s">
        <v>196</v>
      </c>
      <c r="D276" s="133"/>
      <c r="E276" s="133"/>
      <c r="F276" s="133"/>
      <c r="G276" s="133"/>
      <c r="H276" s="133"/>
      <c r="I276" s="133"/>
      <c r="J276" s="133"/>
      <c r="K276" s="133"/>
      <c r="L276" s="133"/>
      <c r="M276" s="133"/>
      <c r="P276" s="101"/>
    </row>
    <row r="277" spans="1:16">
      <c r="A277" s="288"/>
      <c r="B277" s="133"/>
      <c r="C277" s="133"/>
      <c r="D277" s="133"/>
      <c r="E277" s="133"/>
      <c r="F277" s="133"/>
      <c r="G277" s="133"/>
      <c r="H277" s="133"/>
      <c r="I277" s="133"/>
      <c r="J277" s="133"/>
      <c r="K277" s="133"/>
      <c r="L277" s="133"/>
      <c r="M277" s="133"/>
      <c r="P277" s="101"/>
    </row>
    <row r="278" spans="1:16">
      <c r="A278" s="292"/>
      <c r="C278" s="131" t="s">
        <v>197</v>
      </c>
      <c r="P278" s="101"/>
    </row>
    <row r="279" spans="1:16">
      <c r="A279" s="292"/>
      <c r="C279" s="131" t="s">
        <v>198</v>
      </c>
      <c r="P279" s="101"/>
    </row>
    <row r="280" spans="1:16">
      <c r="A280" s="292"/>
      <c r="C280" s="131" t="s">
        <v>3019</v>
      </c>
      <c r="P280" s="101"/>
    </row>
    <row r="281" spans="1:16">
      <c r="A281" s="292"/>
      <c r="C281" s="131" t="s">
        <v>199</v>
      </c>
      <c r="P281" s="101"/>
    </row>
    <row r="282" spans="1:16">
      <c r="A282" s="292"/>
      <c r="C282" s="131" t="s">
        <v>200</v>
      </c>
      <c r="P282" s="101"/>
    </row>
    <row r="283" spans="1:16">
      <c r="A283" s="292"/>
      <c r="P283" s="101"/>
    </row>
    <row r="284" spans="1:16">
      <c r="A284" s="292"/>
      <c r="P284" s="101"/>
    </row>
    <row r="285" spans="1:16">
      <c r="A285" s="288"/>
      <c r="C285" s="133" t="s">
        <v>201</v>
      </c>
      <c r="P285" s="101"/>
    </row>
    <row r="286" spans="1:16">
      <c r="A286" s="288"/>
      <c r="C286" s="462" t="s">
        <v>73</v>
      </c>
      <c r="D286" s="464" t="s">
        <v>94</v>
      </c>
      <c r="E286" s="465"/>
      <c r="F286" s="538" t="s">
        <v>75</v>
      </c>
      <c r="G286" s="538"/>
      <c r="H286" s="539" t="s">
        <v>159</v>
      </c>
      <c r="I286" s="539"/>
      <c r="J286" s="539"/>
      <c r="K286" s="539"/>
      <c r="L286" s="539"/>
      <c r="P286" s="101"/>
    </row>
    <row r="287" spans="1:16">
      <c r="A287" s="309"/>
      <c r="C287" s="463"/>
      <c r="D287" s="466"/>
      <c r="E287" s="467"/>
      <c r="F287" s="538"/>
      <c r="G287" s="538"/>
      <c r="H287" s="539"/>
      <c r="I287" s="539"/>
      <c r="J287" s="539"/>
      <c r="K287" s="539"/>
      <c r="L287" s="539"/>
      <c r="P287" s="101"/>
    </row>
    <row r="288" spans="1:16">
      <c r="A288" s="309"/>
      <c r="B288" s="176"/>
      <c r="C288" s="171">
        <v>8</v>
      </c>
      <c r="D288" s="139" t="s">
        <v>202</v>
      </c>
      <c r="E288" s="143"/>
      <c r="F288" s="526" t="s">
        <v>203</v>
      </c>
      <c r="G288" s="526"/>
      <c r="H288" s="540" t="s">
        <v>204</v>
      </c>
      <c r="I288" s="540"/>
      <c r="J288" s="540"/>
      <c r="K288" s="540"/>
      <c r="L288" s="540"/>
      <c r="P288" s="101"/>
    </row>
    <row r="289" spans="1:16">
      <c r="A289" s="310"/>
      <c r="B289" s="176"/>
      <c r="C289" s="171">
        <v>10</v>
      </c>
      <c r="D289" s="139" t="s">
        <v>205</v>
      </c>
      <c r="E289" s="143"/>
      <c r="F289" s="526" t="s">
        <v>206</v>
      </c>
      <c r="G289" s="526"/>
      <c r="H289" s="540" t="s">
        <v>207</v>
      </c>
      <c r="I289" s="540"/>
      <c r="J289" s="540"/>
      <c r="K289" s="540"/>
      <c r="L289" s="540"/>
      <c r="P289" s="101"/>
    </row>
    <row r="290" spans="1:16">
      <c r="A290" s="296"/>
      <c r="B290" s="164"/>
      <c r="C290" s="171">
        <v>16</v>
      </c>
      <c r="D290" s="139" t="s">
        <v>208</v>
      </c>
      <c r="E290" s="143"/>
      <c r="F290" s="526" t="s">
        <v>206</v>
      </c>
      <c r="G290" s="526"/>
      <c r="H290" s="540" t="s">
        <v>209</v>
      </c>
      <c r="I290" s="540"/>
      <c r="J290" s="540"/>
      <c r="K290" s="540"/>
      <c r="L290" s="540"/>
      <c r="P290" s="101"/>
    </row>
    <row r="291" spans="1:16">
      <c r="A291" s="296"/>
      <c r="B291" s="133"/>
      <c r="C291" s="146"/>
      <c r="D291" s="146"/>
      <c r="E291" s="134"/>
      <c r="F291" s="134"/>
      <c r="G291" s="135"/>
      <c r="H291" s="135"/>
      <c r="I291" s="135"/>
      <c r="J291" s="135"/>
      <c r="K291" s="135"/>
      <c r="P291" s="101"/>
    </row>
    <row r="292" spans="1:16">
      <c r="A292" s="296"/>
      <c r="B292" s="133"/>
      <c r="C292" s="133" t="s">
        <v>210</v>
      </c>
      <c r="D292" s="133"/>
      <c r="E292" s="133"/>
      <c r="F292" s="133"/>
      <c r="G292" s="133" t="s">
        <v>211</v>
      </c>
      <c r="H292" s="133"/>
      <c r="I292" s="133"/>
      <c r="J292" s="311"/>
      <c r="K292" s="135"/>
      <c r="P292" s="101"/>
    </row>
    <row r="293" spans="1:16">
      <c r="A293" s="296"/>
      <c r="B293" s="133"/>
      <c r="C293" s="536" t="s">
        <v>162</v>
      </c>
      <c r="D293" s="520" t="s">
        <v>212</v>
      </c>
      <c r="E293" s="520"/>
      <c r="F293" s="133"/>
      <c r="G293" s="536" t="s">
        <v>162</v>
      </c>
      <c r="H293" s="520" t="s">
        <v>213</v>
      </c>
      <c r="I293" s="520"/>
      <c r="J293" s="133"/>
      <c r="P293" s="101"/>
    </row>
    <row r="294" spans="1:16">
      <c r="A294" s="296"/>
      <c r="B294" s="133"/>
      <c r="C294" s="537"/>
      <c r="D294" s="520"/>
      <c r="E294" s="520"/>
      <c r="F294" s="133"/>
      <c r="G294" s="537"/>
      <c r="H294" s="520"/>
      <c r="I294" s="520"/>
      <c r="J294" s="133"/>
      <c r="P294" s="101"/>
    </row>
    <row r="295" spans="1:16">
      <c r="A295" s="296"/>
      <c r="B295" s="133"/>
      <c r="C295" s="278" t="s">
        <v>214</v>
      </c>
      <c r="D295" s="518" t="s">
        <v>215</v>
      </c>
      <c r="E295" s="519"/>
      <c r="F295" s="133"/>
      <c r="G295" s="278" t="s">
        <v>214</v>
      </c>
      <c r="H295" s="524" t="s">
        <v>216</v>
      </c>
      <c r="I295" s="525"/>
      <c r="J295" s="133"/>
      <c r="P295" s="101"/>
    </row>
    <row r="296" spans="1:16">
      <c r="A296" s="296"/>
      <c r="B296" s="133"/>
      <c r="C296" s="278" t="s">
        <v>217</v>
      </c>
      <c r="D296" s="518" t="s">
        <v>218</v>
      </c>
      <c r="E296" s="519"/>
      <c r="F296" s="133"/>
      <c r="G296" s="278" t="s">
        <v>217</v>
      </c>
      <c r="H296" s="524" t="s">
        <v>219</v>
      </c>
      <c r="I296" s="525"/>
      <c r="J296" s="133"/>
      <c r="P296" s="101"/>
    </row>
    <row r="297" spans="1:16">
      <c r="A297" s="296"/>
      <c r="B297" s="133"/>
      <c r="C297" s="278" t="s">
        <v>220</v>
      </c>
      <c r="D297" s="518" t="s">
        <v>221</v>
      </c>
      <c r="E297" s="519"/>
      <c r="F297" s="133"/>
      <c r="G297" s="278" t="s">
        <v>220</v>
      </c>
      <c r="H297" s="524" t="s">
        <v>222</v>
      </c>
      <c r="I297" s="525"/>
      <c r="J297" s="133"/>
      <c r="P297" s="101"/>
    </row>
    <row r="298" spans="1:16">
      <c r="A298" s="296"/>
      <c r="B298" s="133"/>
      <c r="C298" s="527" t="s">
        <v>87</v>
      </c>
      <c r="D298" s="530" t="s">
        <v>140</v>
      </c>
      <c r="E298" s="531"/>
      <c r="F298" s="133"/>
      <c r="G298" s="133"/>
      <c r="H298" s="133"/>
      <c r="I298" s="133"/>
      <c r="J298" s="133"/>
      <c r="K298" s="133"/>
      <c r="P298" s="101"/>
    </row>
    <row r="299" spans="1:16">
      <c r="A299" s="296"/>
      <c r="B299" s="133"/>
      <c r="C299" s="528"/>
      <c r="D299" s="532"/>
      <c r="E299" s="533"/>
      <c r="F299" s="133"/>
      <c r="G299" s="133"/>
      <c r="H299" s="133"/>
      <c r="I299" s="133"/>
      <c r="J299" s="133"/>
      <c r="K299" s="133"/>
      <c r="P299" s="101"/>
    </row>
    <row r="300" spans="1:16">
      <c r="A300" s="296"/>
      <c r="B300" s="133"/>
      <c r="C300" s="529"/>
      <c r="D300" s="534"/>
      <c r="E300" s="535"/>
      <c r="F300" s="133"/>
      <c r="G300" s="133"/>
      <c r="H300" s="133"/>
      <c r="I300" s="133"/>
      <c r="J300" s="133"/>
      <c r="K300" s="133"/>
      <c r="P300" s="101"/>
    </row>
    <row r="301" spans="1:16">
      <c r="A301" s="296"/>
      <c r="B301" s="133"/>
      <c r="C301" s="278" t="s">
        <v>223</v>
      </c>
      <c r="D301" s="518" t="s">
        <v>224</v>
      </c>
      <c r="E301" s="519"/>
      <c r="F301" s="133"/>
      <c r="G301" s="133"/>
      <c r="H301" s="133"/>
      <c r="I301" s="133"/>
      <c r="J301" s="133"/>
      <c r="K301" s="133"/>
      <c r="P301" s="101"/>
    </row>
    <row r="302" spans="1:16">
      <c r="A302" s="296"/>
      <c r="B302" s="133"/>
      <c r="C302" s="278" t="s">
        <v>225</v>
      </c>
      <c r="D302" s="518" t="s">
        <v>226</v>
      </c>
      <c r="E302" s="519"/>
      <c r="F302" s="133"/>
      <c r="G302" s="133"/>
      <c r="H302" s="133"/>
      <c r="I302" s="133"/>
      <c r="J302" s="133"/>
      <c r="K302" s="133"/>
      <c r="P302" s="101"/>
    </row>
    <row r="303" spans="1:16">
      <c r="A303" s="296"/>
      <c r="B303" s="133"/>
      <c r="C303" s="131"/>
      <c r="D303" s="131"/>
      <c r="E303" s="131"/>
      <c r="F303" s="133"/>
      <c r="G303" s="133"/>
      <c r="H303" s="133"/>
      <c r="I303" s="133"/>
      <c r="J303" s="133"/>
      <c r="K303" s="133"/>
      <c r="P303" s="101"/>
    </row>
    <row r="304" spans="1:16">
      <c r="A304" s="296"/>
      <c r="B304" s="133"/>
      <c r="C304" s="164" t="s">
        <v>227</v>
      </c>
      <c r="D304" s="131"/>
      <c r="E304" s="131"/>
      <c r="F304" s="133"/>
      <c r="G304" s="133"/>
      <c r="H304" s="133"/>
      <c r="I304" s="133"/>
      <c r="J304" s="133"/>
      <c r="K304" s="133"/>
      <c r="P304" s="101"/>
    </row>
    <row r="305" spans="1:16">
      <c r="A305" s="296"/>
      <c r="B305" s="133"/>
      <c r="C305" s="164" t="s">
        <v>228</v>
      </c>
      <c r="D305" s="131"/>
      <c r="E305" s="131"/>
      <c r="F305" s="133"/>
      <c r="G305" s="133"/>
      <c r="H305" s="133"/>
      <c r="I305" s="133"/>
      <c r="J305" s="133"/>
      <c r="K305" s="133"/>
      <c r="P305" s="101"/>
    </row>
    <row r="306" spans="1:16">
      <c r="A306" s="296"/>
      <c r="B306" s="133"/>
      <c r="C306" s="164" t="s">
        <v>229</v>
      </c>
      <c r="D306" s="131"/>
      <c r="E306" s="131"/>
      <c r="F306" s="133"/>
      <c r="G306" s="133"/>
      <c r="H306" s="133"/>
      <c r="I306" s="133"/>
      <c r="J306" s="133"/>
      <c r="K306" s="133"/>
      <c r="P306" s="101"/>
    </row>
    <row r="307" spans="1:16">
      <c r="A307" s="296"/>
      <c r="B307" s="133"/>
      <c r="C307" s="131"/>
      <c r="D307" s="131"/>
      <c r="E307" s="131"/>
      <c r="F307" s="133"/>
      <c r="G307" s="133"/>
      <c r="H307" s="133"/>
      <c r="I307" s="133"/>
      <c r="J307" s="133"/>
      <c r="K307" s="133"/>
      <c r="L307" s="133"/>
      <c r="M307" s="133"/>
      <c r="N307" s="133"/>
      <c r="P307" s="101"/>
    </row>
    <row r="308" spans="1:16">
      <c r="A308" s="296"/>
      <c r="B308" s="185" t="s">
        <v>230</v>
      </c>
      <c r="C308" s="184"/>
      <c r="D308" s="184"/>
      <c r="E308" s="184"/>
      <c r="F308" s="312"/>
      <c r="G308" s="312"/>
      <c r="H308" s="312"/>
      <c r="I308" s="312"/>
      <c r="J308" s="312"/>
      <c r="K308" s="312"/>
      <c r="L308" s="312"/>
      <c r="M308" s="312"/>
      <c r="N308" s="312"/>
      <c r="P308" s="101"/>
    </row>
    <row r="309" spans="1:16">
      <c r="A309" s="296"/>
      <c r="B309" s="133"/>
      <c r="C309" s="131" t="s">
        <v>231</v>
      </c>
      <c r="D309" s="131"/>
      <c r="E309" s="131"/>
      <c r="F309" s="133"/>
      <c r="G309" s="133"/>
      <c r="H309" s="133"/>
      <c r="I309" s="133"/>
      <c r="J309" s="133"/>
      <c r="K309" s="133"/>
      <c r="L309" s="133"/>
      <c r="M309" s="133"/>
      <c r="N309" s="133"/>
      <c r="P309" s="101"/>
    </row>
    <row r="310" spans="1:16">
      <c r="A310" s="296"/>
      <c r="B310" s="133"/>
      <c r="C310" s="131" t="s">
        <v>232</v>
      </c>
      <c r="D310" s="131"/>
      <c r="E310" s="131"/>
      <c r="F310" s="133"/>
      <c r="G310" s="133"/>
      <c r="H310" s="133"/>
      <c r="I310" s="133"/>
      <c r="J310" s="133"/>
      <c r="K310" s="133"/>
      <c r="L310" s="133"/>
      <c r="M310" s="133"/>
      <c r="N310" s="133"/>
      <c r="P310" s="101"/>
    </row>
    <row r="311" spans="1:16">
      <c r="A311" s="292"/>
      <c r="P311" s="101"/>
    </row>
    <row r="312" spans="1:16">
      <c r="A312" s="292"/>
      <c r="C312" s="164" t="s">
        <v>233</v>
      </c>
      <c r="P312" s="101"/>
    </row>
    <row r="313" spans="1:16">
      <c r="A313" s="292"/>
      <c r="C313" s="164" t="s">
        <v>234</v>
      </c>
      <c r="P313" s="101"/>
    </row>
    <row r="314" spans="1:16">
      <c r="A314" s="292"/>
      <c r="P314" s="101"/>
    </row>
    <row r="315" spans="1:16" ht="14">
      <c r="A315" s="290" t="s">
        <v>235</v>
      </c>
      <c r="P315" s="101"/>
    </row>
    <row r="316" spans="1:16">
      <c r="A316" s="292"/>
      <c r="C316" s="131" t="s">
        <v>236</v>
      </c>
      <c r="P316" s="101"/>
    </row>
    <row r="317" spans="1:16">
      <c r="A317" s="292"/>
      <c r="C317" s="131" t="s">
        <v>237</v>
      </c>
      <c r="P317" s="101"/>
    </row>
    <row r="318" spans="1:16">
      <c r="A318" s="292"/>
      <c r="C318" s="131" t="s">
        <v>238</v>
      </c>
      <c r="P318" s="101"/>
    </row>
    <row r="319" spans="1:16">
      <c r="A319" s="292"/>
      <c r="P319" s="101"/>
    </row>
    <row r="320" spans="1:16">
      <c r="A320" s="292"/>
      <c r="C320" s="131" t="s">
        <v>239</v>
      </c>
      <c r="P320" s="101"/>
    </row>
    <row r="321" spans="1:16">
      <c r="A321" s="292"/>
      <c r="C321" s="131" t="s">
        <v>240</v>
      </c>
      <c r="P321" s="101"/>
    </row>
    <row r="322" spans="1:16" s="131" customFormat="1">
      <c r="A322" s="288"/>
      <c r="P322" s="285"/>
    </row>
    <row r="323" spans="1:16" s="131" customFormat="1">
      <c r="A323" s="288"/>
      <c r="C323" s="131" t="s">
        <v>241</v>
      </c>
      <c r="P323" s="285"/>
    </row>
    <row r="324" spans="1:16" s="131" customFormat="1">
      <c r="A324" s="288"/>
      <c r="C324" s="131" t="s">
        <v>242</v>
      </c>
      <c r="P324" s="285"/>
    </row>
    <row r="325" spans="1:16">
      <c r="A325" s="292"/>
      <c r="C325" s="131" t="s">
        <v>243</v>
      </c>
      <c r="P325" s="101"/>
    </row>
    <row r="326" spans="1:16" s="131" customFormat="1">
      <c r="A326" s="288"/>
      <c r="P326" s="285"/>
    </row>
    <row r="327" spans="1:16" s="131" customFormat="1">
      <c r="A327" s="288"/>
      <c r="P327" s="285"/>
    </row>
    <row r="328" spans="1:16">
      <c r="A328" s="292"/>
      <c r="C328" s="304"/>
      <c r="P328" s="101"/>
    </row>
    <row r="329" spans="1:16" ht="14">
      <c r="A329" s="290" t="s">
        <v>244</v>
      </c>
      <c r="C329" s="304"/>
      <c r="P329" s="101"/>
    </row>
    <row r="330" spans="1:16">
      <c r="A330" s="284"/>
      <c r="C330" s="304" t="s">
        <v>245</v>
      </c>
      <c r="P330" s="101"/>
    </row>
    <row r="331" spans="1:16">
      <c r="A331" s="284"/>
      <c r="C331" s="287" t="s">
        <v>2</v>
      </c>
      <c r="P331" s="101"/>
    </row>
    <row r="332" spans="1:16">
      <c r="A332" s="284"/>
      <c r="C332" s="287"/>
      <c r="P332" s="101"/>
    </row>
    <row r="333" spans="1:16">
      <c r="A333" s="284"/>
      <c r="C333" s="164" t="s">
        <v>246</v>
      </c>
      <c r="P333" s="101"/>
    </row>
    <row r="334" spans="1:16">
      <c r="A334" s="292"/>
      <c r="C334" s="304"/>
      <c r="P334" s="101"/>
    </row>
    <row r="335" spans="1:16">
      <c r="A335" s="313"/>
      <c r="B335" s="193"/>
      <c r="C335" s="148" t="s">
        <v>247</v>
      </c>
      <c r="D335" s="155"/>
      <c r="E335" s="155"/>
      <c r="F335" s="155"/>
      <c r="G335" s="156"/>
      <c r="H335" s="156"/>
      <c r="I335" s="156"/>
      <c r="J335" s="157"/>
      <c r="K335" s="158"/>
      <c r="L335" s="159"/>
      <c r="M335" s="159"/>
      <c r="P335" s="101"/>
    </row>
    <row r="336" spans="1:16">
      <c r="A336" s="313"/>
      <c r="B336" s="193"/>
      <c r="C336" s="160" t="s">
        <v>248</v>
      </c>
      <c r="D336" s="161"/>
      <c r="E336" s="161"/>
      <c r="F336" s="161"/>
      <c r="G336" s="161"/>
      <c r="H336" s="161"/>
      <c r="I336" s="161"/>
      <c r="J336" s="162"/>
      <c r="K336" s="158"/>
      <c r="L336" s="159"/>
      <c r="M336" s="159"/>
      <c r="P336" s="101"/>
    </row>
    <row r="337" spans="1:16">
      <c r="A337" s="313"/>
      <c r="B337" s="193"/>
      <c r="C337" s="160" t="s">
        <v>249</v>
      </c>
      <c r="D337" s="161"/>
      <c r="E337" s="161"/>
      <c r="F337" s="161"/>
      <c r="G337" s="161"/>
      <c r="H337" s="161"/>
      <c r="I337" s="161"/>
      <c r="J337" s="162"/>
      <c r="K337" s="158"/>
      <c r="L337" s="159"/>
      <c r="M337" s="159"/>
      <c r="P337" s="101"/>
    </row>
    <row r="338" spans="1:16">
      <c r="A338" s="313"/>
      <c r="B338" s="193"/>
      <c r="C338" s="160" t="s">
        <v>250</v>
      </c>
      <c r="D338" s="161"/>
      <c r="E338" s="161"/>
      <c r="F338" s="161"/>
      <c r="G338" s="161"/>
      <c r="H338" s="161"/>
      <c r="I338" s="161"/>
      <c r="J338" s="162"/>
      <c r="K338" s="158"/>
      <c r="L338" s="159"/>
      <c r="M338" s="159"/>
      <c r="P338" s="101"/>
    </row>
    <row r="339" spans="1:16">
      <c r="A339" s="313"/>
      <c r="B339" s="193"/>
      <c r="C339" s="160" t="s">
        <v>251</v>
      </c>
      <c r="D339" s="161"/>
      <c r="E339" s="161"/>
      <c r="F339" s="161"/>
      <c r="G339" s="161"/>
      <c r="H339" s="161"/>
      <c r="I339" s="161"/>
      <c r="J339" s="162"/>
      <c r="K339" s="158"/>
      <c r="L339" s="159"/>
      <c r="M339" s="159"/>
      <c r="P339" s="101"/>
    </row>
    <row r="340" spans="1:16">
      <c r="A340" s="313"/>
      <c r="B340" s="193"/>
      <c r="C340" s="160"/>
      <c r="D340" s="161"/>
      <c r="E340" s="161"/>
      <c r="F340" s="161"/>
      <c r="G340" s="161"/>
      <c r="H340" s="161"/>
      <c r="I340" s="161"/>
      <c r="J340" s="162"/>
      <c r="K340" s="158"/>
      <c r="L340" s="159"/>
      <c r="M340" s="159"/>
      <c r="P340" s="101"/>
    </row>
    <row r="341" spans="1:16">
      <c r="A341" s="292"/>
      <c r="C341" s="164" t="s">
        <v>252</v>
      </c>
      <c r="P341" s="101"/>
    </row>
    <row r="342" spans="1:16">
      <c r="A342" s="292"/>
      <c r="C342" s="164" t="s">
        <v>253</v>
      </c>
      <c r="P342" s="101"/>
    </row>
    <row r="343" spans="1:16">
      <c r="A343" s="292"/>
      <c r="C343" s="164" t="s">
        <v>254</v>
      </c>
      <c r="P343" s="101"/>
    </row>
    <row r="344" spans="1:16">
      <c r="A344" s="292"/>
      <c r="C344" s="164" t="s">
        <v>255</v>
      </c>
      <c r="P344" s="101"/>
    </row>
    <row r="345" spans="1:16">
      <c r="A345" s="292"/>
      <c r="C345" s="164" t="s">
        <v>256</v>
      </c>
      <c r="P345" s="101"/>
    </row>
    <row r="346" spans="1:16">
      <c r="A346" s="292"/>
      <c r="C346" s="304"/>
      <c r="P346" s="101"/>
    </row>
    <row r="347" spans="1:16">
      <c r="A347" s="292"/>
      <c r="D347" s="164" t="s">
        <v>257</v>
      </c>
      <c r="P347" s="101"/>
    </row>
    <row r="348" spans="1:16">
      <c r="A348" s="292"/>
      <c r="D348" s="164" t="s">
        <v>258</v>
      </c>
      <c r="P348" s="101"/>
    </row>
    <row r="349" spans="1:16">
      <c r="A349" s="292"/>
      <c r="D349" s="164"/>
      <c r="P349" s="101"/>
    </row>
    <row r="350" spans="1:16">
      <c r="A350" s="292"/>
      <c r="D350" s="164"/>
      <c r="P350" s="101"/>
    </row>
    <row r="351" spans="1:16">
      <c r="A351" s="292"/>
      <c r="C351" s="164" t="s">
        <v>259</v>
      </c>
      <c r="D351" s="164"/>
      <c r="P351" s="101"/>
    </row>
    <row r="352" spans="1:16">
      <c r="A352" s="292"/>
      <c r="C352" s="131" t="s">
        <v>260</v>
      </c>
      <c r="D352" s="164"/>
      <c r="P352" s="101"/>
    </row>
    <row r="353" spans="1:16">
      <c r="A353" s="292"/>
      <c r="C353" s="131" t="s">
        <v>261</v>
      </c>
      <c r="D353" s="164"/>
      <c r="P353" s="101"/>
    </row>
    <row r="354" spans="1:16">
      <c r="A354" s="292"/>
      <c r="C354" s="164" t="s">
        <v>262</v>
      </c>
      <c r="P354" s="101"/>
    </row>
    <row r="355" spans="1:16">
      <c r="A355" s="292"/>
      <c r="C355" s="164" t="s">
        <v>263</v>
      </c>
      <c r="P355" s="101"/>
    </row>
    <row r="356" spans="1:16">
      <c r="A356" s="292"/>
      <c r="C356" s="304"/>
      <c r="P356" s="101"/>
    </row>
    <row r="357" spans="1:16">
      <c r="A357" s="292"/>
      <c r="C357" s="304"/>
      <c r="P357" s="101"/>
    </row>
    <row r="358" spans="1:16">
      <c r="A358" s="288"/>
      <c r="C358" s="131" t="s">
        <v>264</v>
      </c>
      <c r="D358" s="131"/>
      <c r="P358" s="101"/>
    </row>
    <row r="359" spans="1:16">
      <c r="A359" s="288"/>
      <c r="C359" s="131" t="s">
        <v>265</v>
      </c>
      <c r="D359" s="131"/>
      <c r="P359" s="101"/>
    </row>
    <row r="360" spans="1:16">
      <c r="A360" s="288"/>
      <c r="C360" s="131" t="s">
        <v>266</v>
      </c>
      <c r="D360" s="131"/>
      <c r="P360" s="101"/>
    </row>
    <row r="361" spans="1:16">
      <c r="A361" s="292"/>
      <c r="C361" s="131" t="s">
        <v>267</v>
      </c>
      <c r="D361" s="131"/>
      <c r="P361" s="101"/>
    </row>
    <row r="362" spans="1:16">
      <c r="A362" s="292"/>
      <c r="C362" s="131" t="s">
        <v>268</v>
      </c>
      <c r="D362" s="131"/>
      <c r="P362" s="101"/>
    </row>
    <row r="363" spans="1:16">
      <c r="A363" s="288"/>
      <c r="C363" s="131" t="s">
        <v>269</v>
      </c>
      <c r="D363" s="131"/>
      <c r="P363" s="101"/>
    </row>
    <row r="364" spans="1:16">
      <c r="A364" s="288"/>
      <c r="C364" s="131" t="s">
        <v>270</v>
      </c>
      <c r="D364" s="131"/>
      <c r="P364" s="101"/>
    </row>
    <row r="365" spans="1:16">
      <c r="A365" s="288"/>
      <c r="C365" s="131"/>
      <c r="D365" s="131"/>
      <c r="P365" s="101"/>
    </row>
    <row r="366" spans="1:16">
      <c r="A366" s="288"/>
      <c r="C366" s="131" t="s">
        <v>271</v>
      </c>
      <c r="D366" s="131"/>
      <c r="P366" s="101"/>
    </row>
    <row r="367" spans="1:16">
      <c r="A367" s="288"/>
      <c r="C367" s="131" t="s">
        <v>272</v>
      </c>
      <c r="D367" s="131"/>
      <c r="P367" s="101"/>
    </row>
    <row r="368" spans="1:16">
      <c r="A368" s="288"/>
      <c r="C368" s="131" t="s">
        <v>273</v>
      </c>
      <c r="D368" s="131"/>
      <c r="P368" s="101"/>
    </row>
    <row r="369" spans="1:16">
      <c r="A369" s="313"/>
      <c r="B369" s="193"/>
      <c r="C369" s="160"/>
      <c r="D369" s="161"/>
      <c r="E369" s="161"/>
      <c r="F369" s="161"/>
      <c r="G369" s="161"/>
      <c r="H369" s="161"/>
      <c r="I369" s="161"/>
      <c r="J369" s="162"/>
      <c r="K369" s="158"/>
      <c r="L369" s="159"/>
      <c r="M369" s="159"/>
      <c r="P369" s="101"/>
    </row>
    <row r="370" spans="1:16">
      <c r="A370" s="292"/>
      <c r="C370" s="164" t="s">
        <v>274</v>
      </c>
      <c r="P370" s="101"/>
    </row>
    <row r="371" spans="1:16">
      <c r="A371" s="292"/>
      <c r="C371" s="164" t="s">
        <v>275</v>
      </c>
      <c r="P371" s="101"/>
    </row>
    <row r="372" spans="1:16">
      <c r="A372" s="292"/>
      <c r="C372" s="164" t="s">
        <v>276</v>
      </c>
      <c r="P372" s="101"/>
    </row>
    <row r="373" spans="1:16">
      <c r="A373" s="292"/>
      <c r="C373" s="164"/>
      <c r="P373" s="101"/>
    </row>
    <row r="374" spans="1:16">
      <c r="A374" s="292"/>
      <c r="C374" s="304"/>
      <c r="P374" s="101"/>
    </row>
    <row r="375" spans="1:16">
      <c r="A375" s="292"/>
      <c r="C375" s="131" t="s">
        <v>277</v>
      </c>
      <c r="P375" s="101"/>
    </row>
    <row r="376" spans="1:16">
      <c r="A376" s="292"/>
      <c r="C376" s="131" t="s">
        <v>278</v>
      </c>
      <c r="P376" s="101"/>
    </row>
    <row r="377" spans="1:16">
      <c r="A377" s="292"/>
      <c r="C377" s="131" t="s">
        <v>279</v>
      </c>
      <c r="P377" s="101"/>
    </row>
    <row r="378" spans="1:16">
      <c r="A378" s="292"/>
      <c r="C378" s="131" t="s">
        <v>280</v>
      </c>
      <c r="P378" s="101"/>
    </row>
    <row r="379" spans="1:16">
      <c r="A379" s="292"/>
      <c r="P379" s="101"/>
    </row>
    <row r="380" spans="1:16">
      <c r="A380" s="292"/>
      <c r="P380" s="101"/>
    </row>
    <row r="381" spans="1:16">
      <c r="A381" s="292"/>
      <c r="C381" s="131" t="s">
        <v>281</v>
      </c>
      <c r="P381" s="101"/>
    </row>
    <row r="382" spans="1:16">
      <c r="A382" s="292"/>
      <c r="C382" s="131" t="s">
        <v>282</v>
      </c>
      <c r="P382" s="101"/>
    </row>
    <row r="383" spans="1:16">
      <c r="A383" s="292"/>
      <c r="P383" s="101"/>
    </row>
    <row r="384" spans="1:16">
      <c r="A384" s="292"/>
      <c r="P384" s="101"/>
    </row>
    <row r="385" spans="1:16">
      <c r="A385" s="292"/>
      <c r="C385" s="131" t="s">
        <v>283</v>
      </c>
      <c r="P385" s="101"/>
    </row>
    <row r="386" spans="1:16">
      <c r="A386" s="292"/>
      <c r="C386" s="131" t="s">
        <v>284</v>
      </c>
      <c r="P386" s="101"/>
    </row>
    <row r="387" spans="1:16">
      <c r="A387" s="292"/>
      <c r="C387" s="131" t="s">
        <v>285</v>
      </c>
      <c r="P387" s="101"/>
    </row>
    <row r="388" spans="1:16">
      <c r="A388" s="292"/>
      <c r="C388" s="131" t="s">
        <v>286</v>
      </c>
      <c r="P388" s="101"/>
    </row>
    <row r="389" spans="1:16">
      <c r="A389" s="292"/>
      <c r="C389" s="131" t="s">
        <v>287</v>
      </c>
      <c r="P389" s="101"/>
    </row>
    <row r="390" spans="1:16">
      <c r="A390" s="292"/>
      <c r="P390" s="101"/>
    </row>
    <row r="391" spans="1:16">
      <c r="A391" s="292"/>
      <c r="C391" s="131" t="s">
        <v>288</v>
      </c>
      <c r="P391" s="101"/>
    </row>
    <row r="392" spans="1:16">
      <c r="A392" s="292"/>
      <c r="C392" s="131" t="s">
        <v>289</v>
      </c>
      <c r="P392" s="101"/>
    </row>
    <row r="393" spans="1:16">
      <c r="A393" s="292"/>
      <c r="P393" s="101"/>
    </row>
    <row r="394" spans="1:16">
      <c r="A394" s="292"/>
      <c r="P394" s="101"/>
    </row>
    <row r="395" spans="1:16">
      <c r="A395" s="292"/>
      <c r="C395" s="131" t="s">
        <v>290</v>
      </c>
      <c r="P395" s="101"/>
    </row>
    <row r="396" spans="1:16">
      <c r="A396" s="292"/>
      <c r="C396" s="131" t="s">
        <v>291</v>
      </c>
      <c r="P396" s="101"/>
    </row>
    <row r="397" spans="1:16">
      <c r="A397" s="292"/>
      <c r="P397" s="101"/>
    </row>
    <row r="398" spans="1:16">
      <c r="A398" s="292"/>
      <c r="P398" s="101"/>
    </row>
    <row r="399" spans="1:16">
      <c r="A399" s="292"/>
      <c r="C399" s="164" t="s">
        <v>292</v>
      </c>
      <c r="D399" s="295"/>
      <c r="P399" s="101"/>
    </row>
    <row r="400" spans="1:16">
      <c r="A400" s="292"/>
      <c r="C400" s="314" t="s">
        <v>293</v>
      </c>
      <c r="D400" s="295"/>
      <c r="P400" s="101"/>
    </row>
    <row r="401" spans="1:16">
      <c r="A401" s="292"/>
      <c r="C401" s="314" t="s">
        <v>294</v>
      </c>
      <c r="D401" s="295"/>
      <c r="P401" s="101"/>
    </row>
    <row r="402" spans="1:16">
      <c r="A402" s="292"/>
      <c r="C402" s="314" t="s">
        <v>295</v>
      </c>
      <c r="D402" s="295"/>
      <c r="P402" s="101"/>
    </row>
    <row r="403" spans="1:16">
      <c r="A403" s="292"/>
      <c r="C403" s="314" t="s">
        <v>296</v>
      </c>
      <c r="D403" s="295"/>
      <c r="P403" s="101"/>
    </row>
    <row r="404" spans="1:16">
      <c r="A404" s="292"/>
      <c r="C404" s="314" t="s">
        <v>297</v>
      </c>
      <c r="D404" s="295"/>
      <c r="P404" s="101"/>
    </row>
    <row r="405" spans="1:16">
      <c r="A405" s="292"/>
      <c r="C405" s="314"/>
      <c r="D405" s="295"/>
      <c r="P405" s="101"/>
    </row>
    <row r="406" spans="1:16">
      <c r="A406" s="292"/>
      <c r="C406" s="314"/>
      <c r="D406" s="295"/>
      <c r="P406" s="101"/>
    </row>
    <row r="407" spans="1:16">
      <c r="A407" s="292"/>
      <c r="C407" s="131" t="s">
        <v>298</v>
      </c>
      <c r="P407" s="101"/>
    </row>
    <row r="408" spans="1:16">
      <c r="A408" s="292"/>
      <c r="C408" s="131" t="s">
        <v>299</v>
      </c>
      <c r="D408" s="131" t="s">
        <v>300</v>
      </c>
      <c r="P408" s="101"/>
    </row>
    <row r="409" spans="1:16">
      <c r="A409" s="292"/>
      <c r="C409" s="131" t="s">
        <v>301</v>
      </c>
      <c r="D409" s="131" t="s">
        <v>302</v>
      </c>
      <c r="P409" s="101"/>
    </row>
    <row r="410" spans="1:16">
      <c r="A410" s="292"/>
      <c r="C410" s="131" t="s">
        <v>301</v>
      </c>
      <c r="D410" s="131" t="s">
        <v>303</v>
      </c>
      <c r="P410" s="101"/>
    </row>
    <row r="411" spans="1:16">
      <c r="A411" s="292"/>
      <c r="C411" s="131" t="s">
        <v>301</v>
      </c>
      <c r="D411" s="131" t="s">
        <v>304</v>
      </c>
      <c r="P411" s="101"/>
    </row>
    <row r="412" spans="1:16">
      <c r="A412" s="292"/>
      <c r="P412" s="101"/>
    </row>
    <row r="413" spans="1:16">
      <c r="A413" s="292"/>
      <c r="C413" s="164" t="s">
        <v>305</v>
      </c>
      <c r="D413" s="164" t="s">
        <v>306</v>
      </c>
      <c r="P413" s="101"/>
    </row>
    <row r="414" spans="1:16">
      <c r="A414" s="292"/>
      <c r="C414" s="164"/>
      <c r="D414" s="164" t="s">
        <v>307</v>
      </c>
      <c r="P414" s="101"/>
    </row>
    <row r="415" spans="1:16">
      <c r="A415" s="292"/>
      <c r="C415" s="164" t="s">
        <v>308</v>
      </c>
      <c r="D415" s="164"/>
      <c r="P415" s="101"/>
    </row>
    <row r="416" spans="1:16">
      <c r="A416" s="292"/>
      <c r="C416" s="164" t="s">
        <v>119</v>
      </c>
      <c r="D416" s="164" t="s">
        <v>309</v>
      </c>
      <c r="P416" s="101"/>
    </row>
    <row r="417" spans="1:16">
      <c r="A417" s="292"/>
      <c r="D417" s="131" t="s">
        <v>310</v>
      </c>
      <c r="P417" s="101"/>
    </row>
    <row r="418" spans="1:16">
      <c r="A418" s="292"/>
      <c r="P418" s="101"/>
    </row>
    <row r="419" spans="1:16">
      <c r="A419" s="288"/>
      <c r="B419" s="131"/>
      <c r="C419" s="131" t="s">
        <v>311</v>
      </c>
      <c r="D419" s="131"/>
      <c r="E419" s="131"/>
      <c r="F419" s="131"/>
      <c r="G419" s="131"/>
      <c r="H419" s="131"/>
      <c r="I419" s="131"/>
      <c r="J419" s="131"/>
      <c r="K419" s="131"/>
      <c r="L419" s="131"/>
      <c r="M419" s="131"/>
      <c r="N419" s="131"/>
      <c r="O419" s="131"/>
      <c r="P419" s="285"/>
    </row>
    <row r="420" spans="1:16">
      <c r="A420" s="288"/>
      <c r="B420" s="131"/>
      <c r="C420" s="131" t="s">
        <v>312</v>
      </c>
      <c r="D420" s="131"/>
      <c r="E420" s="131"/>
      <c r="F420" s="131"/>
      <c r="G420" s="131"/>
      <c r="H420" s="131"/>
      <c r="I420" s="131"/>
      <c r="J420" s="131"/>
      <c r="K420" s="131"/>
      <c r="L420" s="131"/>
      <c r="M420" s="131"/>
      <c r="N420" s="131"/>
      <c r="O420" s="131"/>
      <c r="P420" s="285"/>
    </row>
    <row r="421" spans="1:16">
      <c r="A421" s="288"/>
      <c r="B421" s="131"/>
      <c r="C421" s="131" t="s">
        <v>313</v>
      </c>
      <c r="D421" s="131"/>
      <c r="E421" s="131"/>
      <c r="F421" s="131"/>
      <c r="G421" s="131"/>
      <c r="H421" s="131"/>
      <c r="I421" s="131"/>
      <c r="J421" s="131"/>
      <c r="K421" s="131"/>
      <c r="L421" s="131"/>
      <c r="M421" s="131"/>
      <c r="N421" s="131"/>
      <c r="O421" s="131"/>
      <c r="P421" s="285"/>
    </row>
    <row r="422" spans="1:16">
      <c r="A422" s="288"/>
      <c r="B422" s="131"/>
      <c r="C422" s="131" t="s">
        <v>314</v>
      </c>
      <c r="D422" s="131"/>
      <c r="E422" s="131"/>
      <c r="F422" s="131"/>
      <c r="G422" s="131"/>
      <c r="H422" s="131"/>
      <c r="I422" s="131"/>
      <c r="J422" s="131"/>
      <c r="K422" s="131"/>
      <c r="L422" s="131"/>
      <c r="M422" s="131"/>
      <c r="N422" s="131"/>
      <c r="O422" s="131"/>
      <c r="P422" s="285"/>
    </row>
    <row r="423" spans="1:16">
      <c r="A423" s="288"/>
      <c r="B423" s="131"/>
      <c r="C423" s="131"/>
      <c r="D423" s="131"/>
      <c r="E423" s="131"/>
      <c r="F423" s="131"/>
      <c r="G423" s="131"/>
      <c r="H423" s="131"/>
      <c r="I423" s="131"/>
      <c r="J423" s="131"/>
      <c r="K423" s="131"/>
      <c r="L423" s="131"/>
      <c r="M423" s="131"/>
      <c r="N423" s="131"/>
      <c r="O423" s="131"/>
      <c r="P423" s="285"/>
    </row>
    <row r="424" spans="1:16">
      <c r="A424" s="292"/>
      <c r="C424" s="131" t="s">
        <v>315</v>
      </c>
      <c r="P424" s="101"/>
    </row>
    <row r="425" spans="1:16">
      <c r="A425" s="292"/>
      <c r="C425" s="131" t="s">
        <v>316</v>
      </c>
      <c r="P425" s="101"/>
    </row>
    <row r="426" spans="1:16">
      <c r="A426" s="292"/>
      <c r="C426" s="131" t="s">
        <v>317</v>
      </c>
      <c r="P426" s="101"/>
    </row>
    <row r="427" spans="1:16" s="131" customFormat="1">
      <c r="A427" s="292"/>
      <c r="B427"/>
      <c r="C427" s="131" t="s">
        <v>318</v>
      </c>
      <c r="D427"/>
      <c r="E427"/>
      <c r="F427"/>
      <c r="G427"/>
      <c r="H427"/>
      <c r="I427"/>
      <c r="J427"/>
      <c r="K427"/>
      <c r="L427"/>
      <c r="M427"/>
      <c r="N427"/>
      <c r="O427"/>
      <c r="P427" s="101"/>
    </row>
    <row r="428" spans="1:16" s="131" customFormat="1">
      <c r="A428" s="292"/>
      <c r="B428"/>
      <c r="C428"/>
      <c r="D428"/>
      <c r="E428"/>
      <c r="F428"/>
      <c r="G428"/>
      <c r="H428"/>
      <c r="I428"/>
      <c r="J428"/>
      <c r="K428"/>
      <c r="L428"/>
      <c r="M428"/>
      <c r="N428"/>
      <c r="O428"/>
      <c r="P428" s="101"/>
    </row>
    <row r="429" spans="1:16" s="131" customFormat="1">
      <c r="A429" s="292"/>
      <c r="B429"/>
      <c r="C429"/>
      <c r="D429"/>
      <c r="E429"/>
      <c r="F429"/>
      <c r="G429"/>
      <c r="H429"/>
      <c r="I429"/>
      <c r="J429"/>
      <c r="K429"/>
      <c r="L429"/>
      <c r="M429"/>
      <c r="N429"/>
      <c r="O429"/>
      <c r="P429" s="101"/>
    </row>
    <row r="430" spans="1:16" s="131" customFormat="1">
      <c r="A430" s="292"/>
      <c r="B430"/>
      <c r="C430" s="131" t="s">
        <v>319</v>
      </c>
      <c r="D430"/>
      <c r="E430"/>
      <c r="F430"/>
      <c r="G430"/>
      <c r="H430"/>
      <c r="I430"/>
      <c r="J430"/>
      <c r="K430"/>
      <c r="L430"/>
      <c r="M430"/>
      <c r="N430"/>
      <c r="O430"/>
      <c r="P430" s="101"/>
    </row>
    <row r="431" spans="1:16" s="131" customFormat="1">
      <c r="A431" s="292"/>
      <c r="B431"/>
      <c r="C431" s="131" t="s">
        <v>320</v>
      </c>
      <c r="D431"/>
      <c r="E431"/>
      <c r="F431"/>
      <c r="G431"/>
      <c r="H431"/>
      <c r="I431"/>
      <c r="J431"/>
      <c r="K431"/>
      <c r="L431"/>
      <c r="M431"/>
      <c r="N431"/>
      <c r="O431"/>
      <c r="P431" s="101"/>
    </row>
    <row r="432" spans="1:16">
      <c r="A432" s="292"/>
      <c r="C432" s="131" t="s">
        <v>321</v>
      </c>
      <c r="P432" s="101"/>
    </row>
    <row r="433" spans="1:17">
      <c r="A433" s="292"/>
      <c r="C433" s="131" t="s">
        <v>322</v>
      </c>
      <c r="P433" s="101"/>
    </row>
    <row r="434" spans="1:17">
      <c r="A434" s="292"/>
      <c r="C434" s="131" t="s">
        <v>323</v>
      </c>
      <c r="P434" s="101"/>
    </row>
    <row r="435" spans="1:17">
      <c r="A435" s="292"/>
      <c r="P435" s="101"/>
    </row>
    <row r="436" spans="1:17">
      <c r="A436" s="292"/>
      <c r="C436" s="131" t="s">
        <v>324</v>
      </c>
      <c r="P436" s="101"/>
    </row>
    <row r="437" spans="1:17">
      <c r="A437" s="292"/>
      <c r="C437" s="131" t="s">
        <v>325</v>
      </c>
      <c r="P437" s="101"/>
    </row>
    <row r="438" spans="1:17">
      <c r="A438" s="292"/>
      <c r="P438" s="101"/>
    </row>
    <row r="439" spans="1:17">
      <c r="A439" s="292"/>
      <c r="C439" s="131" t="s">
        <v>326</v>
      </c>
      <c r="P439" s="101"/>
    </row>
    <row r="440" spans="1:17">
      <c r="A440" s="292"/>
      <c r="C440" s="131" t="s">
        <v>327</v>
      </c>
      <c r="P440" s="101"/>
    </row>
    <row r="441" spans="1:17">
      <c r="A441" s="292"/>
      <c r="C441" s="131" t="s">
        <v>328</v>
      </c>
      <c r="P441" s="101"/>
    </row>
    <row r="442" spans="1:17">
      <c r="A442" s="292"/>
      <c r="C442" s="131" t="s">
        <v>329</v>
      </c>
      <c r="P442" s="101"/>
    </row>
    <row r="443" spans="1:17">
      <c r="A443" s="292"/>
      <c r="C443" s="131" t="s">
        <v>330</v>
      </c>
      <c r="D443" s="131" t="s">
        <v>331</v>
      </c>
      <c r="P443" s="101"/>
    </row>
    <row r="444" spans="1:17">
      <c r="A444" s="292"/>
      <c r="P444" s="101"/>
    </row>
    <row r="445" spans="1:17">
      <c r="A445" s="399"/>
      <c r="C445" s="131" t="s">
        <v>3030</v>
      </c>
      <c r="D445" s="71"/>
      <c r="E445" s="71"/>
      <c r="F445" s="71"/>
      <c r="G445" s="71"/>
      <c r="H445" s="71"/>
      <c r="I445" s="71"/>
      <c r="J445" s="71"/>
      <c r="K445" s="71"/>
      <c r="L445" s="71"/>
      <c r="M445" s="71"/>
      <c r="N445" s="71"/>
      <c r="P445" s="101"/>
    </row>
    <row r="446" spans="1:17">
      <c r="A446" s="399"/>
      <c r="C446" s="131" t="s">
        <v>3042</v>
      </c>
      <c r="D446" s="71"/>
      <c r="E446" s="71"/>
      <c r="F446" s="71"/>
      <c r="G446" s="71"/>
      <c r="H446" s="71"/>
      <c r="I446" s="71"/>
      <c r="J446" s="71"/>
      <c r="K446" s="71"/>
      <c r="L446" s="71"/>
      <c r="M446" s="71"/>
      <c r="N446" s="71"/>
      <c r="P446" s="101"/>
    </row>
    <row r="447" spans="1:17">
      <c r="A447" s="399"/>
      <c r="C447" s="131" t="s">
        <v>3031</v>
      </c>
      <c r="D447" s="71"/>
      <c r="E447" s="71"/>
      <c r="F447" s="71"/>
      <c r="G447" s="71"/>
      <c r="H447" s="71"/>
      <c r="I447" s="71"/>
      <c r="J447" s="71"/>
      <c r="K447" s="71"/>
      <c r="L447" s="71"/>
      <c r="M447" s="71"/>
      <c r="N447" s="71"/>
      <c r="P447" s="101"/>
    </row>
    <row r="448" spans="1:17">
      <c r="A448" s="399"/>
      <c r="C448" s="131"/>
      <c r="D448" s="71"/>
      <c r="E448" s="71"/>
      <c r="F448" s="71"/>
      <c r="G448" s="71"/>
      <c r="H448" s="71"/>
      <c r="I448" s="71"/>
      <c r="J448" s="71"/>
      <c r="K448" s="71"/>
      <c r="L448" s="71"/>
      <c r="M448" s="71"/>
      <c r="N448" s="71"/>
      <c r="P448" s="397"/>
      <c r="Q448" s="292"/>
    </row>
    <row r="449" spans="1:17" ht="13" customHeight="1">
      <c r="A449" s="399"/>
      <c r="C449" s="426" t="s">
        <v>3028</v>
      </c>
      <c r="D449" s="427"/>
      <c r="E449" s="436" t="s">
        <v>3038</v>
      </c>
      <c r="F449" s="436"/>
      <c r="G449" s="436"/>
      <c r="H449" s="436"/>
      <c r="I449" s="436"/>
      <c r="J449" s="436"/>
      <c r="K449" s="436"/>
      <c r="L449" s="436"/>
      <c r="M449" s="436"/>
      <c r="N449" s="436"/>
      <c r="Q449" s="292"/>
    </row>
    <row r="450" spans="1:17">
      <c r="A450" s="399"/>
      <c r="C450" s="428"/>
      <c r="D450" s="429"/>
      <c r="E450" s="436"/>
      <c r="F450" s="436"/>
      <c r="G450" s="436"/>
      <c r="H450" s="436"/>
      <c r="I450" s="436"/>
      <c r="J450" s="436"/>
      <c r="K450" s="436"/>
      <c r="L450" s="436"/>
      <c r="M450" s="436"/>
      <c r="N450" s="436"/>
      <c r="Q450" s="292"/>
    </row>
    <row r="451" spans="1:17" ht="18.649999999999999" customHeight="1">
      <c r="A451" s="399"/>
      <c r="C451" s="430" t="s">
        <v>3023</v>
      </c>
      <c r="D451" s="430"/>
      <c r="E451" s="430" t="s">
        <v>3032</v>
      </c>
      <c r="F451" s="430"/>
      <c r="G451" s="430"/>
      <c r="H451" s="430"/>
      <c r="I451" s="430"/>
      <c r="J451" s="430"/>
      <c r="K451" s="430"/>
      <c r="L451" s="430"/>
      <c r="M451" s="430"/>
      <c r="N451" s="430"/>
      <c r="Q451" s="292"/>
    </row>
    <row r="452" spans="1:17" ht="18.649999999999999" customHeight="1">
      <c r="A452" s="399"/>
      <c r="C452" s="431" t="s">
        <v>3024</v>
      </c>
      <c r="D452" s="432"/>
      <c r="E452" s="435" t="s">
        <v>3053</v>
      </c>
      <c r="F452" s="435"/>
      <c r="G452" s="435"/>
      <c r="H452" s="435"/>
      <c r="I452" s="435"/>
      <c r="J452" s="435"/>
      <c r="K452" s="435"/>
      <c r="L452" s="435"/>
      <c r="M452" s="435"/>
      <c r="N452" s="435"/>
      <c r="Q452" s="292"/>
    </row>
    <row r="453" spans="1:17" ht="18.649999999999999" customHeight="1">
      <c r="A453" s="399"/>
      <c r="C453" s="433"/>
      <c r="D453" s="434"/>
      <c r="E453" s="437" t="s">
        <v>3054</v>
      </c>
      <c r="F453" s="437"/>
      <c r="G453" s="437"/>
      <c r="H453" s="437"/>
      <c r="I453" s="437"/>
      <c r="J453" s="437"/>
      <c r="K453" s="437"/>
      <c r="L453" s="437"/>
      <c r="M453" s="437"/>
      <c r="N453" s="437"/>
      <c r="Q453" s="292"/>
    </row>
    <row r="454" spans="1:17" ht="18.649999999999999" customHeight="1">
      <c r="A454" s="399"/>
      <c r="C454" s="430" t="s">
        <v>3025</v>
      </c>
      <c r="D454" s="430"/>
      <c r="E454" s="438" t="s">
        <v>3029</v>
      </c>
      <c r="F454" s="439"/>
      <c r="G454" s="439"/>
      <c r="H454" s="439"/>
      <c r="I454" s="439"/>
      <c r="J454" s="439"/>
      <c r="K454" s="439"/>
      <c r="L454" s="439"/>
      <c r="M454" s="439"/>
      <c r="N454" s="440"/>
      <c r="Q454" s="292"/>
    </row>
    <row r="455" spans="1:17" ht="18.649999999999999" customHeight="1">
      <c r="A455" s="399"/>
      <c r="C455" s="425" t="s">
        <v>3026</v>
      </c>
      <c r="D455" s="425"/>
      <c r="E455" s="431" t="s">
        <v>3052</v>
      </c>
      <c r="F455" s="441"/>
      <c r="G455" s="441"/>
      <c r="H455" s="441"/>
      <c r="I455" s="441"/>
      <c r="J455" s="441"/>
      <c r="K455" s="441"/>
      <c r="L455" s="441"/>
      <c r="M455" s="441"/>
      <c r="N455" s="432"/>
      <c r="Q455" s="292"/>
    </row>
    <row r="456" spans="1:17" ht="18.649999999999999" customHeight="1">
      <c r="A456" s="399"/>
      <c r="C456" s="425"/>
      <c r="D456" s="425"/>
      <c r="E456" s="433"/>
      <c r="F456" s="442"/>
      <c r="G456" s="442"/>
      <c r="H456" s="442"/>
      <c r="I456" s="442"/>
      <c r="J456" s="442"/>
      <c r="K456" s="442"/>
      <c r="L456" s="442"/>
      <c r="M456" s="442"/>
      <c r="N456" s="434"/>
      <c r="Q456" s="292"/>
    </row>
    <row r="457" spans="1:17" ht="18.649999999999999" customHeight="1">
      <c r="A457" s="399"/>
      <c r="C457" s="430" t="s">
        <v>3027</v>
      </c>
      <c r="D457" s="430"/>
      <c r="E457" s="438" t="s">
        <v>3033</v>
      </c>
      <c r="F457" s="439"/>
      <c r="G457" s="439"/>
      <c r="H457" s="439"/>
      <c r="I457" s="439"/>
      <c r="J457" s="439"/>
      <c r="K457" s="439"/>
      <c r="L457" s="439"/>
      <c r="M457" s="439"/>
      <c r="N457" s="440"/>
      <c r="P457" s="101"/>
      <c r="Q457" s="397"/>
    </row>
    <row r="458" spans="1:17">
      <c r="A458" s="398"/>
      <c r="B458" s="131"/>
      <c r="C458" s="131"/>
      <c r="D458" s="131"/>
      <c r="E458" s="131"/>
      <c r="F458" s="131"/>
      <c r="G458" s="131"/>
      <c r="H458" s="131"/>
      <c r="I458" s="131"/>
      <c r="J458" s="131"/>
      <c r="K458" s="131"/>
      <c r="L458" s="131"/>
      <c r="M458" s="131"/>
      <c r="N458" s="131"/>
      <c r="O458" s="131"/>
      <c r="P458" s="285"/>
    </row>
    <row r="459" spans="1:17" ht="14">
      <c r="A459" s="290" t="s">
        <v>332</v>
      </c>
      <c r="P459" s="101"/>
    </row>
    <row r="460" spans="1:17">
      <c r="A460" s="284"/>
      <c r="C460" s="131" t="s">
        <v>333</v>
      </c>
      <c r="P460" s="101"/>
    </row>
    <row r="461" spans="1:17">
      <c r="A461" s="284"/>
      <c r="C461" s="131" t="s">
        <v>334</v>
      </c>
      <c r="P461" s="101"/>
    </row>
    <row r="462" spans="1:17">
      <c r="A462" s="284"/>
      <c r="P462" s="101"/>
    </row>
    <row r="463" spans="1:17">
      <c r="A463" s="284"/>
      <c r="C463" s="164" t="s">
        <v>335</v>
      </c>
      <c r="P463" s="101"/>
    </row>
    <row r="464" spans="1:17">
      <c r="A464" s="315"/>
      <c r="B464" s="316"/>
      <c r="C464" s="317" t="s">
        <v>336</v>
      </c>
      <c r="D464" s="316"/>
      <c r="E464" s="316"/>
      <c r="F464" s="316"/>
      <c r="G464" s="316"/>
      <c r="H464" s="316"/>
      <c r="I464" s="316"/>
      <c r="J464" s="316"/>
      <c r="K464" s="316"/>
      <c r="L464" s="316"/>
      <c r="M464" s="316"/>
      <c r="N464" s="316"/>
      <c r="O464" s="316"/>
      <c r="P464" s="318"/>
    </row>
    <row r="466" spans="1:16" s="131" customFormat="1">
      <c r="A466"/>
      <c r="B466"/>
      <c r="C466"/>
      <c r="D466"/>
      <c r="E466"/>
      <c r="F466"/>
      <c r="G466"/>
      <c r="H466"/>
      <c r="I466"/>
      <c r="J466"/>
      <c r="K466"/>
      <c r="L466"/>
      <c r="M466"/>
      <c r="N466"/>
      <c r="O466"/>
      <c r="P466"/>
    </row>
    <row r="477" spans="1:16">
      <c r="A477" s="131"/>
    </row>
    <row r="478" spans="1:16">
      <c r="A478" s="131"/>
    </row>
  </sheetData>
  <mergeCells count="125">
    <mergeCell ref="D232:E232"/>
    <mergeCell ref="F232:G232"/>
    <mergeCell ref="H232:L232"/>
    <mergeCell ref="H233:L233"/>
    <mergeCell ref="C298:C300"/>
    <mergeCell ref="D298:E300"/>
    <mergeCell ref="C293:C294"/>
    <mergeCell ref="C286:C287"/>
    <mergeCell ref="D286:E287"/>
    <mergeCell ref="F286:G287"/>
    <mergeCell ref="H286:L287"/>
    <mergeCell ref="H296:I296"/>
    <mergeCell ref="H288:L288"/>
    <mergeCell ref="F289:G289"/>
    <mergeCell ref="H289:L289"/>
    <mergeCell ref="F290:G290"/>
    <mergeCell ref="D293:E294"/>
    <mergeCell ref="G293:G294"/>
    <mergeCell ref="D295:E295"/>
    <mergeCell ref="H290:L290"/>
    <mergeCell ref="C457:D457"/>
    <mergeCell ref="D146:E146"/>
    <mergeCell ref="D147:E147"/>
    <mergeCell ref="D148:E148"/>
    <mergeCell ref="D149:E149"/>
    <mergeCell ref="D301:E301"/>
    <mergeCell ref="D302:E302"/>
    <mergeCell ref="D296:E296"/>
    <mergeCell ref="C156:D156"/>
    <mergeCell ref="E156:K156"/>
    <mergeCell ref="C157:D157"/>
    <mergeCell ref="E157:K157"/>
    <mergeCell ref="C158:D158"/>
    <mergeCell ref="E158:K158"/>
    <mergeCell ref="K152:M152"/>
    <mergeCell ref="K150:M150"/>
    <mergeCell ref="K151:M151"/>
    <mergeCell ref="D150:E150"/>
    <mergeCell ref="D297:E297"/>
    <mergeCell ref="H297:I297"/>
    <mergeCell ref="H293:I294"/>
    <mergeCell ref="H295:I295"/>
    <mergeCell ref="F288:G288"/>
    <mergeCell ref="E457:N457"/>
    <mergeCell ref="D144:E144"/>
    <mergeCell ref="F228:G228"/>
    <mergeCell ref="J177:L177"/>
    <mergeCell ref="F227:G227"/>
    <mergeCell ref="D229:E229"/>
    <mergeCell ref="F229:G229"/>
    <mergeCell ref="F230:G230"/>
    <mergeCell ref="D231:E231"/>
    <mergeCell ref="C200:C201"/>
    <mergeCell ref="D200:E201"/>
    <mergeCell ref="F200:G201"/>
    <mergeCell ref="H200:L201"/>
    <mergeCell ref="F206:G206"/>
    <mergeCell ref="H206:L206"/>
    <mergeCell ref="C225:C226"/>
    <mergeCell ref="D225:E226"/>
    <mergeCell ref="F225:G226"/>
    <mergeCell ref="H225:L226"/>
    <mergeCell ref="D151:E151"/>
    <mergeCell ref="D152:E152"/>
    <mergeCell ref="F231:G231"/>
    <mergeCell ref="H231:L231"/>
    <mergeCell ref="J175:L175"/>
    <mergeCell ref="J176:L176"/>
    <mergeCell ref="C159:D159"/>
    <mergeCell ref="E159:K159"/>
    <mergeCell ref="C171:C172"/>
    <mergeCell ref="D171:E172"/>
    <mergeCell ref="F171:F172"/>
    <mergeCell ref="G171:G172"/>
    <mergeCell ref="H171:H172"/>
    <mergeCell ref="I171:I172"/>
    <mergeCell ref="J171:L172"/>
    <mergeCell ref="D141:E141"/>
    <mergeCell ref="D142:E142"/>
    <mergeCell ref="D143:E143"/>
    <mergeCell ref="C58:K58"/>
    <mergeCell ref="C139:C140"/>
    <mergeCell ref="D139:E140"/>
    <mergeCell ref="F139:F140"/>
    <mergeCell ref="G139:G140"/>
    <mergeCell ref="J139:J140"/>
    <mergeCell ref="K139:M140"/>
    <mergeCell ref="I118:I119"/>
    <mergeCell ref="J120:K120"/>
    <mergeCell ref="M122:O122"/>
    <mergeCell ref="J118:K119"/>
    <mergeCell ref="L118:L119"/>
    <mergeCell ref="M118:O119"/>
    <mergeCell ref="M111:O111"/>
    <mergeCell ref="M105:O106"/>
    <mergeCell ref="H139:I140"/>
    <mergeCell ref="L105:L106"/>
    <mergeCell ref="J105:K106"/>
    <mergeCell ref="I105:I106"/>
    <mergeCell ref="K141:M141"/>
    <mergeCell ref="K143:M143"/>
    <mergeCell ref="K142:M142"/>
    <mergeCell ref="C455:D456"/>
    <mergeCell ref="C449:D450"/>
    <mergeCell ref="C451:D451"/>
    <mergeCell ref="C452:D453"/>
    <mergeCell ref="C454:D454"/>
    <mergeCell ref="E452:N452"/>
    <mergeCell ref="E449:N450"/>
    <mergeCell ref="E451:N451"/>
    <mergeCell ref="E453:N453"/>
    <mergeCell ref="E454:N454"/>
    <mergeCell ref="E455:N456"/>
    <mergeCell ref="D145:E145"/>
    <mergeCell ref="F233:G233"/>
    <mergeCell ref="K144:M144"/>
    <mergeCell ref="K145:M145"/>
    <mergeCell ref="K146:M146"/>
    <mergeCell ref="K147:M147"/>
    <mergeCell ref="K148:M148"/>
    <mergeCell ref="K149:M149"/>
    <mergeCell ref="C173:C176"/>
    <mergeCell ref="D173:E176"/>
    <mergeCell ref="J173:L173"/>
    <mergeCell ref="J174:L174"/>
  </mergeCells>
  <phoneticPr fontId="24"/>
  <conditionalFormatting sqref="H139:I140">
    <cfRule type="expression" dxfId="206" priority="1">
      <formula>$AN139="□"</formula>
    </cfRule>
  </conditionalFormatting>
  <hyperlinks>
    <hyperlink ref="C331" r:id="rId1" xr:uid="{00000000-0004-0000-0000-000000000000}"/>
    <hyperlink ref="C4" r:id="rId2" xr:uid="{00000000-0004-0000-0000-000001000000}"/>
  </hyperlinks>
  <pageMargins left="0.7" right="0.7" top="0.75" bottom="0.75" header="0.3" footer="0.3"/>
  <pageSetup paperSize="9" scale="61" fitToHeight="0" orientation="portrait" r:id="rId3"/>
  <rowBreaks count="4" manualBreakCount="4">
    <brk id="89" max="15" man="1"/>
    <brk id="183" max="15" man="1"/>
    <brk id="274" max="15" man="1"/>
    <brk id="369" max="15" man="1"/>
  </rowBreaks>
  <drawing r:id="rId4"/>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4C6A803-B51F-4C4D-A75D-D86AB76FD2AF}">
  <sheetPr codeName="Sheet10">
    <pageSetUpPr fitToPage="1"/>
  </sheetPr>
  <dimension ref="A1:AG143"/>
  <sheetViews>
    <sheetView showGridLines="0" view="pageBreakPreview" zoomScaleNormal="100" zoomScaleSheetLayoutView="100" workbookViewId="0"/>
  </sheetViews>
  <sheetFormatPr defaultColWidth="9" defaultRowHeight="13"/>
  <cols>
    <col min="1" max="1" width="2.6328125" style="16" customWidth="1"/>
    <col min="2" max="2" width="2.90625" style="16" customWidth="1"/>
    <col min="3" max="3" width="2.6328125" style="16" customWidth="1"/>
    <col min="4" max="4" width="3.453125" style="49" customWidth="1"/>
    <col min="5" max="17" width="2.6328125" style="49" customWidth="1"/>
    <col min="18" max="18" width="5.36328125" style="55" hidden="1" customWidth="1"/>
    <col min="19" max="19" width="2.90625" style="16" customWidth="1"/>
    <col min="20" max="23" width="2.6328125" style="16" customWidth="1"/>
    <col min="24" max="24" width="5" style="16" bestFit="1" customWidth="1"/>
    <col min="25" max="25" width="4.453125" style="16" customWidth="1"/>
    <col min="26" max="28" width="2.6328125" style="16" customWidth="1"/>
    <col min="29" max="29" width="4.08984375" style="16" customWidth="1"/>
    <col min="30" max="30" width="2.6328125" style="16" customWidth="1"/>
    <col min="31" max="31" width="87" style="55" bestFit="1" customWidth="1"/>
    <col min="32" max="32" width="5.36328125" style="16" customWidth="1"/>
    <col min="33" max="16384" width="9" style="16"/>
  </cols>
  <sheetData>
    <row r="1" spans="1:33" customFormat="1" ht="28.5" customHeight="1">
      <c r="A1" s="79"/>
      <c r="B1" s="80" t="s">
        <v>337</v>
      </c>
      <c r="C1" s="80"/>
      <c r="D1" s="80"/>
      <c r="E1" s="80"/>
      <c r="F1" s="80"/>
      <c r="G1" s="80"/>
      <c r="H1" s="80"/>
      <c r="I1" s="80"/>
      <c r="J1" s="80"/>
      <c r="K1" s="80"/>
      <c r="L1" s="80"/>
      <c r="M1" s="80"/>
      <c r="N1" s="80"/>
      <c r="O1" s="80"/>
      <c r="P1" s="80"/>
      <c r="Q1" s="80"/>
      <c r="R1" s="217"/>
      <c r="S1" s="80"/>
      <c r="T1" s="81"/>
      <c r="U1" s="81"/>
      <c r="V1" s="81"/>
      <c r="W1" s="81"/>
      <c r="X1" s="80"/>
      <c r="Y1" s="80"/>
      <c r="Z1" s="323"/>
      <c r="AA1" s="323"/>
      <c r="AB1" s="323"/>
      <c r="AC1" s="323"/>
      <c r="AD1" s="323"/>
      <c r="AE1" s="355"/>
      <c r="AF1" s="356"/>
      <c r="AG1" s="71"/>
    </row>
    <row r="2" spans="1:33" s="1" customFormat="1" ht="24.75" customHeight="1">
      <c r="A2" s="83"/>
      <c r="B2" s="84"/>
      <c r="C2" s="85" t="s">
        <v>2381</v>
      </c>
      <c r="D2" s="85"/>
      <c r="E2" s="86"/>
      <c r="F2" s="86"/>
      <c r="G2" s="86"/>
      <c r="H2" s="86"/>
      <c r="I2" s="86"/>
      <c r="J2" s="86"/>
      <c r="K2" s="86"/>
      <c r="L2" s="86"/>
      <c r="M2" s="86"/>
      <c r="N2" s="86"/>
      <c r="O2" s="86"/>
      <c r="P2" s="86"/>
      <c r="Q2" s="86"/>
      <c r="R2" s="86"/>
      <c r="S2" s="86"/>
      <c r="T2" s="86"/>
      <c r="U2" s="86"/>
      <c r="V2" s="86"/>
      <c r="W2" s="86"/>
      <c r="X2" s="86"/>
      <c r="Y2" s="86"/>
      <c r="Z2" s="324"/>
      <c r="AA2" s="324"/>
      <c r="AB2" s="324"/>
      <c r="AC2" s="324"/>
      <c r="AD2" s="324"/>
      <c r="AE2" s="357"/>
      <c r="AF2" s="358"/>
      <c r="AG2" s="26"/>
    </row>
    <row r="3" spans="1:33" ht="6" customHeight="1">
      <c r="A3" s="42"/>
      <c r="B3" s="43"/>
      <c r="C3" s="43"/>
      <c r="D3" s="44"/>
      <c r="E3" s="44"/>
      <c r="F3" s="44"/>
      <c r="G3" s="44"/>
      <c r="H3" s="44"/>
      <c r="I3" s="44"/>
      <c r="J3" s="44"/>
      <c r="K3" s="44"/>
      <c r="L3" s="44"/>
      <c r="M3" s="44"/>
      <c r="N3" s="44"/>
      <c r="O3" s="44"/>
      <c r="P3" s="44"/>
      <c r="Q3" s="44"/>
      <c r="R3" s="243"/>
      <c r="S3" s="45"/>
      <c r="T3" s="45"/>
      <c r="U3" s="45"/>
      <c r="V3" s="45"/>
      <c r="W3" s="45"/>
      <c r="X3" s="45"/>
      <c r="Y3" s="45"/>
      <c r="Z3" s="45"/>
      <c r="AA3" s="45"/>
      <c r="AB3" s="45"/>
      <c r="AC3" s="45"/>
      <c r="AD3" s="43"/>
      <c r="AE3" s="273"/>
      <c r="AF3" s="29"/>
    </row>
    <row r="4" spans="1:33">
      <c r="A4" s="42"/>
      <c r="B4" s="7" t="s">
        <v>339</v>
      </c>
      <c r="C4" s="8"/>
      <c r="D4" s="9"/>
      <c r="E4" s="9"/>
      <c r="F4" s="612" t="s">
        <v>340</v>
      </c>
      <c r="G4" s="613"/>
      <c r="H4" s="613"/>
      <c r="I4" s="613"/>
      <c r="J4" s="613"/>
      <c r="K4" s="613"/>
      <c r="L4" s="613"/>
      <c r="M4" s="614"/>
      <c r="N4" s="110"/>
      <c r="O4" s="9"/>
      <c r="P4" s="9"/>
      <c r="Q4" s="9"/>
      <c r="R4" s="9"/>
      <c r="S4" s="9"/>
      <c r="T4" s="9"/>
      <c r="U4" s="9"/>
      <c r="V4" s="9"/>
      <c r="W4" s="9"/>
      <c r="X4" s="9"/>
      <c r="Y4" s="9"/>
      <c r="Z4" s="250"/>
      <c r="AA4" s="250"/>
      <c r="AB4" s="250"/>
      <c r="AC4" s="250"/>
      <c r="AD4" s="250"/>
      <c r="AE4" s="243"/>
      <c r="AF4" s="29"/>
    </row>
    <row r="5" spans="1:33" s="26" customFormat="1" ht="13.5" customHeight="1">
      <c r="A5" s="46"/>
      <c r="B5" s="8"/>
      <c r="C5" s="8"/>
      <c r="D5" s="9"/>
      <c r="E5" s="9"/>
      <c r="F5" s="9"/>
      <c r="G5" s="9"/>
      <c r="H5" s="9"/>
      <c r="I5" s="9"/>
      <c r="J5" s="9"/>
      <c r="K5" s="9"/>
      <c r="L5" s="9"/>
      <c r="M5" s="9"/>
      <c r="N5" s="9"/>
      <c r="O5" s="9"/>
      <c r="P5" s="9"/>
      <c r="Q5" s="9"/>
      <c r="R5" s="9"/>
      <c r="S5" s="9"/>
      <c r="T5" s="9"/>
      <c r="U5" s="9"/>
      <c r="V5" s="9"/>
      <c r="W5" s="9"/>
      <c r="X5" s="9"/>
      <c r="Y5" s="9"/>
      <c r="Z5" s="250"/>
      <c r="AA5" s="250"/>
      <c r="AB5" s="250"/>
      <c r="AC5" s="250"/>
      <c r="AD5" s="250"/>
      <c r="AE5" s="243"/>
      <c r="AF5" s="48"/>
    </row>
    <row r="6" spans="1:33" s="26" customFormat="1" ht="13.5" customHeight="1">
      <c r="A6" s="46"/>
      <c r="B6" s="91" t="s">
        <v>341</v>
      </c>
      <c r="C6" s="91"/>
      <c r="D6" s="91"/>
      <c r="E6" s="91"/>
      <c r="F6" s="742" t="s">
        <v>2274</v>
      </c>
      <c r="G6" s="742"/>
      <c r="H6" s="743"/>
      <c r="I6" s="612"/>
      <c r="J6" s="613"/>
      <c r="K6" s="613"/>
      <c r="L6" s="613"/>
      <c r="M6" s="613"/>
      <c r="N6" s="613"/>
      <c r="O6" s="614"/>
      <c r="P6" s="744" t="s">
        <v>2275</v>
      </c>
      <c r="Q6" s="745"/>
      <c r="R6" s="745"/>
      <c r="S6" s="745"/>
      <c r="U6" s="113"/>
      <c r="V6" s="256" t="s">
        <v>2276</v>
      </c>
      <c r="W6" s="113"/>
      <c r="X6" s="113"/>
      <c r="Y6" s="113"/>
      <c r="Z6" s="243"/>
      <c r="AA6" s="243"/>
      <c r="AD6" s="47"/>
      <c r="AF6" s="29"/>
    </row>
    <row r="7" spans="1:33">
      <c r="A7" s="25"/>
      <c r="B7" s="7"/>
      <c r="C7" s="7"/>
      <c r="D7" s="7"/>
      <c r="E7" s="7"/>
      <c r="F7" s="78"/>
      <c r="G7" s="78"/>
      <c r="H7" s="78"/>
      <c r="I7" s="110"/>
      <c r="J7" s="110"/>
      <c r="K7" s="7"/>
      <c r="L7" s="110"/>
      <c r="M7" s="110"/>
      <c r="N7" s="110"/>
      <c r="O7" s="7"/>
      <c r="P7" s="1"/>
      <c r="Q7" s="1"/>
      <c r="R7" s="1"/>
      <c r="S7" s="110"/>
      <c r="T7" s="78"/>
      <c r="U7" s="78"/>
      <c r="V7" s="78"/>
      <c r="W7" s="78"/>
      <c r="X7" s="78"/>
      <c r="Y7" s="110"/>
      <c r="Z7" s="97"/>
      <c r="AA7" s="47"/>
      <c r="AB7" s="97"/>
      <c r="AC7" s="97"/>
      <c r="AD7" s="97"/>
      <c r="AE7" s="367"/>
      <c r="AF7" s="29"/>
    </row>
    <row r="8" spans="1:33">
      <c r="A8" s="25"/>
      <c r="B8" s="7" t="s">
        <v>346</v>
      </c>
      <c r="C8" s="1"/>
      <c r="D8" s="1"/>
      <c r="E8" s="1"/>
      <c r="F8" s="606"/>
      <c r="G8" s="607"/>
      <c r="H8" s="607"/>
      <c r="I8" s="607"/>
      <c r="J8" s="607"/>
      <c r="K8" s="607"/>
      <c r="L8" s="608"/>
      <c r="M8" s="110"/>
      <c r="N8" s="110"/>
      <c r="O8" s="7"/>
      <c r="P8" s="1"/>
      <c r="Q8" s="1"/>
      <c r="R8" s="1"/>
      <c r="S8" s="110"/>
      <c r="T8" s="78"/>
      <c r="U8" s="78"/>
      <c r="V8" s="78"/>
      <c r="W8" s="78"/>
      <c r="X8" s="78"/>
      <c r="Y8" s="110"/>
      <c r="Z8" s="97"/>
      <c r="AA8" s="47"/>
      <c r="AB8" s="97"/>
      <c r="AC8" s="97"/>
      <c r="AD8" s="97"/>
      <c r="AE8" s="367"/>
      <c r="AF8" s="29"/>
    </row>
    <row r="9" spans="1:33" ht="13.5" customHeight="1">
      <c r="A9" s="25"/>
      <c r="B9" s="7"/>
      <c r="C9" s="7"/>
      <c r="D9" s="7"/>
      <c r="E9" s="7"/>
      <c r="F9" s="78"/>
      <c r="G9" s="375"/>
      <c r="H9" s="375"/>
      <c r="I9" s="110"/>
      <c r="J9" s="110"/>
      <c r="K9" s="7"/>
      <c r="L9" s="110"/>
      <c r="M9" s="375"/>
      <c r="N9" s="375"/>
      <c r="O9" s="7"/>
      <c r="P9" s="1"/>
      <c r="Q9" s="1"/>
      <c r="R9" s="1"/>
      <c r="S9" s="110"/>
      <c r="T9" s="375"/>
      <c r="U9" s="375"/>
      <c r="V9" s="375"/>
      <c r="W9" s="375"/>
      <c r="X9" s="78"/>
      <c r="Y9" s="375"/>
      <c r="Z9" s="97"/>
      <c r="AA9" s="47"/>
      <c r="AB9" s="97"/>
      <c r="AC9" s="26"/>
      <c r="AD9" s="97"/>
      <c r="AE9" s="55" t="s">
        <v>348</v>
      </c>
      <c r="AF9" s="29"/>
    </row>
    <row r="10" spans="1:33">
      <c r="A10" s="25"/>
      <c r="B10" s="7" t="s">
        <v>41</v>
      </c>
      <c r="C10" s="94"/>
      <c r="D10" s="94"/>
      <c r="E10" s="94"/>
      <c r="F10" s="609"/>
      <c r="G10" s="610"/>
      <c r="H10" s="610"/>
      <c r="I10" s="610"/>
      <c r="J10" s="610"/>
      <c r="K10" s="610"/>
      <c r="L10" s="611"/>
      <c r="M10" s="1"/>
      <c r="N10" s="7" t="s">
        <v>947</v>
      </c>
      <c r="O10" s="1"/>
      <c r="P10" s="1"/>
      <c r="Q10" s="1"/>
      <c r="R10" s="10"/>
      <c r="S10" s="609"/>
      <c r="T10" s="610"/>
      <c r="U10" s="610"/>
      <c r="V10" s="610"/>
      <c r="W10" s="610"/>
      <c r="X10" s="610"/>
      <c r="Y10" s="611"/>
      <c r="Z10" s="26"/>
      <c r="AA10" s="47"/>
      <c r="AB10" s="97"/>
      <c r="AC10" s="26"/>
      <c r="AD10" s="97"/>
      <c r="AE10" s="55" t="s">
        <v>350</v>
      </c>
      <c r="AF10" s="29"/>
    </row>
    <row r="11" spans="1:33">
      <c r="A11" s="25"/>
      <c r="B11" s="7"/>
      <c r="C11" s="94"/>
      <c r="D11" s="94"/>
      <c r="E11" s="94"/>
      <c r="F11" s="97"/>
      <c r="G11" s="97"/>
      <c r="H11" s="97"/>
      <c r="I11" s="97"/>
      <c r="J11" s="97"/>
      <c r="K11" s="97"/>
      <c r="L11" s="97"/>
      <c r="M11" s="1"/>
      <c r="N11" s="7"/>
      <c r="O11" s="1"/>
      <c r="P11" s="1"/>
      <c r="Q11" s="1"/>
      <c r="R11" s="1"/>
      <c r="S11" s="97"/>
      <c r="T11" s="97"/>
      <c r="U11" s="97"/>
      <c r="V11" s="97"/>
      <c r="W11" s="97"/>
      <c r="X11" s="97"/>
      <c r="Y11" s="97"/>
      <c r="Z11" s="26"/>
      <c r="AA11" s="47"/>
      <c r="AB11" s="97"/>
      <c r="AC11" s="26"/>
      <c r="AD11" s="97"/>
      <c r="AE11" s="55" t="s">
        <v>351</v>
      </c>
      <c r="AF11" s="29"/>
    </row>
    <row r="12" spans="1:33" ht="13.5" customHeight="1">
      <c r="A12" s="25"/>
      <c r="B12" s="7" t="s">
        <v>349</v>
      </c>
      <c r="C12" s="1"/>
      <c r="D12" s="1"/>
      <c r="E12" s="1"/>
      <c r="F12" s="606"/>
      <c r="G12" s="607"/>
      <c r="H12" s="607"/>
      <c r="I12" s="607"/>
      <c r="J12" s="607"/>
      <c r="K12" s="607"/>
      <c r="L12" s="607"/>
      <c r="M12" s="607"/>
      <c r="N12" s="607"/>
      <c r="O12" s="607"/>
      <c r="P12" s="607"/>
      <c r="Q12" s="607"/>
      <c r="R12" s="607"/>
      <c r="S12" s="608"/>
      <c r="T12" s="1"/>
      <c r="U12" s="1"/>
      <c r="V12" s="1"/>
      <c r="W12" s="1"/>
      <c r="X12" s="1"/>
      <c r="Y12" s="97"/>
      <c r="Z12" s="26"/>
      <c r="AA12" s="47"/>
      <c r="AB12" s="97"/>
      <c r="AC12" s="26"/>
      <c r="AD12" s="97"/>
      <c r="AE12" s="55" t="s">
        <v>352</v>
      </c>
      <c r="AF12" s="29"/>
    </row>
    <row r="13" spans="1:33" s="26" customFormat="1">
      <c r="A13" s="20"/>
      <c r="B13" s="7"/>
      <c r="C13" s="1"/>
      <c r="D13" s="1"/>
      <c r="E13" s="1"/>
      <c r="F13" s="1"/>
      <c r="G13" s="1"/>
      <c r="H13" s="1"/>
      <c r="I13" s="1"/>
      <c r="J13" s="1"/>
      <c r="K13" s="1"/>
      <c r="L13" s="1"/>
      <c r="M13" s="1"/>
      <c r="N13" s="1"/>
      <c r="O13" s="1"/>
      <c r="P13" s="1"/>
      <c r="Q13" s="1"/>
      <c r="R13" s="1"/>
      <c r="S13" s="1"/>
      <c r="T13" s="1"/>
      <c r="U13" s="1"/>
      <c r="V13" s="1"/>
      <c r="W13" s="1"/>
      <c r="X13" s="1"/>
      <c r="Y13" s="97"/>
      <c r="AA13" s="47"/>
      <c r="AB13" s="97"/>
      <c r="AC13" s="97"/>
      <c r="AD13" s="97"/>
      <c r="AF13" s="48"/>
    </row>
    <row r="14" spans="1:33">
      <c r="A14" s="25"/>
      <c r="B14" s="1"/>
      <c r="C14" s="1"/>
      <c r="D14" s="1"/>
      <c r="E14" s="1"/>
      <c r="F14" s="606"/>
      <c r="G14" s="607"/>
      <c r="H14" s="607"/>
      <c r="I14" s="607"/>
      <c r="J14" s="607"/>
      <c r="K14" s="607"/>
      <c r="L14" s="607"/>
      <c r="M14" s="607"/>
      <c r="N14" s="607"/>
      <c r="O14" s="607"/>
      <c r="P14" s="607"/>
      <c r="Q14" s="607"/>
      <c r="R14" s="607"/>
      <c r="S14" s="608"/>
      <c r="T14" s="1"/>
      <c r="U14" s="1"/>
      <c r="V14" s="1"/>
      <c r="W14" s="1"/>
      <c r="X14" s="1"/>
      <c r="Y14" s="97"/>
      <c r="Z14" s="26"/>
      <c r="AA14" s="47"/>
      <c r="AB14" s="97"/>
      <c r="AC14" s="97"/>
      <c r="AD14" s="97"/>
      <c r="AE14" s="367"/>
      <c r="AF14" s="29"/>
    </row>
    <row r="15" spans="1:33" ht="13.5" customHeight="1">
      <c r="A15" s="25"/>
      <c r="B15" s="7"/>
      <c r="C15" s="94"/>
      <c r="D15" s="94"/>
      <c r="E15" s="94"/>
      <c r="F15" s="97"/>
      <c r="G15" s="97"/>
      <c r="H15" s="97"/>
      <c r="I15" s="97"/>
      <c r="J15" s="97"/>
      <c r="K15" s="97"/>
      <c r="L15" s="97"/>
      <c r="M15" s="1"/>
      <c r="N15" s="7"/>
      <c r="O15" s="1"/>
      <c r="P15" s="1"/>
      <c r="Q15" s="1"/>
      <c r="R15" s="1"/>
      <c r="S15" s="97"/>
      <c r="T15" s="97"/>
      <c r="U15" s="97"/>
      <c r="V15" s="97"/>
      <c r="W15" s="97"/>
      <c r="X15" s="97"/>
      <c r="Y15" s="97"/>
      <c r="Z15" s="26"/>
      <c r="AA15" s="47"/>
      <c r="AB15" s="97"/>
      <c r="AC15" s="97"/>
      <c r="AD15" s="97"/>
      <c r="AE15" s="26" t="s">
        <v>375</v>
      </c>
      <c r="AF15" s="29"/>
    </row>
    <row r="16" spans="1:33">
      <c r="A16" s="25"/>
      <c r="B16" s="7"/>
      <c r="C16" s="94"/>
      <c r="D16" s="94"/>
      <c r="E16" s="94"/>
      <c r="F16" s="606"/>
      <c r="G16" s="607"/>
      <c r="H16" s="607"/>
      <c r="I16" s="607"/>
      <c r="J16" s="607"/>
      <c r="K16" s="607"/>
      <c r="L16" s="607"/>
      <c r="M16" s="607"/>
      <c r="N16" s="607"/>
      <c r="O16" s="607"/>
      <c r="P16" s="607"/>
      <c r="Q16" s="607"/>
      <c r="R16" s="607"/>
      <c r="S16" s="608"/>
      <c r="T16" s="97"/>
      <c r="U16" s="97"/>
      <c r="V16" s="97"/>
      <c r="W16" s="97"/>
      <c r="X16" s="97"/>
      <c r="Y16" s="97"/>
      <c r="Z16" s="26"/>
      <c r="AA16" s="47"/>
      <c r="AB16" s="97"/>
      <c r="AC16" s="97"/>
      <c r="AD16" s="97"/>
      <c r="AF16" s="29"/>
    </row>
    <row r="17" spans="1:32">
      <c r="A17" s="51"/>
      <c r="B17" s="43"/>
      <c r="C17" s="43"/>
      <c r="D17" s="44"/>
      <c r="E17" s="44"/>
      <c r="F17" s="44"/>
      <c r="G17" s="44"/>
      <c r="H17" s="44"/>
      <c r="I17" s="44"/>
      <c r="J17" s="44"/>
      <c r="K17" s="44"/>
      <c r="L17" s="44"/>
      <c r="M17" s="44"/>
      <c r="N17" s="44"/>
      <c r="O17" s="44"/>
      <c r="P17" s="44"/>
      <c r="Q17" s="44"/>
      <c r="R17" s="243"/>
      <c r="S17" s="45"/>
      <c r="T17" s="45"/>
      <c r="U17" s="45"/>
      <c r="V17" s="45"/>
      <c r="W17" s="45"/>
      <c r="X17" s="45"/>
      <c r="Y17" s="45"/>
      <c r="Z17" s="45"/>
      <c r="AA17" s="45"/>
      <c r="AB17" s="45"/>
      <c r="AC17" s="45"/>
      <c r="AD17" s="43"/>
      <c r="AE17" s="273"/>
      <c r="AF17" s="29"/>
    </row>
    <row r="18" spans="1:32" ht="13.5" customHeight="1">
      <c r="A18" s="51"/>
      <c r="B18" s="583" t="s">
        <v>73</v>
      </c>
      <c r="C18" s="573"/>
      <c r="D18" s="572" t="s">
        <v>94</v>
      </c>
      <c r="E18" s="572"/>
      <c r="F18" s="572"/>
      <c r="G18" s="572"/>
      <c r="H18" s="572"/>
      <c r="I18" s="572"/>
      <c r="J18" s="572"/>
      <c r="K18" s="572"/>
      <c r="L18" s="572"/>
      <c r="M18" s="572"/>
      <c r="N18" s="572"/>
      <c r="O18" s="572"/>
      <c r="P18" s="572"/>
      <c r="Q18" s="572"/>
      <c r="R18" s="218" t="s">
        <v>383</v>
      </c>
      <c r="S18" s="572" t="s">
        <v>138</v>
      </c>
      <c r="T18" s="572"/>
      <c r="U18" s="736" t="s">
        <v>959</v>
      </c>
      <c r="V18" s="737"/>
      <c r="W18" s="738"/>
      <c r="X18" s="572" t="s">
        <v>97</v>
      </c>
      <c r="Y18" s="572"/>
      <c r="Z18" s="572" t="s">
        <v>98</v>
      </c>
      <c r="AA18" s="572"/>
      <c r="AB18" s="583" t="s">
        <v>75</v>
      </c>
      <c r="AC18" s="583"/>
      <c r="AD18" s="583"/>
      <c r="AE18" s="746" t="s">
        <v>159</v>
      </c>
      <c r="AF18" s="37"/>
    </row>
    <row r="19" spans="1:32" s="26" customFormat="1">
      <c r="A19" s="51"/>
      <c r="B19" s="573"/>
      <c r="C19" s="573"/>
      <c r="D19" s="572"/>
      <c r="E19" s="572"/>
      <c r="F19" s="572"/>
      <c r="G19" s="572"/>
      <c r="H19" s="572"/>
      <c r="I19" s="572"/>
      <c r="J19" s="572"/>
      <c r="K19" s="572"/>
      <c r="L19" s="572"/>
      <c r="M19" s="572"/>
      <c r="N19" s="572"/>
      <c r="O19" s="572"/>
      <c r="P19" s="572"/>
      <c r="Q19" s="572"/>
      <c r="R19" s="218"/>
      <c r="S19" s="572"/>
      <c r="T19" s="572"/>
      <c r="U19" s="739"/>
      <c r="V19" s="740"/>
      <c r="W19" s="741"/>
      <c r="X19" s="572"/>
      <c r="Y19" s="572"/>
      <c r="Z19" s="572"/>
      <c r="AA19" s="572"/>
      <c r="AB19" s="583"/>
      <c r="AC19" s="583"/>
      <c r="AD19" s="583"/>
      <c r="AE19" s="746"/>
      <c r="AF19" s="37"/>
    </row>
    <row r="20" spans="1:32" s="26" customFormat="1" ht="13.4" customHeight="1">
      <c r="A20" s="20"/>
      <c r="B20" s="541">
        <v>1</v>
      </c>
      <c r="C20" s="542"/>
      <c r="D20" s="563" t="s">
        <v>2277</v>
      </c>
      <c r="E20" s="564"/>
      <c r="F20" s="564"/>
      <c r="G20" s="564"/>
      <c r="H20" s="564"/>
      <c r="I20" s="564"/>
      <c r="J20" s="564"/>
      <c r="K20" s="564"/>
      <c r="L20" s="564"/>
      <c r="M20" s="564"/>
      <c r="N20" s="564"/>
      <c r="O20" s="564"/>
      <c r="P20" s="564"/>
      <c r="Q20" s="565"/>
      <c r="R20" s="219" t="s">
        <v>443</v>
      </c>
      <c r="S20" s="546" t="s">
        <v>101</v>
      </c>
      <c r="T20" s="548"/>
      <c r="U20" s="623" t="s">
        <v>102</v>
      </c>
      <c r="V20" s="624"/>
      <c r="W20" s="625"/>
      <c r="X20" s="415">
        <v>51</v>
      </c>
      <c r="Y20" s="415" t="s">
        <v>103</v>
      </c>
      <c r="Z20" s="700"/>
      <c r="AA20" s="700"/>
      <c r="AB20" s="592"/>
      <c r="AC20" s="592"/>
      <c r="AD20" s="592"/>
      <c r="AE20" s="265"/>
      <c r="AF20" s="38"/>
    </row>
    <row r="21" spans="1:32" s="54" customFormat="1" ht="13.4" customHeight="1">
      <c r="A21" s="20"/>
      <c r="B21" s="541">
        <v>2</v>
      </c>
      <c r="C21" s="542"/>
      <c r="D21" s="563" t="s">
        <v>394</v>
      </c>
      <c r="E21" s="564"/>
      <c r="F21" s="564"/>
      <c r="G21" s="564"/>
      <c r="H21" s="564"/>
      <c r="I21" s="564"/>
      <c r="J21" s="564"/>
      <c r="K21" s="564"/>
      <c r="L21" s="564"/>
      <c r="M21" s="564"/>
      <c r="N21" s="564"/>
      <c r="O21" s="564"/>
      <c r="P21" s="564"/>
      <c r="Q21" s="565"/>
      <c r="R21" s="221" t="s">
        <v>960</v>
      </c>
      <c r="S21" s="546" t="s">
        <v>107</v>
      </c>
      <c r="T21" s="548"/>
      <c r="U21" s="623" t="s">
        <v>102</v>
      </c>
      <c r="V21" s="624"/>
      <c r="W21" s="625"/>
      <c r="X21" s="210">
        <v>16</v>
      </c>
      <c r="Y21" s="210" t="s">
        <v>103</v>
      </c>
      <c r="Z21" s="700"/>
      <c r="AA21" s="700"/>
      <c r="AB21" s="592"/>
      <c r="AC21" s="592"/>
      <c r="AD21" s="592"/>
      <c r="AE21" s="265"/>
      <c r="AF21" s="38"/>
    </row>
    <row r="22" spans="1:32" s="54" customFormat="1" ht="13.4" customHeight="1">
      <c r="A22" s="20"/>
      <c r="B22" s="676">
        <v>3</v>
      </c>
      <c r="C22" s="677"/>
      <c r="D22" s="694" t="s">
        <v>2382</v>
      </c>
      <c r="E22" s="695"/>
      <c r="F22" s="695"/>
      <c r="G22" s="695"/>
      <c r="H22" s="695"/>
      <c r="I22" s="695"/>
      <c r="J22" s="695"/>
      <c r="K22" s="695"/>
      <c r="L22" s="695"/>
      <c r="M22" s="695"/>
      <c r="N22" s="695"/>
      <c r="O22" s="695"/>
      <c r="P22" s="695"/>
      <c r="Q22" s="696"/>
      <c r="R22" s="262" t="s">
        <v>961</v>
      </c>
      <c r="S22" s="681" t="s">
        <v>398</v>
      </c>
      <c r="T22" s="683"/>
      <c r="U22" s="724" t="s">
        <v>102</v>
      </c>
      <c r="V22" s="725"/>
      <c r="W22" s="726"/>
      <c r="X22" s="417">
        <v>40</v>
      </c>
      <c r="Y22" s="417" t="s">
        <v>103</v>
      </c>
      <c r="Z22" s="730" t="s">
        <v>109</v>
      </c>
      <c r="AA22" s="730"/>
      <c r="AB22" s="717"/>
      <c r="AC22" s="717"/>
      <c r="AD22" s="717"/>
      <c r="AE22" s="321" t="s">
        <v>399</v>
      </c>
      <c r="AF22" s="38"/>
    </row>
    <row r="23" spans="1:32" s="55" customFormat="1" ht="13.4" customHeight="1">
      <c r="A23" s="20"/>
      <c r="B23" s="676">
        <v>4</v>
      </c>
      <c r="C23" s="677"/>
      <c r="D23" s="694" t="s">
        <v>2280</v>
      </c>
      <c r="E23" s="695"/>
      <c r="F23" s="695"/>
      <c r="G23" s="695"/>
      <c r="H23" s="695"/>
      <c r="I23" s="695"/>
      <c r="J23" s="695"/>
      <c r="K23" s="695"/>
      <c r="L23" s="695"/>
      <c r="M23" s="695"/>
      <c r="N23" s="695"/>
      <c r="O23" s="695"/>
      <c r="P23" s="695"/>
      <c r="Q23" s="696"/>
      <c r="R23" s="262" t="s">
        <v>447</v>
      </c>
      <c r="S23" s="681" t="s">
        <v>107</v>
      </c>
      <c r="T23" s="683"/>
      <c r="U23" s="724" t="s">
        <v>108</v>
      </c>
      <c r="V23" s="725"/>
      <c r="W23" s="726"/>
      <c r="X23" s="417">
        <v>3</v>
      </c>
      <c r="Y23" s="417">
        <v>0</v>
      </c>
      <c r="Z23" s="730" t="s">
        <v>109</v>
      </c>
      <c r="AA23" s="730"/>
      <c r="AB23" s="717"/>
      <c r="AC23" s="717"/>
      <c r="AD23" s="717"/>
      <c r="AE23" s="321" t="s">
        <v>391</v>
      </c>
      <c r="AF23" s="38"/>
    </row>
    <row r="24" spans="1:32" s="55" customFormat="1">
      <c r="A24" s="394"/>
      <c r="B24" s="541">
        <v>5</v>
      </c>
      <c r="C24" s="542"/>
      <c r="D24" s="543" t="s">
        <v>2281</v>
      </c>
      <c r="E24" s="544"/>
      <c r="F24" s="544"/>
      <c r="G24" s="544"/>
      <c r="H24" s="544"/>
      <c r="I24" s="544"/>
      <c r="J24" s="544"/>
      <c r="K24" s="544"/>
      <c r="L24" s="544"/>
      <c r="M24" s="544"/>
      <c r="N24" s="544"/>
      <c r="O24" s="544"/>
      <c r="P24" s="544"/>
      <c r="Q24" s="545"/>
      <c r="R24" s="244" t="s">
        <v>518</v>
      </c>
      <c r="S24" s="546" t="s">
        <v>101</v>
      </c>
      <c r="T24" s="548"/>
      <c r="U24" s="623" t="s">
        <v>102</v>
      </c>
      <c r="V24" s="624"/>
      <c r="W24" s="625"/>
      <c r="X24" s="210">
        <v>3</v>
      </c>
      <c r="Y24" s="210" t="s">
        <v>103</v>
      </c>
      <c r="Z24" s="700"/>
      <c r="AA24" s="700"/>
      <c r="AB24" s="592"/>
      <c r="AC24" s="592"/>
      <c r="AD24" s="592"/>
      <c r="AE24" s="265"/>
      <c r="AF24" s="39"/>
    </row>
    <row r="25" spans="1:32" s="57" customFormat="1" ht="13.4" customHeight="1">
      <c r="A25" s="394"/>
      <c r="B25" s="541">
        <v>6</v>
      </c>
      <c r="C25" s="542"/>
      <c r="D25" s="563" t="s">
        <v>2282</v>
      </c>
      <c r="E25" s="564"/>
      <c r="F25" s="564"/>
      <c r="G25" s="564"/>
      <c r="H25" s="564"/>
      <c r="I25" s="564"/>
      <c r="J25" s="564"/>
      <c r="K25" s="564"/>
      <c r="L25" s="564"/>
      <c r="M25" s="564"/>
      <c r="N25" s="564"/>
      <c r="O25" s="564"/>
      <c r="P25" s="564"/>
      <c r="Q25" s="565"/>
      <c r="R25" s="244" t="s">
        <v>2283</v>
      </c>
      <c r="S25" s="546" t="s">
        <v>1844</v>
      </c>
      <c r="T25" s="548"/>
      <c r="U25" s="623" t="s">
        <v>102</v>
      </c>
      <c r="V25" s="624"/>
      <c r="W25" s="625"/>
      <c r="X25" s="210">
        <v>10</v>
      </c>
      <c r="Y25" s="210" t="s">
        <v>103</v>
      </c>
      <c r="Z25" s="700"/>
      <c r="AA25" s="700"/>
      <c r="AB25" s="592"/>
      <c r="AC25" s="592"/>
      <c r="AD25" s="592"/>
      <c r="AE25" s="265"/>
      <c r="AF25" s="39"/>
    </row>
    <row r="26" spans="1:32" s="55" customFormat="1">
      <c r="A26" s="394"/>
      <c r="B26" s="541">
        <v>7</v>
      </c>
      <c r="C26" s="542"/>
      <c r="D26" s="543" t="s">
        <v>2284</v>
      </c>
      <c r="E26" s="544"/>
      <c r="F26" s="544"/>
      <c r="G26" s="544"/>
      <c r="H26" s="544"/>
      <c r="I26" s="544"/>
      <c r="J26" s="544"/>
      <c r="K26" s="544"/>
      <c r="L26" s="544"/>
      <c r="M26" s="544"/>
      <c r="N26" s="544"/>
      <c r="O26" s="544"/>
      <c r="P26" s="544"/>
      <c r="Q26" s="545"/>
      <c r="R26" s="244" t="s">
        <v>520</v>
      </c>
      <c r="S26" s="546" t="s">
        <v>101</v>
      </c>
      <c r="T26" s="548"/>
      <c r="U26" s="623" t="s">
        <v>102</v>
      </c>
      <c r="V26" s="624"/>
      <c r="W26" s="625"/>
      <c r="X26" s="210">
        <v>3</v>
      </c>
      <c r="Y26" s="210" t="s">
        <v>103</v>
      </c>
      <c r="Z26" s="700"/>
      <c r="AA26" s="700"/>
      <c r="AB26" s="592"/>
      <c r="AC26" s="592"/>
      <c r="AD26" s="592"/>
      <c r="AE26" s="267"/>
      <c r="AF26" s="39"/>
    </row>
    <row r="27" spans="1:32" s="55" customFormat="1" ht="13.4" customHeight="1">
      <c r="A27" s="394"/>
      <c r="B27" s="541">
        <v>8</v>
      </c>
      <c r="C27" s="542"/>
      <c r="D27" s="563" t="s">
        <v>2285</v>
      </c>
      <c r="E27" s="564"/>
      <c r="F27" s="564"/>
      <c r="G27" s="564"/>
      <c r="H27" s="564"/>
      <c r="I27" s="564"/>
      <c r="J27" s="564"/>
      <c r="K27" s="564"/>
      <c r="L27" s="564"/>
      <c r="M27" s="564"/>
      <c r="N27" s="564"/>
      <c r="O27" s="564"/>
      <c r="P27" s="564"/>
      <c r="Q27" s="565"/>
      <c r="R27" s="221" t="s">
        <v>2286</v>
      </c>
      <c r="S27" s="546" t="s">
        <v>1844</v>
      </c>
      <c r="T27" s="548"/>
      <c r="U27" s="623" t="s">
        <v>102</v>
      </c>
      <c r="V27" s="624"/>
      <c r="W27" s="625"/>
      <c r="X27" s="210">
        <v>10</v>
      </c>
      <c r="Y27" s="210" t="s">
        <v>103</v>
      </c>
      <c r="Z27" s="700"/>
      <c r="AA27" s="700"/>
      <c r="AB27" s="592"/>
      <c r="AC27" s="592"/>
      <c r="AD27" s="592"/>
      <c r="AE27" s="265"/>
      <c r="AF27" s="39"/>
    </row>
    <row r="28" spans="1:32" s="55" customFormat="1" ht="13.4" customHeight="1">
      <c r="A28" s="394"/>
      <c r="B28" s="676">
        <v>9</v>
      </c>
      <c r="C28" s="677"/>
      <c r="D28" s="694" t="s">
        <v>1835</v>
      </c>
      <c r="E28" s="695"/>
      <c r="F28" s="695"/>
      <c r="G28" s="695"/>
      <c r="H28" s="695"/>
      <c r="I28" s="695"/>
      <c r="J28" s="695"/>
      <c r="K28" s="695"/>
      <c r="L28" s="695"/>
      <c r="M28" s="695"/>
      <c r="N28" s="695"/>
      <c r="O28" s="695"/>
      <c r="P28" s="695"/>
      <c r="Q28" s="696"/>
      <c r="R28" s="260" t="s">
        <v>522</v>
      </c>
      <c r="S28" s="681" t="s">
        <v>107</v>
      </c>
      <c r="T28" s="683"/>
      <c r="U28" s="724" t="s">
        <v>108</v>
      </c>
      <c r="V28" s="725"/>
      <c r="W28" s="726"/>
      <c r="X28" s="268">
        <v>3</v>
      </c>
      <c r="Y28" s="268">
        <v>0</v>
      </c>
      <c r="Z28" s="730" t="s">
        <v>109</v>
      </c>
      <c r="AA28" s="730"/>
      <c r="AB28" s="717"/>
      <c r="AC28" s="717"/>
      <c r="AD28" s="717"/>
      <c r="AE28" s="321" t="s">
        <v>391</v>
      </c>
      <c r="AF28" s="39"/>
    </row>
    <row r="29" spans="1:32" s="26" customFormat="1">
      <c r="A29" s="394"/>
      <c r="B29" s="541">
        <v>10</v>
      </c>
      <c r="C29" s="542"/>
      <c r="D29" s="543" t="s">
        <v>2287</v>
      </c>
      <c r="E29" s="544"/>
      <c r="F29" s="544"/>
      <c r="G29" s="544"/>
      <c r="H29" s="544"/>
      <c r="I29" s="544"/>
      <c r="J29" s="544"/>
      <c r="K29" s="544"/>
      <c r="L29" s="544"/>
      <c r="M29" s="544"/>
      <c r="N29" s="544"/>
      <c r="O29" s="544"/>
      <c r="P29" s="544"/>
      <c r="Q29" s="545"/>
      <c r="R29" s="221" t="s">
        <v>524</v>
      </c>
      <c r="S29" s="546" t="s">
        <v>101</v>
      </c>
      <c r="T29" s="548"/>
      <c r="U29" s="623" t="s">
        <v>102</v>
      </c>
      <c r="V29" s="624"/>
      <c r="W29" s="625"/>
      <c r="X29" s="210">
        <v>3</v>
      </c>
      <c r="Y29" s="210" t="s">
        <v>103</v>
      </c>
      <c r="Z29" s="700"/>
      <c r="AA29" s="700"/>
      <c r="AB29" s="592"/>
      <c r="AC29" s="592"/>
      <c r="AD29" s="592"/>
      <c r="AE29" s="265"/>
      <c r="AF29" s="39"/>
    </row>
    <row r="30" spans="1:32" s="26" customFormat="1" ht="13.4" customHeight="1">
      <c r="A30" s="20"/>
      <c r="B30" s="541">
        <v>11</v>
      </c>
      <c r="C30" s="542"/>
      <c r="D30" s="563" t="s">
        <v>2288</v>
      </c>
      <c r="E30" s="564"/>
      <c r="F30" s="564"/>
      <c r="G30" s="564"/>
      <c r="H30" s="564"/>
      <c r="I30" s="564"/>
      <c r="J30" s="564"/>
      <c r="K30" s="564"/>
      <c r="L30" s="564"/>
      <c r="M30" s="564"/>
      <c r="N30" s="564"/>
      <c r="O30" s="564"/>
      <c r="P30" s="564"/>
      <c r="Q30" s="565"/>
      <c r="R30" s="222" t="s">
        <v>2289</v>
      </c>
      <c r="S30" s="546" t="s">
        <v>1844</v>
      </c>
      <c r="T30" s="548"/>
      <c r="U30" s="623" t="s">
        <v>102</v>
      </c>
      <c r="V30" s="624"/>
      <c r="W30" s="625"/>
      <c r="X30" s="210">
        <v>10</v>
      </c>
      <c r="Y30" s="210" t="s">
        <v>103</v>
      </c>
      <c r="Z30" s="700"/>
      <c r="AA30" s="700"/>
      <c r="AB30" s="592"/>
      <c r="AC30" s="592"/>
      <c r="AD30" s="592"/>
      <c r="AE30" s="265"/>
      <c r="AF30" s="38"/>
    </row>
    <row r="31" spans="1:32" s="26" customFormat="1">
      <c r="A31" s="20"/>
      <c r="B31" s="541">
        <v>12</v>
      </c>
      <c r="C31" s="542"/>
      <c r="D31" s="543" t="s">
        <v>2290</v>
      </c>
      <c r="E31" s="544"/>
      <c r="F31" s="544"/>
      <c r="G31" s="544"/>
      <c r="H31" s="544"/>
      <c r="I31" s="544"/>
      <c r="J31" s="544"/>
      <c r="K31" s="544"/>
      <c r="L31" s="544"/>
      <c r="M31" s="544"/>
      <c r="N31" s="544"/>
      <c r="O31" s="544"/>
      <c r="P31" s="544"/>
      <c r="Q31" s="545"/>
      <c r="R31" s="221" t="s">
        <v>526</v>
      </c>
      <c r="S31" s="546" t="s">
        <v>101</v>
      </c>
      <c r="T31" s="548"/>
      <c r="U31" s="623" t="s">
        <v>102</v>
      </c>
      <c r="V31" s="624"/>
      <c r="W31" s="625"/>
      <c r="X31" s="210">
        <v>3</v>
      </c>
      <c r="Y31" s="210" t="s">
        <v>103</v>
      </c>
      <c r="Z31" s="700"/>
      <c r="AA31" s="700"/>
      <c r="AB31" s="592"/>
      <c r="AC31" s="592"/>
      <c r="AD31" s="592"/>
      <c r="AE31" s="265"/>
      <c r="AF31" s="38"/>
    </row>
    <row r="32" spans="1:32" s="26" customFormat="1">
      <c r="A32" s="20"/>
      <c r="B32" s="541">
        <v>13</v>
      </c>
      <c r="C32" s="542"/>
      <c r="D32" s="563" t="s">
        <v>2291</v>
      </c>
      <c r="E32" s="564"/>
      <c r="F32" s="564"/>
      <c r="G32" s="564"/>
      <c r="H32" s="564"/>
      <c r="I32" s="564"/>
      <c r="J32" s="564"/>
      <c r="K32" s="564"/>
      <c r="L32" s="564"/>
      <c r="M32" s="564"/>
      <c r="N32" s="564"/>
      <c r="O32" s="564"/>
      <c r="P32" s="564"/>
      <c r="Q32" s="565"/>
      <c r="R32" s="221" t="s">
        <v>2292</v>
      </c>
      <c r="S32" s="546" t="s">
        <v>1844</v>
      </c>
      <c r="T32" s="548"/>
      <c r="U32" s="623" t="s">
        <v>102</v>
      </c>
      <c r="V32" s="624"/>
      <c r="W32" s="625"/>
      <c r="X32" s="210">
        <v>10</v>
      </c>
      <c r="Y32" s="210" t="s">
        <v>103</v>
      </c>
      <c r="Z32" s="700"/>
      <c r="AA32" s="700"/>
      <c r="AB32" s="592"/>
      <c r="AC32" s="592"/>
      <c r="AD32" s="592"/>
      <c r="AE32" s="265"/>
      <c r="AF32" s="38"/>
    </row>
    <row r="33" spans="1:32" s="26" customFormat="1">
      <c r="A33" s="20"/>
      <c r="B33" s="541">
        <v>14</v>
      </c>
      <c r="C33" s="542"/>
      <c r="D33" s="543" t="s">
        <v>112</v>
      </c>
      <c r="E33" s="544"/>
      <c r="F33" s="544"/>
      <c r="G33" s="544"/>
      <c r="H33" s="544"/>
      <c r="I33" s="544"/>
      <c r="J33" s="544"/>
      <c r="K33" s="544"/>
      <c r="L33" s="544"/>
      <c r="M33" s="544"/>
      <c r="N33" s="544"/>
      <c r="O33" s="544"/>
      <c r="P33" s="544"/>
      <c r="Q33" s="545"/>
      <c r="R33" s="222" t="s">
        <v>448</v>
      </c>
      <c r="S33" s="546" t="s">
        <v>101</v>
      </c>
      <c r="T33" s="548"/>
      <c r="U33" s="623" t="s">
        <v>102</v>
      </c>
      <c r="V33" s="624"/>
      <c r="W33" s="625"/>
      <c r="X33" s="210">
        <v>64</v>
      </c>
      <c r="Y33" s="210" t="s">
        <v>103</v>
      </c>
      <c r="Z33" s="700"/>
      <c r="AA33" s="700"/>
      <c r="AB33" s="592"/>
      <c r="AC33" s="592"/>
      <c r="AD33" s="592"/>
      <c r="AE33" s="265"/>
      <c r="AF33" s="38"/>
    </row>
    <row r="34" spans="1:32" s="54" customFormat="1">
      <c r="A34" s="20"/>
      <c r="B34" s="541">
        <v>15</v>
      </c>
      <c r="C34" s="542"/>
      <c r="D34" s="543" t="s">
        <v>113</v>
      </c>
      <c r="E34" s="544"/>
      <c r="F34" s="544"/>
      <c r="G34" s="544"/>
      <c r="H34" s="544"/>
      <c r="I34" s="544"/>
      <c r="J34" s="544"/>
      <c r="K34" s="544"/>
      <c r="L34" s="544"/>
      <c r="M34" s="544"/>
      <c r="N34" s="544"/>
      <c r="O34" s="544"/>
      <c r="P34" s="544"/>
      <c r="Q34" s="545"/>
      <c r="R34" s="221" t="s">
        <v>449</v>
      </c>
      <c r="S34" s="546" t="s">
        <v>101</v>
      </c>
      <c r="T34" s="548"/>
      <c r="U34" s="623" t="s">
        <v>102</v>
      </c>
      <c r="V34" s="624"/>
      <c r="W34" s="625"/>
      <c r="X34" s="210">
        <v>64</v>
      </c>
      <c r="Y34" s="210" t="s">
        <v>103</v>
      </c>
      <c r="Z34" s="700"/>
      <c r="AA34" s="700"/>
      <c r="AB34" s="592"/>
      <c r="AC34" s="592"/>
      <c r="AD34" s="592"/>
      <c r="AE34" s="265"/>
      <c r="AF34" s="38"/>
    </row>
    <row r="35" spans="1:32" s="26" customFormat="1">
      <c r="A35" s="20"/>
      <c r="B35" s="714">
        <v>16</v>
      </c>
      <c r="C35" s="715"/>
      <c r="D35" s="543" t="s">
        <v>114</v>
      </c>
      <c r="E35" s="544"/>
      <c r="F35" s="544"/>
      <c r="G35" s="544"/>
      <c r="H35" s="544"/>
      <c r="I35" s="544"/>
      <c r="J35" s="544"/>
      <c r="K35" s="544"/>
      <c r="L35" s="544"/>
      <c r="M35" s="544"/>
      <c r="N35" s="544"/>
      <c r="O35" s="544"/>
      <c r="P35" s="544"/>
      <c r="Q35" s="545"/>
      <c r="R35" s="222" t="s">
        <v>450</v>
      </c>
      <c r="S35" s="546" t="s">
        <v>101</v>
      </c>
      <c r="T35" s="548"/>
      <c r="U35" s="623" t="s">
        <v>102</v>
      </c>
      <c r="V35" s="624"/>
      <c r="W35" s="625"/>
      <c r="X35" s="210">
        <v>64</v>
      </c>
      <c r="Y35" s="210" t="s">
        <v>103</v>
      </c>
      <c r="Z35" s="700"/>
      <c r="AA35" s="700"/>
      <c r="AB35" s="592"/>
      <c r="AC35" s="592"/>
      <c r="AD35" s="592"/>
      <c r="AE35" s="265"/>
      <c r="AF35" s="38"/>
    </row>
    <row r="36" spans="1:32" s="26" customFormat="1" ht="13.4" customHeight="1">
      <c r="A36" s="20"/>
      <c r="B36" s="541">
        <v>17</v>
      </c>
      <c r="C36" s="542"/>
      <c r="D36" s="563" t="s">
        <v>115</v>
      </c>
      <c r="E36" s="564"/>
      <c r="F36" s="564"/>
      <c r="G36" s="564"/>
      <c r="H36" s="564"/>
      <c r="I36" s="564"/>
      <c r="J36" s="564"/>
      <c r="K36" s="564"/>
      <c r="L36" s="564"/>
      <c r="M36" s="564"/>
      <c r="N36" s="564"/>
      <c r="O36" s="564"/>
      <c r="P36" s="564"/>
      <c r="Q36" s="565"/>
      <c r="R36" s="221" t="s">
        <v>451</v>
      </c>
      <c r="S36" s="546" t="s">
        <v>107</v>
      </c>
      <c r="T36" s="548"/>
      <c r="U36" s="623" t="s">
        <v>108</v>
      </c>
      <c r="V36" s="624"/>
      <c r="W36" s="625"/>
      <c r="X36" s="210">
        <v>6</v>
      </c>
      <c r="Y36" s="210">
        <v>0</v>
      </c>
      <c r="Z36" s="700"/>
      <c r="AA36" s="700"/>
      <c r="AB36" s="592"/>
      <c r="AC36" s="592"/>
      <c r="AD36" s="592"/>
      <c r="AE36" s="265"/>
      <c r="AF36" s="38"/>
    </row>
    <row r="37" spans="1:32" s="54" customFormat="1" ht="13.4" customHeight="1">
      <c r="A37" s="20"/>
      <c r="B37" s="541">
        <v>18</v>
      </c>
      <c r="C37" s="542"/>
      <c r="D37" s="563" t="s">
        <v>116</v>
      </c>
      <c r="E37" s="564"/>
      <c r="F37" s="564"/>
      <c r="G37" s="564"/>
      <c r="H37" s="564"/>
      <c r="I37" s="564"/>
      <c r="J37" s="564"/>
      <c r="K37" s="564"/>
      <c r="L37" s="564"/>
      <c r="M37" s="564"/>
      <c r="N37" s="564"/>
      <c r="O37" s="564"/>
      <c r="P37" s="564"/>
      <c r="Q37" s="565"/>
      <c r="R37" s="221" t="s">
        <v>452</v>
      </c>
      <c r="S37" s="546" t="s">
        <v>107</v>
      </c>
      <c r="T37" s="548"/>
      <c r="U37" s="623" t="s">
        <v>102</v>
      </c>
      <c r="V37" s="624"/>
      <c r="W37" s="625"/>
      <c r="X37" s="210">
        <v>4</v>
      </c>
      <c r="Y37" s="210" t="s">
        <v>103</v>
      </c>
      <c r="Z37" s="700"/>
      <c r="AA37" s="700"/>
      <c r="AB37" s="592"/>
      <c r="AC37" s="592"/>
      <c r="AD37" s="592"/>
      <c r="AE37" s="265"/>
      <c r="AF37" s="38"/>
    </row>
    <row r="38" spans="1:32" s="26" customFormat="1" ht="13.4" customHeight="1">
      <c r="A38" s="20"/>
      <c r="B38" s="714">
        <v>19</v>
      </c>
      <c r="C38" s="715"/>
      <c r="D38" s="563" t="s">
        <v>409</v>
      </c>
      <c r="E38" s="564"/>
      <c r="F38" s="564"/>
      <c r="G38" s="564"/>
      <c r="H38" s="564"/>
      <c r="I38" s="564"/>
      <c r="J38" s="564"/>
      <c r="K38" s="564"/>
      <c r="L38" s="564"/>
      <c r="M38" s="564"/>
      <c r="N38" s="564"/>
      <c r="O38" s="564"/>
      <c r="P38" s="564"/>
      <c r="Q38" s="565"/>
      <c r="R38" s="221" t="s">
        <v>453</v>
      </c>
      <c r="S38" s="546" t="s">
        <v>107</v>
      </c>
      <c r="T38" s="548"/>
      <c r="U38" s="623" t="s">
        <v>102</v>
      </c>
      <c r="V38" s="624"/>
      <c r="W38" s="625"/>
      <c r="X38" s="210">
        <v>6</v>
      </c>
      <c r="Y38" s="210" t="s">
        <v>103</v>
      </c>
      <c r="Z38" s="700"/>
      <c r="AA38" s="700"/>
      <c r="AB38" s="592"/>
      <c r="AC38" s="592"/>
      <c r="AD38" s="592"/>
      <c r="AE38" s="267"/>
      <c r="AF38" s="38"/>
    </row>
    <row r="39" spans="1:32" s="26" customFormat="1" ht="13.4" customHeight="1">
      <c r="A39" s="20"/>
      <c r="B39" s="541">
        <v>20</v>
      </c>
      <c r="C39" s="542"/>
      <c r="D39" s="563" t="s">
        <v>1366</v>
      </c>
      <c r="E39" s="564"/>
      <c r="F39" s="564"/>
      <c r="G39" s="564"/>
      <c r="H39" s="564"/>
      <c r="I39" s="564"/>
      <c r="J39" s="564"/>
      <c r="K39" s="564"/>
      <c r="L39" s="564"/>
      <c r="M39" s="564"/>
      <c r="N39" s="564"/>
      <c r="O39" s="564"/>
      <c r="P39" s="564"/>
      <c r="Q39" s="565"/>
      <c r="R39" s="221" t="s">
        <v>516</v>
      </c>
      <c r="S39" s="546" t="s">
        <v>107</v>
      </c>
      <c r="T39" s="548"/>
      <c r="U39" s="623" t="s">
        <v>102</v>
      </c>
      <c r="V39" s="624"/>
      <c r="W39" s="625"/>
      <c r="X39" s="210">
        <v>6</v>
      </c>
      <c r="Y39" s="210" t="s">
        <v>103</v>
      </c>
      <c r="Z39" s="700"/>
      <c r="AA39" s="700"/>
      <c r="AB39" s="592"/>
      <c r="AC39" s="592"/>
      <c r="AD39" s="592"/>
      <c r="AE39" s="265"/>
      <c r="AF39" s="38"/>
    </row>
    <row r="40" spans="1:32" s="26" customFormat="1" ht="13.4" customHeight="1">
      <c r="A40" s="20"/>
      <c r="B40" s="541">
        <v>21</v>
      </c>
      <c r="C40" s="542"/>
      <c r="D40" s="563" t="s">
        <v>454</v>
      </c>
      <c r="E40" s="564"/>
      <c r="F40" s="564"/>
      <c r="G40" s="564"/>
      <c r="H40" s="564"/>
      <c r="I40" s="564"/>
      <c r="J40" s="564"/>
      <c r="K40" s="564"/>
      <c r="L40" s="564"/>
      <c r="M40" s="564"/>
      <c r="N40" s="564"/>
      <c r="O40" s="564"/>
      <c r="P40" s="564"/>
      <c r="Q40" s="565"/>
      <c r="R40" s="221" t="s">
        <v>455</v>
      </c>
      <c r="S40" s="546" t="s">
        <v>107</v>
      </c>
      <c r="T40" s="548"/>
      <c r="U40" s="623" t="s">
        <v>102</v>
      </c>
      <c r="V40" s="624"/>
      <c r="W40" s="625"/>
      <c r="X40" s="210">
        <v>1</v>
      </c>
      <c r="Y40" s="210" t="s">
        <v>103</v>
      </c>
      <c r="Z40" s="700"/>
      <c r="AA40" s="700"/>
      <c r="AB40" s="592"/>
      <c r="AC40" s="592"/>
      <c r="AD40" s="592"/>
      <c r="AE40" s="265"/>
      <c r="AF40" s="38"/>
    </row>
    <row r="41" spans="1:32" s="26" customFormat="1" ht="13.4" customHeight="1">
      <c r="A41" s="20"/>
      <c r="B41" s="714">
        <v>22</v>
      </c>
      <c r="C41" s="715"/>
      <c r="D41" s="563" t="s">
        <v>2293</v>
      </c>
      <c r="E41" s="564"/>
      <c r="F41" s="564"/>
      <c r="G41" s="564"/>
      <c r="H41" s="564"/>
      <c r="I41" s="564"/>
      <c r="J41" s="564"/>
      <c r="K41" s="564"/>
      <c r="L41" s="564"/>
      <c r="M41" s="564"/>
      <c r="N41" s="564"/>
      <c r="O41" s="564"/>
      <c r="P41" s="564"/>
      <c r="Q41" s="565"/>
      <c r="R41" s="229" t="s">
        <v>2294</v>
      </c>
      <c r="S41" s="541" t="s">
        <v>1844</v>
      </c>
      <c r="T41" s="542"/>
      <c r="U41" s="747" t="s">
        <v>102</v>
      </c>
      <c r="V41" s="748"/>
      <c r="W41" s="749"/>
      <c r="X41" s="213">
        <v>3</v>
      </c>
      <c r="Y41" s="213" t="s">
        <v>103</v>
      </c>
      <c r="Z41" s="700"/>
      <c r="AA41" s="700"/>
      <c r="AB41" s="592"/>
      <c r="AC41" s="592"/>
      <c r="AD41" s="592"/>
      <c r="AE41" s="265"/>
      <c r="AF41" s="38"/>
    </row>
    <row r="42" spans="1:32" s="54" customFormat="1" ht="13.4" customHeight="1">
      <c r="A42" s="20"/>
      <c r="B42" s="676">
        <v>23</v>
      </c>
      <c r="C42" s="677"/>
      <c r="D42" s="694" t="s">
        <v>760</v>
      </c>
      <c r="E42" s="695"/>
      <c r="F42" s="695"/>
      <c r="G42" s="695"/>
      <c r="H42" s="695"/>
      <c r="I42" s="695"/>
      <c r="J42" s="695"/>
      <c r="K42" s="695"/>
      <c r="L42" s="695"/>
      <c r="M42" s="695"/>
      <c r="N42" s="695"/>
      <c r="O42" s="695"/>
      <c r="P42" s="695"/>
      <c r="Q42" s="696"/>
      <c r="R42" s="261" t="s">
        <v>457</v>
      </c>
      <c r="S42" s="681" t="s">
        <v>107</v>
      </c>
      <c r="T42" s="683"/>
      <c r="U42" s="724" t="s">
        <v>102</v>
      </c>
      <c r="V42" s="725"/>
      <c r="W42" s="726"/>
      <c r="X42" s="269">
        <v>6</v>
      </c>
      <c r="Y42" s="269" t="s">
        <v>103</v>
      </c>
      <c r="Z42" s="730" t="s">
        <v>109</v>
      </c>
      <c r="AA42" s="730"/>
      <c r="AB42" s="717"/>
      <c r="AC42" s="717"/>
      <c r="AD42" s="717"/>
      <c r="AE42" s="321" t="s">
        <v>391</v>
      </c>
      <c r="AF42" s="38"/>
    </row>
    <row r="43" spans="1:32" s="26" customFormat="1" ht="13.4" customHeight="1">
      <c r="A43" s="20"/>
      <c r="B43" s="541">
        <v>24</v>
      </c>
      <c r="C43" s="542"/>
      <c r="D43" s="563" t="s">
        <v>2295</v>
      </c>
      <c r="E43" s="564"/>
      <c r="F43" s="564"/>
      <c r="G43" s="564"/>
      <c r="H43" s="564"/>
      <c r="I43" s="564"/>
      <c r="J43" s="564"/>
      <c r="K43" s="564"/>
      <c r="L43" s="564"/>
      <c r="M43" s="564"/>
      <c r="N43" s="564"/>
      <c r="O43" s="564"/>
      <c r="P43" s="564"/>
      <c r="Q43" s="565"/>
      <c r="R43" s="229" t="s">
        <v>2296</v>
      </c>
      <c r="S43" s="541" t="s">
        <v>107</v>
      </c>
      <c r="T43" s="542"/>
      <c r="U43" s="747" t="s">
        <v>108</v>
      </c>
      <c r="V43" s="748"/>
      <c r="W43" s="749"/>
      <c r="X43" s="213">
        <v>4</v>
      </c>
      <c r="Y43" s="213">
        <v>0</v>
      </c>
      <c r="Z43" s="700"/>
      <c r="AA43" s="700"/>
      <c r="AB43" s="592"/>
      <c r="AC43" s="592"/>
      <c r="AD43" s="592"/>
      <c r="AE43" s="267"/>
      <c r="AF43" s="38"/>
    </row>
    <row r="44" spans="1:32" s="26" customFormat="1" ht="13.4" customHeight="1">
      <c r="A44" s="20"/>
      <c r="B44" s="714">
        <v>25</v>
      </c>
      <c r="C44" s="715"/>
      <c r="D44" s="563" t="s">
        <v>458</v>
      </c>
      <c r="E44" s="564"/>
      <c r="F44" s="564"/>
      <c r="G44" s="564"/>
      <c r="H44" s="564"/>
      <c r="I44" s="564"/>
      <c r="J44" s="564"/>
      <c r="K44" s="564"/>
      <c r="L44" s="564"/>
      <c r="M44" s="564"/>
      <c r="N44" s="564"/>
      <c r="O44" s="564"/>
      <c r="P44" s="564"/>
      <c r="Q44" s="565"/>
      <c r="R44" s="229" t="s">
        <v>459</v>
      </c>
      <c r="S44" s="546" t="s">
        <v>107</v>
      </c>
      <c r="T44" s="548"/>
      <c r="U44" s="623" t="s">
        <v>108</v>
      </c>
      <c r="V44" s="624"/>
      <c r="W44" s="625"/>
      <c r="X44" s="210">
        <v>3</v>
      </c>
      <c r="Y44" s="210">
        <v>0</v>
      </c>
      <c r="Z44" s="700"/>
      <c r="AA44" s="700"/>
      <c r="AB44" s="592"/>
      <c r="AC44" s="592"/>
      <c r="AD44" s="592"/>
      <c r="AE44" s="265"/>
      <c r="AF44" s="38"/>
    </row>
    <row r="45" spans="1:32" s="54" customFormat="1" ht="13.4" customHeight="1">
      <c r="A45" s="20"/>
      <c r="B45" s="541">
        <v>26</v>
      </c>
      <c r="C45" s="542"/>
      <c r="D45" s="563" t="s">
        <v>460</v>
      </c>
      <c r="E45" s="564"/>
      <c r="F45" s="564"/>
      <c r="G45" s="564"/>
      <c r="H45" s="564"/>
      <c r="I45" s="564"/>
      <c r="J45" s="564"/>
      <c r="K45" s="564"/>
      <c r="L45" s="564"/>
      <c r="M45" s="564"/>
      <c r="N45" s="564"/>
      <c r="O45" s="564"/>
      <c r="P45" s="564"/>
      <c r="Q45" s="565"/>
      <c r="R45" s="219" t="s">
        <v>461</v>
      </c>
      <c r="S45" s="546" t="s">
        <v>107</v>
      </c>
      <c r="T45" s="548"/>
      <c r="U45" s="623" t="s">
        <v>102</v>
      </c>
      <c r="V45" s="624"/>
      <c r="W45" s="625"/>
      <c r="X45" s="210">
        <v>8</v>
      </c>
      <c r="Y45" s="210" t="s">
        <v>103</v>
      </c>
      <c r="Z45" s="700"/>
      <c r="AA45" s="700"/>
      <c r="AB45" s="592"/>
      <c r="AC45" s="592"/>
      <c r="AD45" s="592"/>
      <c r="AE45" s="265"/>
      <c r="AF45" s="38"/>
    </row>
    <row r="46" spans="1:32" s="26" customFormat="1" ht="13.4" customHeight="1">
      <c r="A46" s="20"/>
      <c r="B46" s="541">
        <v>27</v>
      </c>
      <c r="C46" s="542"/>
      <c r="D46" s="563" t="s">
        <v>462</v>
      </c>
      <c r="E46" s="564"/>
      <c r="F46" s="564"/>
      <c r="G46" s="564"/>
      <c r="H46" s="564"/>
      <c r="I46" s="564"/>
      <c r="J46" s="564"/>
      <c r="K46" s="564"/>
      <c r="L46" s="564"/>
      <c r="M46" s="564"/>
      <c r="N46" s="564"/>
      <c r="O46" s="564"/>
      <c r="P46" s="564"/>
      <c r="Q46" s="565"/>
      <c r="R46" s="225" t="s">
        <v>463</v>
      </c>
      <c r="S46" s="546" t="s">
        <v>101</v>
      </c>
      <c r="T46" s="548"/>
      <c r="U46" s="623" t="s">
        <v>102</v>
      </c>
      <c r="V46" s="624"/>
      <c r="W46" s="625"/>
      <c r="X46" s="210">
        <v>8</v>
      </c>
      <c r="Y46" s="210" t="s">
        <v>103</v>
      </c>
      <c r="Z46" s="700"/>
      <c r="AA46" s="700"/>
      <c r="AB46" s="592"/>
      <c r="AC46" s="592"/>
      <c r="AD46" s="592"/>
      <c r="AE46" s="267"/>
      <c r="AF46" s="38"/>
    </row>
    <row r="47" spans="1:32" s="26" customFormat="1" ht="13.4" customHeight="1">
      <c r="A47" s="20"/>
      <c r="B47" s="714">
        <v>28</v>
      </c>
      <c r="C47" s="715"/>
      <c r="D47" s="563" t="s">
        <v>2297</v>
      </c>
      <c r="E47" s="564"/>
      <c r="F47" s="564"/>
      <c r="G47" s="564"/>
      <c r="H47" s="564"/>
      <c r="I47" s="564"/>
      <c r="J47" s="564"/>
      <c r="K47" s="564"/>
      <c r="L47" s="564"/>
      <c r="M47" s="564"/>
      <c r="N47" s="564"/>
      <c r="O47" s="564"/>
      <c r="P47" s="564"/>
      <c r="Q47" s="565"/>
      <c r="R47" s="225" t="s">
        <v>2298</v>
      </c>
      <c r="S47" s="541" t="s">
        <v>1844</v>
      </c>
      <c r="T47" s="542"/>
      <c r="U47" s="747" t="s">
        <v>102</v>
      </c>
      <c r="V47" s="748"/>
      <c r="W47" s="749"/>
      <c r="X47" s="213">
        <v>20</v>
      </c>
      <c r="Y47" s="213" t="s">
        <v>103</v>
      </c>
      <c r="Z47" s="700"/>
      <c r="AA47" s="700"/>
      <c r="AB47" s="592"/>
      <c r="AC47" s="592"/>
      <c r="AD47" s="592"/>
      <c r="AE47" s="265"/>
      <c r="AF47" s="38"/>
    </row>
    <row r="48" spans="1:32" s="26" customFormat="1" ht="13.4" customHeight="1">
      <c r="A48" s="20"/>
      <c r="B48" s="541">
        <v>29</v>
      </c>
      <c r="C48" s="542"/>
      <c r="D48" s="563" t="s">
        <v>2299</v>
      </c>
      <c r="E48" s="564"/>
      <c r="F48" s="564"/>
      <c r="G48" s="564"/>
      <c r="H48" s="564"/>
      <c r="I48" s="564"/>
      <c r="J48" s="564"/>
      <c r="K48" s="564"/>
      <c r="L48" s="564"/>
      <c r="M48" s="564"/>
      <c r="N48" s="564"/>
      <c r="O48" s="564"/>
      <c r="P48" s="564"/>
      <c r="Q48" s="565"/>
      <c r="R48" s="221" t="s">
        <v>2300</v>
      </c>
      <c r="S48" s="546" t="s">
        <v>101</v>
      </c>
      <c r="T48" s="548"/>
      <c r="U48" s="623" t="s">
        <v>102</v>
      </c>
      <c r="V48" s="624"/>
      <c r="W48" s="625"/>
      <c r="X48" s="210">
        <v>2</v>
      </c>
      <c r="Y48" s="210" t="s">
        <v>103</v>
      </c>
      <c r="Z48" s="700"/>
      <c r="AA48" s="700"/>
      <c r="AB48" s="592"/>
      <c r="AC48" s="592"/>
      <c r="AD48" s="592"/>
      <c r="AE48" s="265"/>
      <c r="AF48" s="38"/>
    </row>
    <row r="49" spans="1:32" s="26" customFormat="1" ht="13.4" customHeight="1">
      <c r="A49" s="20"/>
      <c r="B49" s="541">
        <v>30</v>
      </c>
      <c r="C49" s="542"/>
      <c r="D49" s="563" t="s">
        <v>2301</v>
      </c>
      <c r="E49" s="564"/>
      <c r="F49" s="564"/>
      <c r="G49" s="564"/>
      <c r="H49" s="564"/>
      <c r="I49" s="564"/>
      <c r="J49" s="564"/>
      <c r="K49" s="564"/>
      <c r="L49" s="564"/>
      <c r="M49" s="564"/>
      <c r="N49" s="564"/>
      <c r="O49" s="564"/>
      <c r="P49" s="564"/>
      <c r="Q49" s="565"/>
      <c r="R49" s="221" t="s">
        <v>2302</v>
      </c>
      <c r="S49" s="546" t="s">
        <v>101</v>
      </c>
      <c r="T49" s="548"/>
      <c r="U49" s="623" t="s">
        <v>102</v>
      </c>
      <c r="V49" s="624"/>
      <c r="W49" s="625"/>
      <c r="X49" s="210">
        <v>2</v>
      </c>
      <c r="Y49" s="210" t="s">
        <v>103</v>
      </c>
      <c r="Z49" s="700"/>
      <c r="AA49" s="700"/>
      <c r="AB49" s="592"/>
      <c r="AC49" s="592"/>
      <c r="AD49" s="592"/>
      <c r="AE49" s="265"/>
      <c r="AF49" s="38"/>
    </row>
    <row r="50" spans="1:32" s="26" customFormat="1" ht="13.4" customHeight="1">
      <c r="A50" s="20"/>
      <c r="B50" s="541">
        <v>31</v>
      </c>
      <c r="C50" s="542"/>
      <c r="D50" s="563" t="s">
        <v>2303</v>
      </c>
      <c r="E50" s="564"/>
      <c r="F50" s="564"/>
      <c r="G50" s="564"/>
      <c r="H50" s="564"/>
      <c r="I50" s="564"/>
      <c r="J50" s="564"/>
      <c r="K50" s="564"/>
      <c r="L50" s="564"/>
      <c r="M50" s="564"/>
      <c r="N50" s="564"/>
      <c r="O50" s="564"/>
      <c r="P50" s="564"/>
      <c r="Q50" s="565"/>
      <c r="R50" s="225" t="s">
        <v>2304</v>
      </c>
      <c r="S50" s="546" t="s">
        <v>101</v>
      </c>
      <c r="T50" s="548"/>
      <c r="U50" s="623" t="s">
        <v>102</v>
      </c>
      <c r="V50" s="624"/>
      <c r="W50" s="625"/>
      <c r="X50" s="210">
        <v>2</v>
      </c>
      <c r="Y50" s="210" t="s">
        <v>103</v>
      </c>
      <c r="Z50" s="700"/>
      <c r="AA50" s="700"/>
      <c r="AB50" s="592"/>
      <c r="AC50" s="592"/>
      <c r="AD50" s="592"/>
      <c r="AE50" s="265"/>
      <c r="AF50" s="38"/>
    </row>
    <row r="51" spans="1:32" s="26" customFormat="1" ht="13.4" customHeight="1">
      <c r="A51" s="20"/>
      <c r="B51" s="541">
        <v>32</v>
      </c>
      <c r="C51" s="542"/>
      <c r="D51" s="563" t="s">
        <v>2305</v>
      </c>
      <c r="E51" s="564"/>
      <c r="F51" s="564"/>
      <c r="G51" s="564"/>
      <c r="H51" s="564"/>
      <c r="I51" s="564"/>
      <c r="J51" s="564"/>
      <c r="K51" s="564"/>
      <c r="L51" s="564"/>
      <c r="M51" s="564"/>
      <c r="N51" s="564"/>
      <c r="O51" s="564"/>
      <c r="P51" s="564"/>
      <c r="Q51" s="565"/>
      <c r="R51" s="225" t="s">
        <v>2306</v>
      </c>
      <c r="S51" s="546" t="s">
        <v>101</v>
      </c>
      <c r="T51" s="548"/>
      <c r="U51" s="623" t="s">
        <v>102</v>
      </c>
      <c r="V51" s="624"/>
      <c r="W51" s="625"/>
      <c r="X51" s="210">
        <v>2</v>
      </c>
      <c r="Y51" s="210" t="s">
        <v>103</v>
      </c>
      <c r="Z51" s="700"/>
      <c r="AA51" s="700"/>
      <c r="AB51" s="592"/>
      <c r="AC51" s="592"/>
      <c r="AD51" s="592"/>
      <c r="AE51" s="265"/>
      <c r="AF51" s="38"/>
    </row>
    <row r="52" spans="1:32" s="54" customFormat="1" ht="30.65" customHeight="1">
      <c r="A52" s="20"/>
      <c r="B52" s="541">
        <v>33</v>
      </c>
      <c r="C52" s="542"/>
      <c r="D52" s="727" t="s">
        <v>968</v>
      </c>
      <c r="E52" s="728"/>
      <c r="F52" s="728"/>
      <c r="G52" s="728"/>
      <c r="H52" s="728"/>
      <c r="I52" s="728"/>
      <c r="J52" s="728"/>
      <c r="K52" s="728"/>
      <c r="L52" s="728"/>
      <c r="M52" s="728"/>
      <c r="N52" s="728"/>
      <c r="O52" s="728"/>
      <c r="P52" s="728"/>
      <c r="Q52" s="729"/>
      <c r="R52" s="225" t="s">
        <v>465</v>
      </c>
      <c r="S52" s="546" t="s">
        <v>107</v>
      </c>
      <c r="T52" s="548"/>
      <c r="U52" s="623" t="s">
        <v>102</v>
      </c>
      <c r="V52" s="624"/>
      <c r="W52" s="625"/>
      <c r="X52" s="210">
        <v>1</v>
      </c>
      <c r="Y52" s="210" t="s">
        <v>103</v>
      </c>
      <c r="Z52" s="700"/>
      <c r="AA52" s="700"/>
      <c r="AB52" s="592"/>
      <c r="AC52" s="592"/>
      <c r="AD52" s="592"/>
      <c r="AE52" s="265"/>
      <c r="AF52" s="38"/>
    </row>
    <row r="53" spans="1:32" s="54" customFormat="1" ht="32.15" customHeight="1">
      <c r="A53" s="20"/>
      <c r="B53" s="541">
        <v>34</v>
      </c>
      <c r="C53" s="542"/>
      <c r="D53" s="727" t="s">
        <v>2307</v>
      </c>
      <c r="E53" s="728"/>
      <c r="F53" s="728"/>
      <c r="G53" s="728"/>
      <c r="H53" s="728"/>
      <c r="I53" s="728"/>
      <c r="J53" s="728"/>
      <c r="K53" s="728"/>
      <c r="L53" s="728"/>
      <c r="M53" s="728"/>
      <c r="N53" s="728"/>
      <c r="O53" s="728"/>
      <c r="P53" s="728"/>
      <c r="Q53" s="729"/>
      <c r="R53" s="229" t="s">
        <v>2308</v>
      </c>
      <c r="S53" s="541" t="s">
        <v>1844</v>
      </c>
      <c r="T53" s="542"/>
      <c r="U53" s="747" t="s">
        <v>102</v>
      </c>
      <c r="V53" s="748"/>
      <c r="W53" s="749"/>
      <c r="X53" s="213">
        <v>300</v>
      </c>
      <c r="Y53" s="213" t="s">
        <v>103</v>
      </c>
      <c r="Z53" s="700"/>
      <c r="AA53" s="700"/>
      <c r="AB53" s="592"/>
      <c r="AC53" s="592"/>
      <c r="AD53" s="592"/>
      <c r="AE53" s="267"/>
      <c r="AF53" s="38"/>
    </row>
    <row r="54" spans="1:32" s="26" customFormat="1" ht="13.4" customHeight="1">
      <c r="A54" s="20"/>
      <c r="B54" s="541">
        <v>35</v>
      </c>
      <c r="C54" s="542"/>
      <c r="D54" s="563" t="s">
        <v>466</v>
      </c>
      <c r="E54" s="564"/>
      <c r="F54" s="564"/>
      <c r="G54" s="564"/>
      <c r="H54" s="564"/>
      <c r="I54" s="564"/>
      <c r="J54" s="564"/>
      <c r="K54" s="564"/>
      <c r="L54" s="564"/>
      <c r="M54" s="564"/>
      <c r="N54" s="564"/>
      <c r="O54" s="564"/>
      <c r="P54" s="564"/>
      <c r="Q54" s="565"/>
      <c r="R54" s="229" t="s">
        <v>467</v>
      </c>
      <c r="S54" s="546" t="s">
        <v>101</v>
      </c>
      <c r="T54" s="548"/>
      <c r="U54" s="623" t="s">
        <v>102</v>
      </c>
      <c r="V54" s="624"/>
      <c r="W54" s="625"/>
      <c r="X54" s="210">
        <v>10</v>
      </c>
      <c r="Y54" s="210" t="s">
        <v>103</v>
      </c>
      <c r="Z54" s="700"/>
      <c r="AA54" s="700"/>
      <c r="AB54" s="592"/>
      <c r="AC54" s="592"/>
      <c r="AD54" s="592"/>
      <c r="AE54" s="267"/>
      <c r="AF54" s="38"/>
    </row>
    <row r="55" spans="1:32" s="26" customFormat="1" ht="13.4" customHeight="1">
      <c r="A55" s="20"/>
      <c r="B55" s="541">
        <v>36</v>
      </c>
      <c r="C55" s="542"/>
      <c r="D55" s="563" t="s">
        <v>472</v>
      </c>
      <c r="E55" s="564"/>
      <c r="F55" s="564"/>
      <c r="G55" s="564"/>
      <c r="H55" s="564"/>
      <c r="I55" s="564"/>
      <c r="J55" s="564"/>
      <c r="K55" s="564"/>
      <c r="L55" s="564"/>
      <c r="M55" s="564"/>
      <c r="N55" s="564"/>
      <c r="O55" s="564"/>
      <c r="P55" s="564"/>
      <c r="Q55" s="565"/>
      <c r="R55" s="229" t="s">
        <v>473</v>
      </c>
      <c r="S55" s="546" t="s">
        <v>107</v>
      </c>
      <c r="T55" s="548"/>
      <c r="U55" s="623" t="s">
        <v>108</v>
      </c>
      <c r="V55" s="624"/>
      <c r="W55" s="625"/>
      <c r="X55" s="210">
        <v>2</v>
      </c>
      <c r="Y55" s="210">
        <v>0</v>
      </c>
      <c r="Z55" s="700"/>
      <c r="AA55" s="700"/>
      <c r="AB55" s="592"/>
      <c r="AC55" s="592"/>
      <c r="AD55" s="592"/>
      <c r="AE55" s="265"/>
      <c r="AF55" s="38"/>
    </row>
    <row r="56" spans="1:32" s="54" customFormat="1" ht="13.4" customHeight="1">
      <c r="A56" s="20"/>
      <c r="B56" s="676">
        <v>37</v>
      </c>
      <c r="C56" s="677"/>
      <c r="D56" s="694" t="s">
        <v>2383</v>
      </c>
      <c r="E56" s="695"/>
      <c r="F56" s="695"/>
      <c r="G56" s="695"/>
      <c r="H56" s="695"/>
      <c r="I56" s="695"/>
      <c r="J56" s="695"/>
      <c r="K56" s="695"/>
      <c r="L56" s="695"/>
      <c r="M56" s="695"/>
      <c r="N56" s="695"/>
      <c r="O56" s="695"/>
      <c r="P56" s="695"/>
      <c r="Q56" s="696"/>
      <c r="R56" s="261" t="s">
        <v>477</v>
      </c>
      <c r="S56" s="681" t="s">
        <v>107</v>
      </c>
      <c r="T56" s="683"/>
      <c r="U56" s="724" t="s">
        <v>102</v>
      </c>
      <c r="V56" s="725"/>
      <c r="W56" s="726"/>
      <c r="X56" s="269">
        <v>2</v>
      </c>
      <c r="Y56" s="269" t="s">
        <v>103</v>
      </c>
      <c r="Z56" s="730" t="s">
        <v>109</v>
      </c>
      <c r="AA56" s="730"/>
      <c r="AB56" s="717"/>
      <c r="AC56" s="717"/>
      <c r="AD56" s="717"/>
      <c r="AE56" s="321" t="s">
        <v>391</v>
      </c>
      <c r="AF56" s="38"/>
    </row>
    <row r="57" spans="1:32" s="26" customFormat="1" ht="13.4" customHeight="1">
      <c r="A57" s="20"/>
      <c r="B57" s="676">
        <v>38</v>
      </c>
      <c r="C57" s="677"/>
      <c r="D57" s="694" t="s">
        <v>2310</v>
      </c>
      <c r="E57" s="695"/>
      <c r="F57" s="695"/>
      <c r="G57" s="695"/>
      <c r="H57" s="695"/>
      <c r="I57" s="695"/>
      <c r="J57" s="695"/>
      <c r="K57" s="695"/>
      <c r="L57" s="695"/>
      <c r="M57" s="695"/>
      <c r="N57" s="695"/>
      <c r="O57" s="695"/>
      <c r="P57" s="695"/>
      <c r="Q57" s="696"/>
      <c r="R57" s="261" t="s">
        <v>2311</v>
      </c>
      <c r="S57" s="681" t="s">
        <v>1844</v>
      </c>
      <c r="T57" s="683"/>
      <c r="U57" s="724" t="s">
        <v>102</v>
      </c>
      <c r="V57" s="725"/>
      <c r="W57" s="726"/>
      <c r="X57" s="269">
        <v>40</v>
      </c>
      <c r="Y57" s="269" t="s">
        <v>103</v>
      </c>
      <c r="Z57" s="730" t="s">
        <v>109</v>
      </c>
      <c r="AA57" s="730"/>
      <c r="AB57" s="717"/>
      <c r="AC57" s="717"/>
      <c r="AD57" s="717"/>
      <c r="AE57" s="321" t="s">
        <v>391</v>
      </c>
      <c r="AF57" s="38"/>
    </row>
    <row r="58" spans="1:32" s="26" customFormat="1" ht="13.4" customHeight="1">
      <c r="A58" s="20"/>
      <c r="B58" s="541">
        <v>39</v>
      </c>
      <c r="C58" s="542"/>
      <c r="D58" s="563" t="s">
        <v>970</v>
      </c>
      <c r="E58" s="564"/>
      <c r="F58" s="564"/>
      <c r="G58" s="564"/>
      <c r="H58" s="564"/>
      <c r="I58" s="564"/>
      <c r="J58" s="564"/>
      <c r="K58" s="564"/>
      <c r="L58" s="564"/>
      <c r="M58" s="564"/>
      <c r="N58" s="564"/>
      <c r="O58" s="564"/>
      <c r="P58" s="564"/>
      <c r="Q58" s="565"/>
      <c r="R58" s="221" t="s">
        <v>971</v>
      </c>
      <c r="S58" s="546" t="s">
        <v>107</v>
      </c>
      <c r="T58" s="548"/>
      <c r="U58" s="623" t="s">
        <v>102</v>
      </c>
      <c r="V58" s="624"/>
      <c r="W58" s="625"/>
      <c r="X58" s="210">
        <v>1</v>
      </c>
      <c r="Y58" s="210" t="s">
        <v>103</v>
      </c>
      <c r="Z58" s="700"/>
      <c r="AA58" s="700"/>
      <c r="AB58" s="592"/>
      <c r="AC58" s="592"/>
      <c r="AD58" s="592"/>
      <c r="AE58" s="265"/>
      <c r="AF58" s="38"/>
    </row>
    <row r="59" spans="1:32" s="26" customFormat="1" ht="13.4" customHeight="1">
      <c r="A59" s="20"/>
      <c r="B59" s="541">
        <v>40</v>
      </c>
      <c r="C59" s="542"/>
      <c r="D59" s="563" t="s">
        <v>2384</v>
      </c>
      <c r="E59" s="564"/>
      <c r="F59" s="564"/>
      <c r="G59" s="564"/>
      <c r="H59" s="564"/>
      <c r="I59" s="564"/>
      <c r="J59" s="564"/>
      <c r="K59" s="564"/>
      <c r="L59" s="564"/>
      <c r="M59" s="564"/>
      <c r="N59" s="564"/>
      <c r="O59" s="564"/>
      <c r="P59" s="564"/>
      <c r="Q59" s="565"/>
      <c r="R59" s="221" t="s">
        <v>2385</v>
      </c>
      <c r="S59" s="541" t="s">
        <v>1844</v>
      </c>
      <c r="T59" s="542"/>
      <c r="U59" s="747" t="s">
        <v>102</v>
      </c>
      <c r="V59" s="748"/>
      <c r="W59" s="749"/>
      <c r="X59" s="213">
        <v>20</v>
      </c>
      <c r="Y59" s="213" t="s">
        <v>103</v>
      </c>
      <c r="Z59" s="700"/>
      <c r="AA59" s="700"/>
      <c r="AB59" s="592"/>
      <c r="AC59" s="592"/>
      <c r="AD59" s="592"/>
      <c r="AE59" s="265"/>
      <c r="AF59" s="38"/>
    </row>
    <row r="60" spans="1:32" s="26" customFormat="1" ht="13.4" customHeight="1">
      <c r="A60" s="20"/>
      <c r="B60" s="541">
        <v>41</v>
      </c>
      <c r="C60" s="542"/>
      <c r="D60" s="563" t="s">
        <v>972</v>
      </c>
      <c r="E60" s="564"/>
      <c r="F60" s="564"/>
      <c r="G60" s="564"/>
      <c r="H60" s="564"/>
      <c r="I60" s="564"/>
      <c r="J60" s="564"/>
      <c r="K60" s="564"/>
      <c r="L60" s="564"/>
      <c r="M60" s="564"/>
      <c r="N60" s="564"/>
      <c r="O60" s="564"/>
      <c r="P60" s="564"/>
      <c r="Q60" s="565"/>
      <c r="R60" s="221" t="s">
        <v>973</v>
      </c>
      <c r="S60" s="546" t="s">
        <v>107</v>
      </c>
      <c r="T60" s="548"/>
      <c r="U60" s="623" t="s">
        <v>108</v>
      </c>
      <c r="V60" s="624"/>
      <c r="W60" s="625"/>
      <c r="X60" s="210">
        <v>2</v>
      </c>
      <c r="Y60" s="210">
        <v>0</v>
      </c>
      <c r="Z60" s="700"/>
      <c r="AA60" s="700"/>
      <c r="AB60" s="592"/>
      <c r="AC60" s="592"/>
      <c r="AD60" s="592"/>
      <c r="AE60" s="265"/>
      <c r="AF60" s="38"/>
    </row>
    <row r="61" spans="1:32" s="54" customFormat="1" ht="13.4" customHeight="1">
      <c r="A61" s="20"/>
      <c r="B61" s="676">
        <v>42</v>
      </c>
      <c r="C61" s="677"/>
      <c r="D61" s="694" t="s">
        <v>478</v>
      </c>
      <c r="E61" s="695"/>
      <c r="F61" s="695"/>
      <c r="G61" s="695"/>
      <c r="H61" s="695"/>
      <c r="I61" s="695"/>
      <c r="J61" s="695"/>
      <c r="K61" s="695"/>
      <c r="L61" s="695"/>
      <c r="M61" s="695"/>
      <c r="N61" s="695"/>
      <c r="O61" s="695"/>
      <c r="P61" s="695"/>
      <c r="Q61" s="696"/>
      <c r="R61" s="261" t="s">
        <v>479</v>
      </c>
      <c r="S61" s="681" t="s">
        <v>107</v>
      </c>
      <c r="T61" s="683"/>
      <c r="U61" s="724" t="s">
        <v>102</v>
      </c>
      <c r="V61" s="725"/>
      <c r="W61" s="726"/>
      <c r="X61" s="269">
        <v>30</v>
      </c>
      <c r="Y61" s="269" t="s">
        <v>103</v>
      </c>
      <c r="Z61" s="730" t="s">
        <v>109</v>
      </c>
      <c r="AA61" s="730"/>
      <c r="AB61" s="717"/>
      <c r="AC61" s="717"/>
      <c r="AD61" s="717"/>
      <c r="AE61" s="321" t="s">
        <v>391</v>
      </c>
      <c r="AF61" s="38"/>
    </row>
    <row r="62" spans="1:32" s="26" customFormat="1" ht="13.4" customHeight="1">
      <c r="A62" s="20"/>
      <c r="B62" s="676">
        <v>43</v>
      </c>
      <c r="C62" s="677"/>
      <c r="D62" s="694" t="s">
        <v>2312</v>
      </c>
      <c r="E62" s="695"/>
      <c r="F62" s="695"/>
      <c r="G62" s="695"/>
      <c r="H62" s="695"/>
      <c r="I62" s="695"/>
      <c r="J62" s="695"/>
      <c r="K62" s="695"/>
      <c r="L62" s="695"/>
      <c r="M62" s="695"/>
      <c r="N62" s="695"/>
      <c r="O62" s="695"/>
      <c r="P62" s="695"/>
      <c r="Q62" s="696"/>
      <c r="R62" s="261" t="s">
        <v>482</v>
      </c>
      <c r="S62" s="681" t="s">
        <v>107</v>
      </c>
      <c r="T62" s="683"/>
      <c r="U62" s="724" t="s">
        <v>102</v>
      </c>
      <c r="V62" s="725"/>
      <c r="W62" s="726"/>
      <c r="X62" s="269">
        <v>5</v>
      </c>
      <c r="Y62" s="269" t="s">
        <v>103</v>
      </c>
      <c r="Z62" s="730" t="s">
        <v>109</v>
      </c>
      <c r="AA62" s="730"/>
      <c r="AB62" s="717"/>
      <c r="AC62" s="717"/>
      <c r="AD62" s="717"/>
      <c r="AE62" s="321" t="s">
        <v>391</v>
      </c>
      <c r="AF62" s="38"/>
    </row>
    <row r="63" spans="1:32" s="26" customFormat="1" ht="13.5" customHeight="1">
      <c r="A63" s="20"/>
      <c r="B63" s="676">
        <v>44</v>
      </c>
      <c r="C63" s="677"/>
      <c r="D63" s="694" t="s">
        <v>483</v>
      </c>
      <c r="E63" s="695"/>
      <c r="F63" s="695"/>
      <c r="G63" s="695"/>
      <c r="H63" s="695"/>
      <c r="I63" s="695"/>
      <c r="J63" s="695"/>
      <c r="K63" s="695"/>
      <c r="L63" s="695"/>
      <c r="M63" s="695"/>
      <c r="N63" s="695"/>
      <c r="O63" s="695"/>
      <c r="P63" s="695"/>
      <c r="Q63" s="696"/>
      <c r="R63" s="261" t="s">
        <v>484</v>
      </c>
      <c r="S63" s="681" t="s">
        <v>1844</v>
      </c>
      <c r="T63" s="683"/>
      <c r="U63" s="724" t="s">
        <v>102</v>
      </c>
      <c r="V63" s="725"/>
      <c r="W63" s="726"/>
      <c r="X63" s="269">
        <v>40</v>
      </c>
      <c r="Y63" s="269" t="s">
        <v>103</v>
      </c>
      <c r="Z63" s="730" t="s">
        <v>109</v>
      </c>
      <c r="AA63" s="730"/>
      <c r="AB63" s="717"/>
      <c r="AC63" s="717"/>
      <c r="AD63" s="717"/>
      <c r="AE63" s="321" t="s">
        <v>399</v>
      </c>
      <c r="AF63" s="38"/>
    </row>
    <row r="64" spans="1:32" s="54" customFormat="1" ht="13.4" customHeight="1">
      <c r="A64" s="20"/>
      <c r="B64" s="541">
        <v>45</v>
      </c>
      <c r="C64" s="542"/>
      <c r="D64" s="563" t="s">
        <v>2313</v>
      </c>
      <c r="E64" s="564"/>
      <c r="F64" s="564"/>
      <c r="G64" s="564"/>
      <c r="H64" s="564"/>
      <c r="I64" s="564"/>
      <c r="J64" s="564"/>
      <c r="K64" s="564"/>
      <c r="L64" s="564"/>
      <c r="M64" s="564"/>
      <c r="N64" s="564"/>
      <c r="O64" s="564"/>
      <c r="P64" s="564"/>
      <c r="Q64" s="565"/>
      <c r="R64" s="221" t="s">
        <v>487</v>
      </c>
      <c r="S64" s="546" t="s">
        <v>107</v>
      </c>
      <c r="T64" s="548"/>
      <c r="U64" s="623" t="s">
        <v>102</v>
      </c>
      <c r="V64" s="624"/>
      <c r="W64" s="625"/>
      <c r="X64" s="210">
        <v>2</v>
      </c>
      <c r="Y64" s="210" t="s">
        <v>103</v>
      </c>
      <c r="Z64" s="700"/>
      <c r="AA64" s="700"/>
      <c r="AB64" s="592"/>
      <c r="AC64" s="592"/>
      <c r="AD64" s="592"/>
      <c r="AE64" s="265"/>
      <c r="AF64" s="38"/>
    </row>
    <row r="65" spans="1:32" s="26" customFormat="1" ht="13.4" customHeight="1">
      <c r="A65" s="20"/>
      <c r="B65" s="541">
        <v>46</v>
      </c>
      <c r="C65" s="542"/>
      <c r="D65" s="563" t="s">
        <v>2314</v>
      </c>
      <c r="E65" s="564"/>
      <c r="F65" s="564"/>
      <c r="G65" s="564"/>
      <c r="H65" s="564"/>
      <c r="I65" s="564"/>
      <c r="J65" s="564"/>
      <c r="K65" s="564"/>
      <c r="L65" s="564"/>
      <c r="M65" s="564"/>
      <c r="N65" s="564"/>
      <c r="O65" s="564"/>
      <c r="P65" s="564"/>
      <c r="Q65" s="565"/>
      <c r="R65" s="221" t="s">
        <v>2315</v>
      </c>
      <c r="S65" s="541" t="s">
        <v>1844</v>
      </c>
      <c r="T65" s="542"/>
      <c r="U65" s="747" t="s">
        <v>102</v>
      </c>
      <c r="V65" s="748"/>
      <c r="W65" s="749"/>
      <c r="X65" s="213">
        <v>40</v>
      </c>
      <c r="Y65" s="213" t="s">
        <v>103</v>
      </c>
      <c r="Z65" s="700"/>
      <c r="AA65" s="700"/>
      <c r="AB65" s="592"/>
      <c r="AC65" s="592"/>
      <c r="AD65" s="592"/>
      <c r="AE65" s="267"/>
      <c r="AF65" s="38"/>
    </row>
    <row r="66" spans="1:32" s="26" customFormat="1" ht="13.4" customHeight="1">
      <c r="A66" s="20"/>
      <c r="B66" s="541">
        <v>47</v>
      </c>
      <c r="C66" s="542"/>
      <c r="D66" s="563" t="s">
        <v>2316</v>
      </c>
      <c r="E66" s="564"/>
      <c r="F66" s="564"/>
      <c r="G66" s="564"/>
      <c r="H66" s="564"/>
      <c r="I66" s="564"/>
      <c r="J66" s="564"/>
      <c r="K66" s="564"/>
      <c r="L66" s="564"/>
      <c r="M66" s="564"/>
      <c r="N66" s="564"/>
      <c r="O66" s="564"/>
      <c r="P66" s="564"/>
      <c r="Q66" s="565"/>
      <c r="R66" s="221" t="s">
        <v>489</v>
      </c>
      <c r="S66" s="546" t="s">
        <v>107</v>
      </c>
      <c r="T66" s="548"/>
      <c r="U66" s="623" t="s">
        <v>102</v>
      </c>
      <c r="V66" s="624"/>
      <c r="W66" s="625"/>
      <c r="X66" s="210">
        <v>3</v>
      </c>
      <c r="Y66" s="210" t="s">
        <v>103</v>
      </c>
      <c r="Z66" s="700"/>
      <c r="AA66" s="700"/>
      <c r="AB66" s="592"/>
      <c r="AC66" s="592"/>
      <c r="AD66" s="592"/>
      <c r="AE66" s="265"/>
      <c r="AF66" s="38"/>
    </row>
    <row r="67" spans="1:32" s="26" customFormat="1" ht="13.4" customHeight="1">
      <c r="A67" s="20"/>
      <c r="B67" s="541">
        <v>48</v>
      </c>
      <c r="C67" s="542"/>
      <c r="D67" s="563" t="s">
        <v>2317</v>
      </c>
      <c r="E67" s="564"/>
      <c r="F67" s="564"/>
      <c r="G67" s="564"/>
      <c r="H67" s="564"/>
      <c r="I67" s="564"/>
      <c r="J67" s="564"/>
      <c r="K67" s="564"/>
      <c r="L67" s="564"/>
      <c r="M67" s="564"/>
      <c r="N67" s="564"/>
      <c r="O67" s="564"/>
      <c r="P67" s="564"/>
      <c r="Q67" s="565"/>
      <c r="R67" s="221" t="s">
        <v>2318</v>
      </c>
      <c r="S67" s="541" t="s">
        <v>1844</v>
      </c>
      <c r="T67" s="542"/>
      <c r="U67" s="747" t="s">
        <v>102</v>
      </c>
      <c r="V67" s="748"/>
      <c r="W67" s="749"/>
      <c r="X67" s="213">
        <v>8</v>
      </c>
      <c r="Y67" s="213" t="s">
        <v>103</v>
      </c>
      <c r="Z67" s="700"/>
      <c r="AA67" s="700"/>
      <c r="AB67" s="592"/>
      <c r="AC67" s="592"/>
      <c r="AD67" s="592"/>
      <c r="AE67" s="265"/>
      <c r="AF67" s="38"/>
    </row>
    <row r="68" spans="1:32" s="26" customFormat="1" ht="13.4" customHeight="1">
      <c r="A68" s="20"/>
      <c r="B68" s="541">
        <v>49</v>
      </c>
      <c r="C68" s="542"/>
      <c r="D68" s="563" t="s">
        <v>2319</v>
      </c>
      <c r="E68" s="564"/>
      <c r="F68" s="564"/>
      <c r="G68" s="564"/>
      <c r="H68" s="564"/>
      <c r="I68" s="564"/>
      <c r="J68" s="564"/>
      <c r="K68" s="564"/>
      <c r="L68" s="564"/>
      <c r="M68" s="564"/>
      <c r="N68" s="564"/>
      <c r="O68" s="564"/>
      <c r="P68" s="564"/>
      <c r="Q68" s="565"/>
      <c r="R68" s="221" t="s">
        <v>491</v>
      </c>
      <c r="S68" s="546" t="s">
        <v>107</v>
      </c>
      <c r="T68" s="548"/>
      <c r="U68" s="623" t="s">
        <v>102</v>
      </c>
      <c r="V68" s="624"/>
      <c r="W68" s="625"/>
      <c r="X68" s="210">
        <v>3</v>
      </c>
      <c r="Y68" s="210" t="s">
        <v>103</v>
      </c>
      <c r="Z68" s="700"/>
      <c r="AA68" s="700"/>
      <c r="AB68" s="592"/>
      <c r="AC68" s="592"/>
      <c r="AD68" s="592"/>
      <c r="AE68" s="265"/>
      <c r="AF68" s="38"/>
    </row>
    <row r="69" spans="1:32" s="26" customFormat="1" ht="13.4" customHeight="1">
      <c r="A69" s="20"/>
      <c r="B69" s="541">
        <v>50</v>
      </c>
      <c r="C69" s="542"/>
      <c r="D69" s="563" t="s">
        <v>2320</v>
      </c>
      <c r="E69" s="564"/>
      <c r="F69" s="564"/>
      <c r="G69" s="564"/>
      <c r="H69" s="564"/>
      <c r="I69" s="564"/>
      <c r="J69" s="564"/>
      <c r="K69" s="564"/>
      <c r="L69" s="564"/>
      <c r="M69" s="564"/>
      <c r="N69" s="564"/>
      <c r="O69" s="564"/>
      <c r="P69" s="564"/>
      <c r="Q69" s="565"/>
      <c r="R69" s="221" t="s">
        <v>2321</v>
      </c>
      <c r="S69" s="541" t="s">
        <v>1844</v>
      </c>
      <c r="T69" s="542"/>
      <c r="U69" s="747" t="s">
        <v>102</v>
      </c>
      <c r="V69" s="748"/>
      <c r="W69" s="749"/>
      <c r="X69" s="213">
        <v>10</v>
      </c>
      <c r="Y69" s="213" t="s">
        <v>103</v>
      </c>
      <c r="Z69" s="700"/>
      <c r="AA69" s="700"/>
      <c r="AB69" s="592"/>
      <c r="AC69" s="592"/>
      <c r="AD69" s="592"/>
      <c r="AE69" s="265"/>
      <c r="AF69" s="38"/>
    </row>
    <row r="70" spans="1:32" s="26" customFormat="1" ht="13.4" customHeight="1">
      <c r="A70" s="20"/>
      <c r="B70" s="541">
        <v>51</v>
      </c>
      <c r="C70" s="542"/>
      <c r="D70" s="563" t="s">
        <v>2322</v>
      </c>
      <c r="E70" s="564"/>
      <c r="F70" s="564"/>
      <c r="G70" s="564"/>
      <c r="H70" s="564"/>
      <c r="I70" s="564"/>
      <c r="J70" s="564"/>
      <c r="K70" s="564"/>
      <c r="L70" s="564"/>
      <c r="M70" s="564"/>
      <c r="N70" s="564"/>
      <c r="O70" s="564"/>
      <c r="P70" s="564"/>
      <c r="Q70" s="565"/>
      <c r="R70" s="221" t="s">
        <v>493</v>
      </c>
      <c r="S70" s="546" t="s">
        <v>107</v>
      </c>
      <c r="T70" s="548"/>
      <c r="U70" s="623" t="s">
        <v>102</v>
      </c>
      <c r="V70" s="624"/>
      <c r="W70" s="625"/>
      <c r="X70" s="210">
        <v>3</v>
      </c>
      <c r="Y70" s="210" t="s">
        <v>103</v>
      </c>
      <c r="Z70" s="700"/>
      <c r="AA70" s="700"/>
      <c r="AB70" s="592"/>
      <c r="AC70" s="592"/>
      <c r="AD70" s="592"/>
      <c r="AE70" s="265"/>
      <c r="AF70" s="38"/>
    </row>
    <row r="71" spans="1:32" s="54" customFormat="1" ht="13.4" customHeight="1">
      <c r="A71" s="20"/>
      <c r="B71" s="541">
        <v>52</v>
      </c>
      <c r="C71" s="542"/>
      <c r="D71" s="563" t="s">
        <v>2323</v>
      </c>
      <c r="E71" s="564"/>
      <c r="F71" s="564"/>
      <c r="G71" s="564"/>
      <c r="H71" s="564"/>
      <c r="I71" s="564"/>
      <c r="J71" s="564"/>
      <c r="K71" s="564"/>
      <c r="L71" s="564"/>
      <c r="M71" s="564"/>
      <c r="N71" s="564"/>
      <c r="O71" s="564"/>
      <c r="P71" s="564"/>
      <c r="Q71" s="565"/>
      <c r="R71" s="221" t="s">
        <v>2324</v>
      </c>
      <c r="S71" s="541" t="s">
        <v>1844</v>
      </c>
      <c r="T71" s="542"/>
      <c r="U71" s="747" t="s">
        <v>102</v>
      </c>
      <c r="V71" s="748"/>
      <c r="W71" s="749"/>
      <c r="X71" s="213">
        <v>16</v>
      </c>
      <c r="Y71" s="213" t="s">
        <v>103</v>
      </c>
      <c r="Z71" s="700"/>
      <c r="AA71" s="700"/>
      <c r="AB71" s="592"/>
      <c r="AC71" s="592"/>
      <c r="AD71" s="592"/>
      <c r="AE71" s="265"/>
      <c r="AF71" s="38"/>
    </row>
    <row r="72" spans="1:32" s="54" customFormat="1" ht="13.4" customHeight="1">
      <c r="A72" s="20"/>
      <c r="B72" s="541">
        <v>53</v>
      </c>
      <c r="C72" s="542"/>
      <c r="D72" s="563" t="s">
        <v>2325</v>
      </c>
      <c r="E72" s="564"/>
      <c r="F72" s="564"/>
      <c r="G72" s="564"/>
      <c r="H72" s="564"/>
      <c r="I72" s="564"/>
      <c r="J72" s="564"/>
      <c r="K72" s="564"/>
      <c r="L72" s="564"/>
      <c r="M72" s="564"/>
      <c r="N72" s="564"/>
      <c r="O72" s="564"/>
      <c r="P72" s="564"/>
      <c r="Q72" s="565"/>
      <c r="R72" s="221" t="s">
        <v>495</v>
      </c>
      <c r="S72" s="546" t="s">
        <v>107</v>
      </c>
      <c r="T72" s="548"/>
      <c r="U72" s="623" t="s">
        <v>102</v>
      </c>
      <c r="V72" s="624"/>
      <c r="W72" s="625"/>
      <c r="X72" s="210">
        <v>3</v>
      </c>
      <c r="Y72" s="210" t="s">
        <v>103</v>
      </c>
      <c r="Z72" s="700"/>
      <c r="AA72" s="700"/>
      <c r="AB72" s="592"/>
      <c r="AC72" s="592"/>
      <c r="AD72" s="592"/>
      <c r="AE72" s="267"/>
      <c r="AF72" s="38"/>
    </row>
    <row r="73" spans="1:32" s="26" customFormat="1" ht="13.4" customHeight="1">
      <c r="A73" s="20"/>
      <c r="B73" s="541">
        <v>54</v>
      </c>
      <c r="C73" s="542"/>
      <c r="D73" s="563" t="s">
        <v>2326</v>
      </c>
      <c r="E73" s="564"/>
      <c r="F73" s="564"/>
      <c r="G73" s="564"/>
      <c r="H73" s="564"/>
      <c r="I73" s="564"/>
      <c r="J73" s="564"/>
      <c r="K73" s="564"/>
      <c r="L73" s="564"/>
      <c r="M73" s="564"/>
      <c r="N73" s="564"/>
      <c r="O73" s="564"/>
      <c r="P73" s="564"/>
      <c r="Q73" s="565"/>
      <c r="R73" s="221" t="s">
        <v>2327</v>
      </c>
      <c r="S73" s="541" t="s">
        <v>1844</v>
      </c>
      <c r="T73" s="542"/>
      <c r="U73" s="747" t="s">
        <v>102</v>
      </c>
      <c r="V73" s="748"/>
      <c r="W73" s="749"/>
      <c r="X73" s="213">
        <v>14</v>
      </c>
      <c r="Y73" s="213" t="s">
        <v>103</v>
      </c>
      <c r="Z73" s="700"/>
      <c r="AA73" s="700"/>
      <c r="AB73" s="592"/>
      <c r="AC73" s="592"/>
      <c r="AD73" s="592"/>
      <c r="AE73" s="267"/>
      <c r="AF73" s="38"/>
    </row>
    <row r="74" spans="1:32" s="26" customFormat="1" ht="13.4" customHeight="1">
      <c r="A74" s="20"/>
      <c r="B74" s="541">
        <v>55</v>
      </c>
      <c r="C74" s="542"/>
      <c r="D74" s="563" t="s">
        <v>418</v>
      </c>
      <c r="E74" s="564"/>
      <c r="F74" s="564"/>
      <c r="G74" s="564"/>
      <c r="H74" s="564"/>
      <c r="I74" s="564"/>
      <c r="J74" s="564"/>
      <c r="K74" s="564"/>
      <c r="L74" s="564"/>
      <c r="M74" s="564"/>
      <c r="N74" s="564"/>
      <c r="O74" s="564"/>
      <c r="P74" s="564"/>
      <c r="Q74" s="565"/>
      <c r="R74" s="221" t="s">
        <v>963</v>
      </c>
      <c r="S74" s="546" t="s">
        <v>107</v>
      </c>
      <c r="T74" s="548"/>
      <c r="U74" s="623" t="s">
        <v>102</v>
      </c>
      <c r="V74" s="624"/>
      <c r="W74" s="625"/>
      <c r="X74" s="210">
        <v>1</v>
      </c>
      <c r="Y74" s="210" t="s">
        <v>103</v>
      </c>
      <c r="Z74" s="700"/>
      <c r="AA74" s="700"/>
      <c r="AB74" s="592"/>
      <c r="AC74" s="592"/>
      <c r="AD74" s="592"/>
      <c r="AE74" s="265"/>
      <c r="AF74" s="38"/>
    </row>
    <row r="75" spans="1:32" s="54" customFormat="1" ht="13.4" customHeight="1">
      <c r="A75" s="20"/>
      <c r="B75" s="541">
        <v>56</v>
      </c>
      <c r="C75" s="542"/>
      <c r="D75" s="563" t="s">
        <v>420</v>
      </c>
      <c r="E75" s="564"/>
      <c r="F75" s="564"/>
      <c r="G75" s="564"/>
      <c r="H75" s="564"/>
      <c r="I75" s="564"/>
      <c r="J75" s="564"/>
      <c r="K75" s="564"/>
      <c r="L75" s="564"/>
      <c r="M75" s="564"/>
      <c r="N75" s="564"/>
      <c r="O75" s="564"/>
      <c r="P75" s="564"/>
      <c r="Q75" s="565"/>
      <c r="R75" s="221" t="s">
        <v>746</v>
      </c>
      <c r="S75" s="546" t="s">
        <v>107</v>
      </c>
      <c r="T75" s="548"/>
      <c r="U75" s="623" t="s">
        <v>102</v>
      </c>
      <c r="V75" s="624"/>
      <c r="W75" s="625"/>
      <c r="X75" s="210">
        <v>2</v>
      </c>
      <c r="Y75" s="210" t="s">
        <v>103</v>
      </c>
      <c r="Z75" s="700"/>
      <c r="AA75" s="700"/>
      <c r="AB75" s="592"/>
      <c r="AC75" s="592"/>
      <c r="AD75" s="592"/>
      <c r="AE75" s="265"/>
      <c r="AF75" s="38"/>
    </row>
    <row r="76" spans="1:32" s="26" customFormat="1" ht="13.4" customHeight="1">
      <c r="A76" s="20"/>
      <c r="B76" s="541">
        <v>57</v>
      </c>
      <c r="C76" s="542"/>
      <c r="D76" s="563" t="s">
        <v>2358</v>
      </c>
      <c r="E76" s="564"/>
      <c r="F76" s="564"/>
      <c r="G76" s="564"/>
      <c r="H76" s="564"/>
      <c r="I76" s="564"/>
      <c r="J76" s="564"/>
      <c r="K76" s="564"/>
      <c r="L76" s="564"/>
      <c r="M76" s="564"/>
      <c r="N76" s="564"/>
      <c r="O76" s="564"/>
      <c r="P76" s="564"/>
      <c r="Q76" s="565"/>
      <c r="R76" s="221" t="s">
        <v>2359</v>
      </c>
      <c r="S76" s="546" t="s">
        <v>1844</v>
      </c>
      <c r="T76" s="548"/>
      <c r="U76" s="623" t="s">
        <v>102</v>
      </c>
      <c r="V76" s="624"/>
      <c r="W76" s="625"/>
      <c r="X76" s="210">
        <v>4</v>
      </c>
      <c r="Y76" s="210" t="s">
        <v>103</v>
      </c>
      <c r="Z76" s="700"/>
      <c r="AA76" s="700"/>
      <c r="AB76" s="592"/>
      <c r="AC76" s="592"/>
      <c r="AD76" s="592"/>
      <c r="AE76" s="267"/>
      <c r="AF76" s="38"/>
    </row>
    <row r="77" spans="1:32" s="26" customFormat="1" ht="13.4" customHeight="1">
      <c r="A77" s="20"/>
      <c r="B77" s="541">
        <v>58</v>
      </c>
      <c r="C77" s="542"/>
      <c r="D77" s="563" t="s">
        <v>2360</v>
      </c>
      <c r="E77" s="564"/>
      <c r="F77" s="564"/>
      <c r="G77" s="564"/>
      <c r="H77" s="564"/>
      <c r="I77" s="564"/>
      <c r="J77" s="564"/>
      <c r="K77" s="564"/>
      <c r="L77" s="564"/>
      <c r="M77" s="564"/>
      <c r="N77" s="564"/>
      <c r="O77" s="564"/>
      <c r="P77" s="564"/>
      <c r="Q77" s="565"/>
      <c r="R77" s="229" t="s">
        <v>2361</v>
      </c>
      <c r="S77" s="546" t="s">
        <v>107</v>
      </c>
      <c r="T77" s="548"/>
      <c r="U77" s="623" t="s">
        <v>2362</v>
      </c>
      <c r="V77" s="624"/>
      <c r="W77" s="625"/>
      <c r="X77" s="210">
        <v>10</v>
      </c>
      <c r="Y77" s="210">
        <v>0</v>
      </c>
      <c r="Z77" s="700"/>
      <c r="AA77" s="700"/>
      <c r="AB77" s="592"/>
      <c r="AC77" s="592"/>
      <c r="AD77" s="592"/>
      <c r="AE77" s="265"/>
      <c r="AF77" s="38"/>
    </row>
    <row r="78" spans="1:32" s="26" customFormat="1" ht="13.4" customHeight="1">
      <c r="A78" s="20"/>
      <c r="B78" s="541">
        <v>59</v>
      </c>
      <c r="C78" s="542"/>
      <c r="D78" s="563" t="s">
        <v>422</v>
      </c>
      <c r="E78" s="564"/>
      <c r="F78" s="564"/>
      <c r="G78" s="564"/>
      <c r="H78" s="564"/>
      <c r="I78" s="564"/>
      <c r="J78" s="564"/>
      <c r="K78" s="564"/>
      <c r="L78" s="564"/>
      <c r="M78" s="564"/>
      <c r="N78" s="564"/>
      <c r="O78" s="564"/>
      <c r="P78" s="564"/>
      <c r="Q78" s="565"/>
      <c r="R78" s="229" t="s">
        <v>747</v>
      </c>
      <c r="S78" s="546" t="s">
        <v>107</v>
      </c>
      <c r="T78" s="548"/>
      <c r="U78" s="623" t="s">
        <v>102</v>
      </c>
      <c r="V78" s="624"/>
      <c r="W78" s="625"/>
      <c r="X78" s="210">
        <v>1</v>
      </c>
      <c r="Y78" s="210" t="s">
        <v>103</v>
      </c>
      <c r="Z78" s="700"/>
      <c r="AA78" s="700"/>
      <c r="AB78" s="592"/>
      <c r="AC78" s="592"/>
      <c r="AD78" s="592"/>
      <c r="AE78" s="265"/>
      <c r="AF78" s="38"/>
    </row>
    <row r="79" spans="1:32" s="54" customFormat="1" ht="13.4" customHeight="1">
      <c r="A79" s="20"/>
      <c r="B79" s="541">
        <v>60</v>
      </c>
      <c r="C79" s="542"/>
      <c r="D79" s="563" t="s">
        <v>2363</v>
      </c>
      <c r="E79" s="564"/>
      <c r="F79" s="564"/>
      <c r="G79" s="564"/>
      <c r="H79" s="564"/>
      <c r="I79" s="564"/>
      <c r="J79" s="564"/>
      <c r="K79" s="564"/>
      <c r="L79" s="564"/>
      <c r="M79" s="564"/>
      <c r="N79" s="564"/>
      <c r="O79" s="564"/>
      <c r="P79" s="564"/>
      <c r="Q79" s="565"/>
      <c r="R79" s="229" t="s">
        <v>749</v>
      </c>
      <c r="S79" s="546" t="s">
        <v>107</v>
      </c>
      <c r="T79" s="548"/>
      <c r="U79" s="623" t="s">
        <v>102</v>
      </c>
      <c r="V79" s="624"/>
      <c r="W79" s="625"/>
      <c r="X79" s="210">
        <v>7</v>
      </c>
      <c r="Y79" s="210" t="s">
        <v>103</v>
      </c>
      <c r="Z79" s="700"/>
      <c r="AA79" s="700"/>
      <c r="AB79" s="592"/>
      <c r="AC79" s="592"/>
      <c r="AD79" s="592"/>
      <c r="AE79" s="265" t="s">
        <v>3020</v>
      </c>
      <c r="AF79" s="38"/>
    </row>
    <row r="80" spans="1:32" s="26" customFormat="1" ht="13.4" customHeight="1">
      <c r="A80" s="20"/>
      <c r="B80" s="676">
        <v>61</v>
      </c>
      <c r="C80" s="677"/>
      <c r="D80" s="694" t="s">
        <v>2386</v>
      </c>
      <c r="E80" s="695"/>
      <c r="F80" s="695"/>
      <c r="G80" s="695"/>
      <c r="H80" s="695"/>
      <c r="I80" s="695"/>
      <c r="J80" s="695"/>
      <c r="K80" s="695"/>
      <c r="L80" s="695"/>
      <c r="M80" s="695"/>
      <c r="N80" s="695"/>
      <c r="O80" s="695"/>
      <c r="P80" s="695"/>
      <c r="Q80" s="696"/>
      <c r="R80" s="261" t="s">
        <v>751</v>
      </c>
      <c r="S80" s="681" t="s">
        <v>107</v>
      </c>
      <c r="T80" s="683"/>
      <c r="U80" s="724" t="s">
        <v>102</v>
      </c>
      <c r="V80" s="725"/>
      <c r="W80" s="726"/>
      <c r="X80" s="269">
        <v>2</v>
      </c>
      <c r="Y80" s="269" t="s">
        <v>103</v>
      </c>
      <c r="Z80" s="730" t="s">
        <v>109</v>
      </c>
      <c r="AA80" s="730"/>
      <c r="AB80" s="717"/>
      <c r="AC80" s="717"/>
      <c r="AD80" s="717"/>
      <c r="AE80" s="321" t="s">
        <v>391</v>
      </c>
      <c r="AF80" s="38"/>
    </row>
    <row r="81" spans="1:32" s="26" customFormat="1" ht="13.4" customHeight="1">
      <c r="A81" s="20"/>
      <c r="B81" s="541">
        <v>62</v>
      </c>
      <c r="C81" s="542"/>
      <c r="D81" s="563" t="s">
        <v>2365</v>
      </c>
      <c r="E81" s="564"/>
      <c r="F81" s="564"/>
      <c r="G81" s="564"/>
      <c r="H81" s="564"/>
      <c r="I81" s="564"/>
      <c r="J81" s="564"/>
      <c r="K81" s="564"/>
      <c r="L81" s="564"/>
      <c r="M81" s="564"/>
      <c r="N81" s="564"/>
      <c r="O81" s="564"/>
      <c r="P81" s="564"/>
      <c r="Q81" s="565"/>
      <c r="R81" s="221" t="s">
        <v>2366</v>
      </c>
      <c r="S81" s="541" t="s">
        <v>1844</v>
      </c>
      <c r="T81" s="542"/>
      <c r="U81" s="747" t="s">
        <v>102</v>
      </c>
      <c r="V81" s="748"/>
      <c r="W81" s="749"/>
      <c r="X81" s="213">
        <v>40</v>
      </c>
      <c r="Y81" s="213" t="s">
        <v>103</v>
      </c>
      <c r="Z81" s="700"/>
      <c r="AA81" s="700"/>
      <c r="AB81" s="592"/>
      <c r="AC81" s="592"/>
      <c r="AD81" s="592"/>
      <c r="AE81" s="265"/>
      <c r="AF81" s="38"/>
    </row>
    <row r="82" spans="1:32" s="54" customFormat="1" ht="13.4" customHeight="1">
      <c r="A82" s="20"/>
      <c r="B82" s="541">
        <v>63</v>
      </c>
      <c r="C82" s="542"/>
      <c r="D82" s="563" t="s">
        <v>430</v>
      </c>
      <c r="E82" s="564"/>
      <c r="F82" s="564"/>
      <c r="G82" s="564"/>
      <c r="H82" s="564"/>
      <c r="I82" s="564"/>
      <c r="J82" s="564"/>
      <c r="K82" s="564"/>
      <c r="L82" s="564"/>
      <c r="M82" s="564"/>
      <c r="N82" s="564"/>
      <c r="O82" s="564"/>
      <c r="P82" s="564"/>
      <c r="Q82" s="565"/>
      <c r="R82" s="221" t="s">
        <v>964</v>
      </c>
      <c r="S82" s="546" t="s">
        <v>107</v>
      </c>
      <c r="T82" s="548"/>
      <c r="U82" s="623" t="s">
        <v>102</v>
      </c>
      <c r="V82" s="624"/>
      <c r="W82" s="625"/>
      <c r="X82" s="210">
        <v>6</v>
      </c>
      <c r="Y82" s="210" t="s">
        <v>103</v>
      </c>
      <c r="Z82" s="700"/>
      <c r="AA82" s="700"/>
      <c r="AB82" s="592"/>
      <c r="AC82" s="592"/>
      <c r="AD82" s="592"/>
      <c r="AE82" s="265"/>
      <c r="AF82" s="38"/>
    </row>
    <row r="83" spans="1:32" s="26" customFormat="1" ht="13.4" customHeight="1">
      <c r="A83" s="20"/>
      <c r="B83" s="541">
        <v>64</v>
      </c>
      <c r="C83" s="542"/>
      <c r="D83" s="563" t="s">
        <v>432</v>
      </c>
      <c r="E83" s="564"/>
      <c r="F83" s="564"/>
      <c r="G83" s="564"/>
      <c r="H83" s="564"/>
      <c r="I83" s="564"/>
      <c r="J83" s="564"/>
      <c r="K83" s="564"/>
      <c r="L83" s="564"/>
      <c r="M83" s="564"/>
      <c r="N83" s="564"/>
      <c r="O83" s="564"/>
      <c r="P83" s="564"/>
      <c r="Q83" s="565"/>
      <c r="R83" s="221" t="s">
        <v>965</v>
      </c>
      <c r="S83" s="546" t="s">
        <v>107</v>
      </c>
      <c r="T83" s="548"/>
      <c r="U83" s="623" t="s">
        <v>102</v>
      </c>
      <c r="V83" s="624"/>
      <c r="W83" s="625"/>
      <c r="X83" s="210">
        <v>2</v>
      </c>
      <c r="Y83" s="210" t="s">
        <v>103</v>
      </c>
      <c r="Z83" s="700"/>
      <c r="AA83" s="700"/>
      <c r="AB83" s="592"/>
      <c r="AC83" s="592"/>
      <c r="AD83" s="592"/>
      <c r="AE83" s="267"/>
      <c r="AF83" s="38"/>
    </row>
    <row r="84" spans="1:32" s="26" customFormat="1">
      <c r="A84" s="20"/>
      <c r="B84" s="541">
        <v>65</v>
      </c>
      <c r="C84" s="542"/>
      <c r="D84" s="543" t="s">
        <v>2367</v>
      </c>
      <c r="E84" s="544"/>
      <c r="F84" s="544"/>
      <c r="G84" s="544"/>
      <c r="H84" s="544"/>
      <c r="I84" s="544"/>
      <c r="J84" s="544"/>
      <c r="K84" s="544"/>
      <c r="L84" s="544"/>
      <c r="M84" s="544"/>
      <c r="N84" s="544"/>
      <c r="O84" s="544"/>
      <c r="P84" s="544"/>
      <c r="Q84" s="545"/>
      <c r="R84" s="221" t="s">
        <v>2368</v>
      </c>
      <c r="S84" s="546" t="s">
        <v>1856</v>
      </c>
      <c r="T84" s="548"/>
      <c r="U84" s="623" t="s">
        <v>102</v>
      </c>
      <c r="V84" s="624"/>
      <c r="W84" s="625"/>
      <c r="X84" s="210">
        <v>4</v>
      </c>
      <c r="Y84" s="210" t="s">
        <v>103</v>
      </c>
      <c r="Z84" s="700"/>
      <c r="AA84" s="700"/>
      <c r="AB84" s="592"/>
      <c r="AC84" s="592"/>
      <c r="AD84" s="592"/>
      <c r="AE84" s="265"/>
      <c r="AF84" s="38"/>
    </row>
    <row r="85" spans="1:32" s="26" customFormat="1">
      <c r="A85" s="20"/>
      <c r="B85" s="541">
        <v>66</v>
      </c>
      <c r="C85" s="542"/>
      <c r="D85" s="543" t="s">
        <v>2369</v>
      </c>
      <c r="E85" s="544"/>
      <c r="F85" s="544"/>
      <c r="G85" s="544"/>
      <c r="H85" s="544"/>
      <c r="I85" s="544"/>
      <c r="J85" s="544"/>
      <c r="K85" s="544"/>
      <c r="L85" s="544"/>
      <c r="M85" s="544"/>
      <c r="N85" s="544"/>
      <c r="O85" s="544"/>
      <c r="P85" s="544"/>
      <c r="Q85" s="545"/>
      <c r="R85" s="221" t="s">
        <v>2370</v>
      </c>
      <c r="S85" s="546" t="s">
        <v>1844</v>
      </c>
      <c r="T85" s="548"/>
      <c r="U85" s="623" t="s">
        <v>102</v>
      </c>
      <c r="V85" s="624"/>
      <c r="W85" s="625"/>
      <c r="X85" s="210">
        <v>10</v>
      </c>
      <c r="Y85" s="210" t="s">
        <v>103</v>
      </c>
      <c r="Z85" s="700"/>
      <c r="AA85" s="700"/>
      <c r="AB85" s="592"/>
      <c r="AC85" s="592"/>
      <c r="AD85" s="592"/>
      <c r="AE85" s="265"/>
      <c r="AF85" s="38"/>
    </row>
    <row r="86" spans="1:32" s="26" customFormat="1" ht="13.4" customHeight="1">
      <c r="A86" s="20"/>
      <c r="B86" s="541">
        <v>67</v>
      </c>
      <c r="C86" s="542"/>
      <c r="D86" s="563" t="s">
        <v>2371</v>
      </c>
      <c r="E86" s="564"/>
      <c r="F86" s="564"/>
      <c r="G86" s="564"/>
      <c r="H86" s="564"/>
      <c r="I86" s="564"/>
      <c r="J86" s="564"/>
      <c r="K86" s="564"/>
      <c r="L86" s="564"/>
      <c r="M86" s="564"/>
      <c r="N86" s="564"/>
      <c r="O86" s="564"/>
      <c r="P86" s="564"/>
      <c r="Q86" s="565"/>
      <c r="R86" s="221" t="s">
        <v>2372</v>
      </c>
      <c r="S86" s="546" t="s">
        <v>107</v>
      </c>
      <c r="T86" s="548"/>
      <c r="U86" s="623" t="s">
        <v>2362</v>
      </c>
      <c r="V86" s="624"/>
      <c r="W86" s="625"/>
      <c r="X86" s="210">
        <v>10</v>
      </c>
      <c r="Y86" s="210">
        <v>0</v>
      </c>
      <c r="Z86" s="700"/>
      <c r="AA86" s="700"/>
      <c r="AB86" s="592"/>
      <c r="AC86" s="592"/>
      <c r="AD86" s="592"/>
      <c r="AE86" s="265"/>
      <c r="AF86" s="38"/>
    </row>
    <row r="87" spans="1:32" s="26" customFormat="1" ht="13.4" customHeight="1">
      <c r="A87" s="20"/>
      <c r="B87" s="541">
        <v>68</v>
      </c>
      <c r="C87" s="542"/>
      <c r="D87" s="563" t="s">
        <v>2373</v>
      </c>
      <c r="E87" s="564"/>
      <c r="F87" s="564"/>
      <c r="G87" s="564"/>
      <c r="H87" s="564"/>
      <c r="I87" s="564"/>
      <c r="J87" s="564"/>
      <c r="K87" s="564"/>
      <c r="L87" s="564"/>
      <c r="M87" s="564"/>
      <c r="N87" s="564"/>
      <c r="O87" s="564"/>
      <c r="P87" s="564"/>
      <c r="Q87" s="565"/>
      <c r="R87" s="221" t="s">
        <v>2374</v>
      </c>
      <c r="S87" s="546" t="s">
        <v>107</v>
      </c>
      <c r="T87" s="548"/>
      <c r="U87" s="623" t="s">
        <v>102</v>
      </c>
      <c r="V87" s="624"/>
      <c r="W87" s="625"/>
      <c r="X87" s="210">
        <v>7</v>
      </c>
      <c r="Y87" s="210" t="s">
        <v>103</v>
      </c>
      <c r="Z87" s="700"/>
      <c r="AA87" s="700"/>
      <c r="AB87" s="592"/>
      <c r="AC87" s="592"/>
      <c r="AD87" s="592"/>
      <c r="AE87" s="265"/>
      <c r="AF87" s="38"/>
    </row>
    <row r="88" spans="1:32" s="26" customFormat="1" ht="13.4" customHeight="1">
      <c r="A88" s="20"/>
      <c r="B88" s="541">
        <v>69</v>
      </c>
      <c r="C88" s="542"/>
      <c r="D88" s="563" t="s">
        <v>2375</v>
      </c>
      <c r="E88" s="564"/>
      <c r="F88" s="564"/>
      <c r="G88" s="564"/>
      <c r="H88" s="564"/>
      <c r="I88" s="564"/>
      <c r="J88" s="564"/>
      <c r="K88" s="564"/>
      <c r="L88" s="564"/>
      <c r="M88" s="564"/>
      <c r="N88" s="564"/>
      <c r="O88" s="564"/>
      <c r="P88" s="564"/>
      <c r="Q88" s="565"/>
      <c r="R88" s="221" t="s">
        <v>2376</v>
      </c>
      <c r="S88" s="541" t="s">
        <v>1844</v>
      </c>
      <c r="T88" s="542"/>
      <c r="U88" s="747" t="s">
        <v>102</v>
      </c>
      <c r="V88" s="748"/>
      <c r="W88" s="749"/>
      <c r="X88" s="213">
        <v>10</v>
      </c>
      <c r="Y88" s="213" t="s">
        <v>103</v>
      </c>
      <c r="Z88" s="700"/>
      <c r="AA88" s="700"/>
      <c r="AB88" s="592"/>
      <c r="AC88" s="592"/>
      <c r="AD88" s="592"/>
      <c r="AE88" s="265"/>
      <c r="AF88" s="38"/>
    </row>
    <row r="89" spans="1:32" s="26" customFormat="1" ht="13.4" customHeight="1">
      <c r="A89" s="20"/>
      <c r="B89" s="541">
        <v>70</v>
      </c>
      <c r="C89" s="542"/>
      <c r="D89" s="563" t="s">
        <v>549</v>
      </c>
      <c r="E89" s="564"/>
      <c r="F89" s="564"/>
      <c r="G89" s="564"/>
      <c r="H89" s="564"/>
      <c r="I89" s="564"/>
      <c r="J89" s="564"/>
      <c r="K89" s="564"/>
      <c r="L89" s="564"/>
      <c r="M89" s="564"/>
      <c r="N89" s="564"/>
      <c r="O89" s="564"/>
      <c r="P89" s="564"/>
      <c r="Q89" s="565"/>
      <c r="R89" s="221" t="s">
        <v>550</v>
      </c>
      <c r="S89" s="546" t="s">
        <v>101</v>
      </c>
      <c r="T89" s="548"/>
      <c r="U89" s="623" t="s">
        <v>102</v>
      </c>
      <c r="V89" s="624"/>
      <c r="W89" s="625"/>
      <c r="X89" s="210">
        <v>8</v>
      </c>
      <c r="Y89" s="210" t="s">
        <v>103</v>
      </c>
      <c r="Z89" s="700"/>
      <c r="AA89" s="700"/>
      <c r="AB89" s="592"/>
      <c r="AC89" s="592"/>
      <c r="AD89" s="592"/>
      <c r="AE89" s="265" t="s">
        <v>3020</v>
      </c>
      <c r="AF89" s="38"/>
    </row>
    <row r="90" spans="1:32" s="26" customFormat="1" ht="13.4" customHeight="1">
      <c r="A90" s="20"/>
      <c r="B90" s="541">
        <v>71</v>
      </c>
      <c r="C90" s="542"/>
      <c r="D90" s="563" t="s">
        <v>551</v>
      </c>
      <c r="E90" s="564"/>
      <c r="F90" s="564"/>
      <c r="G90" s="564"/>
      <c r="H90" s="564"/>
      <c r="I90" s="564"/>
      <c r="J90" s="564"/>
      <c r="K90" s="564"/>
      <c r="L90" s="564"/>
      <c r="M90" s="564"/>
      <c r="N90" s="564"/>
      <c r="O90" s="564"/>
      <c r="P90" s="564"/>
      <c r="Q90" s="565"/>
      <c r="R90" s="221" t="s">
        <v>552</v>
      </c>
      <c r="S90" s="546" t="s">
        <v>107</v>
      </c>
      <c r="T90" s="548"/>
      <c r="U90" s="623" t="s">
        <v>108</v>
      </c>
      <c r="V90" s="624"/>
      <c r="W90" s="625"/>
      <c r="X90" s="210">
        <v>2</v>
      </c>
      <c r="Y90" s="210">
        <v>0</v>
      </c>
      <c r="Z90" s="700"/>
      <c r="AA90" s="700"/>
      <c r="AB90" s="592"/>
      <c r="AC90" s="592"/>
      <c r="AD90" s="592"/>
      <c r="AE90" s="265"/>
      <c r="AF90" s="38"/>
    </row>
    <row r="91" spans="1:32" s="26" customFormat="1" ht="13.4" customHeight="1">
      <c r="A91" s="20"/>
      <c r="B91" s="541">
        <v>72</v>
      </c>
      <c r="C91" s="542"/>
      <c r="D91" s="563" t="s">
        <v>553</v>
      </c>
      <c r="E91" s="564"/>
      <c r="F91" s="564"/>
      <c r="G91" s="564"/>
      <c r="H91" s="564"/>
      <c r="I91" s="564"/>
      <c r="J91" s="564"/>
      <c r="K91" s="564"/>
      <c r="L91" s="564"/>
      <c r="M91" s="564"/>
      <c r="N91" s="564"/>
      <c r="O91" s="564"/>
      <c r="P91" s="564"/>
      <c r="Q91" s="565"/>
      <c r="R91" s="221" t="s">
        <v>554</v>
      </c>
      <c r="S91" s="546" t="s">
        <v>107</v>
      </c>
      <c r="T91" s="548"/>
      <c r="U91" s="623" t="s">
        <v>108</v>
      </c>
      <c r="V91" s="624"/>
      <c r="W91" s="625"/>
      <c r="X91" s="210">
        <v>8</v>
      </c>
      <c r="Y91" s="210">
        <v>0</v>
      </c>
      <c r="Z91" s="700"/>
      <c r="AA91" s="700"/>
      <c r="AB91" s="592"/>
      <c r="AC91" s="592"/>
      <c r="AD91" s="592"/>
      <c r="AE91" s="267"/>
      <c r="AF91" s="38"/>
    </row>
    <row r="92" spans="1:32" s="26" customFormat="1" ht="13.4" customHeight="1">
      <c r="A92" s="20"/>
      <c r="B92" s="541">
        <v>73</v>
      </c>
      <c r="C92" s="542"/>
      <c r="D92" s="563" t="s">
        <v>556</v>
      </c>
      <c r="E92" s="564"/>
      <c r="F92" s="564"/>
      <c r="G92" s="564"/>
      <c r="H92" s="564"/>
      <c r="I92" s="564"/>
      <c r="J92" s="564"/>
      <c r="K92" s="564"/>
      <c r="L92" s="564"/>
      <c r="M92" s="564"/>
      <c r="N92" s="564"/>
      <c r="O92" s="564"/>
      <c r="P92" s="564"/>
      <c r="Q92" s="565"/>
      <c r="R92" s="221" t="s">
        <v>557</v>
      </c>
      <c r="S92" s="546" t="s">
        <v>107</v>
      </c>
      <c r="T92" s="548"/>
      <c r="U92" s="623" t="s">
        <v>108</v>
      </c>
      <c r="V92" s="624"/>
      <c r="W92" s="625"/>
      <c r="X92" s="210">
        <v>2</v>
      </c>
      <c r="Y92" s="210">
        <v>0</v>
      </c>
      <c r="Z92" s="700"/>
      <c r="AA92" s="700"/>
      <c r="AB92" s="592"/>
      <c r="AC92" s="592"/>
      <c r="AD92" s="592"/>
      <c r="AE92" s="265"/>
      <c r="AF92" s="38"/>
    </row>
    <row r="93" spans="1:32" s="54" customFormat="1" ht="13.4" customHeight="1">
      <c r="A93" s="20"/>
      <c r="B93" s="541">
        <v>74</v>
      </c>
      <c r="C93" s="542"/>
      <c r="D93" s="563" t="s">
        <v>558</v>
      </c>
      <c r="E93" s="564"/>
      <c r="F93" s="564"/>
      <c r="G93" s="564"/>
      <c r="H93" s="564"/>
      <c r="I93" s="564"/>
      <c r="J93" s="564"/>
      <c r="K93" s="564"/>
      <c r="L93" s="564"/>
      <c r="M93" s="564"/>
      <c r="N93" s="564"/>
      <c r="O93" s="564"/>
      <c r="P93" s="564"/>
      <c r="Q93" s="565"/>
      <c r="R93" s="221" t="s">
        <v>559</v>
      </c>
      <c r="S93" s="546" t="s">
        <v>107</v>
      </c>
      <c r="T93" s="548"/>
      <c r="U93" s="623" t="s">
        <v>108</v>
      </c>
      <c r="V93" s="624"/>
      <c r="W93" s="625"/>
      <c r="X93" s="210">
        <v>8</v>
      </c>
      <c r="Y93" s="210">
        <v>0</v>
      </c>
      <c r="Z93" s="700"/>
      <c r="AA93" s="700"/>
      <c r="AB93" s="592"/>
      <c r="AC93" s="592"/>
      <c r="AD93" s="592"/>
      <c r="AE93" s="265"/>
      <c r="AF93" s="38"/>
    </row>
    <row r="94" spans="1:32" s="26" customFormat="1" ht="13.4" customHeight="1">
      <c r="A94" s="20"/>
      <c r="B94" s="541">
        <v>75</v>
      </c>
      <c r="C94" s="542"/>
      <c r="D94" s="563" t="s">
        <v>560</v>
      </c>
      <c r="E94" s="564"/>
      <c r="F94" s="564"/>
      <c r="G94" s="564"/>
      <c r="H94" s="564"/>
      <c r="I94" s="564"/>
      <c r="J94" s="564"/>
      <c r="K94" s="564"/>
      <c r="L94" s="564"/>
      <c r="M94" s="564"/>
      <c r="N94" s="564"/>
      <c r="O94" s="564"/>
      <c r="P94" s="564"/>
      <c r="Q94" s="565"/>
      <c r="R94" s="221" t="s">
        <v>561</v>
      </c>
      <c r="S94" s="546" t="s">
        <v>107</v>
      </c>
      <c r="T94" s="548"/>
      <c r="U94" s="623" t="s">
        <v>102</v>
      </c>
      <c r="V94" s="624"/>
      <c r="W94" s="625"/>
      <c r="X94" s="210">
        <v>1</v>
      </c>
      <c r="Y94" s="210" t="s">
        <v>103</v>
      </c>
      <c r="Z94" s="700"/>
      <c r="AA94" s="700"/>
      <c r="AB94" s="592"/>
      <c r="AC94" s="592"/>
      <c r="AD94" s="592"/>
      <c r="AE94" s="267"/>
      <c r="AF94" s="38"/>
    </row>
    <row r="95" spans="1:32" s="26" customFormat="1" ht="13.4" customHeight="1">
      <c r="A95" s="20"/>
      <c r="B95" s="541">
        <v>76</v>
      </c>
      <c r="C95" s="542"/>
      <c r="D95" s="563" t="s">
        <v>2377</v>
      </c>
      <c r="E95" s="564"/>
      <c r="F95" s="564"/>
      <c r="G95" s="564"/>
      <c r="H95" s="564"/>
      <c r="I95" s="564"/>
      <c r="J95" s="564"/>
      <c r="K95" s="564"/>
      <c r="L95" s="564"/>
      <c r="M95" s="564"/>
      <c r="N95" s="564"/>
      <c r="O95" s="564"/>
      <c r="P95" s="564"/>
      <c r="Q95" s="565"/>
      <c r="R95" s="221" t="s">
        <v>2378</v>
      </c>
      <c r="S95" s="541" t="s">
        <v>1844</v>
      </c>
      <c r="T95" s="542"/>
      <c r="U95" s="747" t="s">
        <v>102</v>
      </c>
      <c r="V95" s="748"/>
      <c r="W95" s="749"/>
      <c r="X95" s="213">
        <v>20</v>
      </c>
      <c r="Y95" s="213" t="s">
        <v>103</v>
      </c>
      <c r="Z95" s="700"/>
      <c r="AA95" s="700"/>
      <c r="AB95" s="592"/>
      <c r="AC95" s="592"/>
      <c r="AD95" s="592"/>
      <c r="AE95" s="265"/>
      <c r="AF95" s="38"/>
    </row>
    <row r="96" spans="1:32" s="26" customFormat="1" ht="13.4" customHeight="1">
      <c r="A96" s="20"/>
      <c r="B96" s="541">
        <v>77</v>
      </c>
      <c r="C96" s="542"/>
      <c r="D96" s="563" t="s">
        <v>562</v>
      </c>
      <c r="E96" s="564"/>
      <c r="F96" s="564"/>
      <c r="G96" s="564"/>
      <c r="H96" s="564"/>
      <c r="I96" s="564"/>
      <c r="J96" s="564"/>
      <c r="K96" s="564"/>
      <c r="L96" s="564"/>
      <c r="M96" s="564"/>
      <c r="N96" s="564"/>
      <c r="O96" s="564"/>
      <c r="P96" s="564"/>
      <c r="Q96" s="565"/>
      <c r="R96" s="221" t="s">
        <v>563</v>
      </c>
      <c r="S96" s="546" t="s">
        <v>107</v>
      </c>
      <c r="T96" s="548"/>
      <c r="U96" s="623" t="s">
        <v>108</v>
      </c>
      <c r="V96" s="624"/>
      <c r="W96" s="625"/>
      <c r="X96" s="210">
        <v>9</v>
      </c>
      <c r="Y96" s="210">
        <v>0</v>
      </c>
      <c r="Z96" s="700"/>
      <c r="AA96" s="700"/>
      <c r="AB96" s="592"/>
      <c r="AC96" s="592"/>
      <c r="AD96" s="592"/>
      <c r="AE96" s="265"/>
      <c r="AF96" s="38"/>
    </row>
    <row r="97" spans="1:32" s="26" customFormat="1" ht="13.4" customHeight="1">
      <c r="A97" s="20"/>
      <c r="B97" s="541">
        <v>78</v>
      </c>
      <c r="C97" s="542"/>
      <c r="D97" s="563" t="s">
        <v>564</v>
      </c>
      <c r="E97" s="564"/>
      <c r="F97" s="564"/>
      <c r="G97" s="564"/>
      <c r="H97" s="564"/>
      <c r="I97" s="564"/>
      <c r="J97" s="564"/>
      <c r="K97" s="564"/>
      <c r="L97" s="564"/>
      <c r="M97" s="564"/>
      <c r="N97" s="564"/>
      <c r="O97" s="564"/>
      <c r="P97" s="564"/>
      <c r="Q97" s="565"/>
      <c r="R97" s="221" t="s">
        <v>565</v>
      </c>
      <c r="S97" s="546" t="s">
        <v>107</v>
      </c>
      <c r="T97" s="548"/>
      <c r="U97" s="623" t="s">
        <v>102</v>
      </c>
      <c r="V97" s="624"/>
      <c r="W97" s="625"/>
      <c r="X97" s="210">
        <v>1</v>
      </c>
      <c r="Y97" s="210" t="s">
        <v>103</v>
      </c>
      <c r="Z97" s="700"/>
      <c r="AA97" s="700"/>
      <c r="AB97" s="592"/>
      <c r="AC97" s="592"/>
      <c r="AD97" s="592"/>
      <c r="AE97" s="265"/>
      <c r="AF97" s="38"/>
    </row>
    <row r="98" spans="1:32" s="26" customFormat="1" ht="13.4" customHeight="1">
      <c r="A98" s="20"/>
      <c r="B98" s="541">
        <v>79</v>
      </c>
      <c r="C98" s="542"/>
      <c r="D98" s="563" t="s">
        <v>2379</v>
      </c>
      <c r="E98" s="564"/>
      <c r="F98" s="564"/>
      <c r="G98" s="564"/>
      <c r="H98" s="564"/>
      <c r="I98" s="564"/>
      <c r="J98" s="564"/>
      <c r="K98" s="564"/>
      <c r="L98" s="564"/>
      <c r="M98" s="564"/>
      <c r="N98" s="564"/>
      <c r="O98" s="564"/>
      <c r="P98" s="564"/>
      <c r="Q98" s="565"/>
      <c r="R98" s="221" t="s">
        <v>2380</v>
      </c>
      <c r="S98" s="541" t="s">
        <v>1844</v>
      </c>
      <c r="T98" s="542"/>
      <c r="U98" s="747" t="s">
        <v>102</v>
      </c>
      <c r="V98" s="748"/>
      <c r="W98" s="749"/>
      <c r="X98" s="213">
        <v>8</v>
      </c>
      <c r="Y98" s="213" t="s">
        <v>103</v>
      </c>
      <c r="Z98" s="700"/>
      <c r="AA98" s="700"/>
      <c r="AB98" s="592"/>
      <c r="AC98" s="592"/>
      <c r="AD98" s="592"/>
      <c r="AE98" s="265"/>
      <c r="AF98" s="38"/>
    </row>
    <row r="99" spans="1:32" s="26" customFormat="1" ht="13.4" customHeight="1">
      <c r="A99" s="20"/>
      <c r="B99" s="541">
        <v>80</v>
      </c>
      <c r="C99" s="542"/>
      <c r="D99" s="563" t="s">
        <v>566</v>
      </c>
      <c r="E99" s="564"/>
      <c r="F99" s="564"/>
      <c r="G99" s="564"/>
      <c r="H99" s="564"/>
      <c r="I99" s="564"/>
      <c r="J99" s="564"/>
      <c r="K99" s="564"/>
      <c r="L99" s="564"/>
      <c r="M99" s="564"/>
      <c r="N99" s="564"/>
      <c r="O99" s="564"/>
      <c r="P99" s="564"/>
      <c r="Q99" s="565"/>
      <c r="R99" s="221" t="s">
        <v>567</v>
      </c>
      <c r="S99" s="546" t="s">
        <v>107</v>
      </c>
      <c r="T99" s="548"/>
      <c r="U99" s="623" t="s">
        <v>108</v>
      </c>
      <c r="V99" s="624"/>
      <c r="W99" s="625"/>
      <c r="X99" s="210">
        <v>3</v>
      </c>
      <c r="Y99" s="210">
        <v>0</v>
      </c>
      <c r="Z99" s="700"/>
      <c r="AA99" s="700"/>
      <c r="AB99" s="592"/>
      <c r="AC99" s="592"/>
      <c r="AD99" s="592"/>
      <c r="AE99" s="265"/>
      <c r="AF99" s="38"/>
    </row>
    <row r="100" spans="1:32" s="54" customFormat="1" ht="13.4" customHeight="1">
      <c r="A100" s="20"/>
      <c r="B100" s="541">
        <v>81</v>
      </c>
      <c r="C100" s="542"/>
      <c r="D100" s="563" t="s">
        <v>568</v>
      </c>
      <c r="E100" s="564"/>
      <c r="F100" s="564"/>
      <c r="G100" s="564"/>
      <c r="H100" s="564"/>
      <c r="I100" s="564"/>
      <c r="J100" s="564"/>
      <c r="K100" s="564"/>
      <c r="L100" s="564"/>
      <c r="M100" s="564"/>
      <c r="N100" s="564"/>
      <c r="O100" s="564"/>
      <c r="P100" s="564"/>
      <c r="Q100" s="565"/>
      <c r="R100" s="221" t="s">
        <v>569</v>
      </c>
      <c r="S100" s="546" t="s">
        <v>107</v>
      </c>
      <c r="T100" s="548"/>
      <c r="U100" s="623" t="s">
        <v>108</v>
      </c>
      <c r="V100" s="624"/>
      <c r="W100" s="625"/>
      <c r="X100" s="210">
        <v>6</v>
      </c>
      <c r="Y100" s="210">
        <v>0</v>
      </c>
      <c r="Z100" s="700"/>
      <c r="AA100" s="700"/>
      <c r="AB100" s="592"/>
      <c r="AC100" s="592"/>
      <c r="AD100" s="592"/>
      <c r="AE100" s="265"/>
      <c r="AF100" s="38"/>
    </row>
    <row r="101" spans="1:32" s="54" customFormat="1" ht="13.4" customHeight="1">
      <c r="A101" s="20"/>
      <c r="B101" s="541">
        <v>82</v>
      </c>
      <c r="C101" s="542"/>
      <c r="D101" s="563" t="s">
        <v>980</v>
      </c>
      <c r="E101" s="564"/>
      <c r="F101" s="564"/>
      <c r="G101" s="564"/>
      <c r="H101" s="564"/>
      <c r="I101" s="564"/>
      <c r="J101" s="564"/>
      <c r="K101" s="564"/>
      <c r="L101" s="564"/>
      <c r="M101" s="564"/>
      <c r="N101" s="564"/>
      <c r="O101" s="564"/>
      <c r="P101" s="564"/>
      <c r="Q101" s="565"/>
      <c r="R101" s="221" t="s">
        <v>981</v>
      </c>
      <c r="S101" s="546" t="s">
        <v>107</v>
      </c>
      <c r="T101" s="548"/>
      <c r="U101" s="623" t="s">
        <v>108</v>
      </c>
      <c r="V101" s="624"/>
      <c r="W101" s="625"/>
      <c r="X101" s="210">
        <v>8</v>
      </c>
      <c r="Y101" s="210">
        <v>0</v>
      </c>
      <c r="Z101" s="700"/>
      <c r="AA101" s="700"/>
      <c r="AB101" s="592"/>
      <c r="AC101" s="592"/>
      <c r="AD101" s="592"/>
      <c r="AE101" s="267"/>
      <c r="AF101" s="38"/>
    </row>
    <row r="102" spans="1:32">
      <c r="A102" s="19"/>
      <c r="B102" s="59"/>
      <c r="C102" s="59"/>
      <c r="D102" s="63"/>
      <c r="E102" s="63"/>
      <c r="F102" s="63"/>
      <c r="G102" s="63"/>
      <c r="H102" s="63"/>
      <c r="I102" s="63"/>
      <c r="J102" s="63"/>
      <c r="K102" s="63"/>
      <c r="L102" s="63"/>
      <c r="M102" s="63"/>
      <c r="N102" s="63"/>
      <c r="O102" s="63"/>
      <c r="P102" s="63"/>
      <c r="Q102" s="63"/>
      <c r="R102" s="214"/>
      <c r="S102" s="64"/>
      <c r="T102" s="64"/>
      <c r="U102" s="64"/>
      <c r="V102" s="64"/>
      <c r="W102" s="64"/>
      <c r="X102" s="65"/>
      <c r="Y102" s="65"/>
      <c r="Z102" s="120"/>
      <c r="AA102" s="120"/>
      <c r="AB102" s="41"/>
      <c r="AC102" s="41"/>
      <c r="AD102" s="41"/>
      <c r="AE102" s="116"/>
      <c r="AF102" s="38"/>
    </row>
    <row r="103" spans="1:32">
      <c r="A103" s="25"/>
      <c r="R103" s="214"/>
      <c r="AF103" s="29"/>
    </row>
    <row r="104" spans="1:32">
      <c r="A104" s="25"/>
      <c r="B104" s="27" t="s">
        <v>908</v>
      </c>
      <c r="R104" s="214"/>
      <c r="AF104" s="29"/>
    </row>
    <row r="105" spans="1:32">
      <c r="A105" s="25"/>
      <c r="R105" s="214"/>
      <c r="AF105" s="29"/>
    </row>
    <row r="106" spans="1:32">
      <c r="A106" s="25"/>
      <c r="R106" s="214"/>
      <c r="AF106" s="29"/>
    </row>
    <row r="107" spans="1:32">
      <c r="A107" s="25"/>
      <c r="R107" s="214"/>
      <c r="AF107" s="29"/>
    </row>
    <row r="108" spans="1:32">
      <c r="A108" s="25"/>
      <c r="R108" s="214"/>
      <c r="AF108" s="29"/>
    </row>
    <row r="109" spans="1:32">
      <c r="A109" s="25"/>
      <c r="R109" s="214"/>
      <c r="AF109" s="29"/>
    </row>
    <row r="110" spans="1:32">
      <c r="A110" s="25"/>
      <c r="R110" s="214"/>
      <c r="AF110" s="29"/>
    </row>
    <row r="111" spans="1:32">
      <c r="A111" s="25"/>
      <c r="R111" s="214"/>
      <c r="AF111" s="29"/>
    </row>
    <row r="112" spans="1:32">
      <c r="A112" s="25"/>
      <c r="R112" s="214"/>
      <c r="AF112" s="29"/>
    </row>
    <row r="113" spans="1:32">
      <c r="A113" s="25"/>
      <c r="R113" s="214"/>
      <c r="AF113" s="29"/>
    </row>
    <row r="114" spans="1:32">
      <c r="A114" s="25"/>
      <c r="R114" s="214"/>
      <c r="AF114" s="29"/>
    </row>
    <row r="115" spans="1:32">
      <c r="A115" s="25"/>
      <c r="R115" s="214"/>
      <c r="AF115" s="29"/>
    </row>
    <row r="116" spans="1:32">
      <c r="A116" s="25"/>
      <c r="R116" s="214"/>
      <c r="AF116" s="29"/>
    </row>
    <row r="126" spans="1:32">
      <c r="A126" t="s">
        <v>909</v>
      </c>
      <c r="B126" t="s">
        <v>910</v>
      </c>
      <c r="C126" t="s">
        <v>911</v>
      </c>
      <c r="D126" t="s">
        <v>912</v>
      </c>
      <c r="E126" t="s">
        <v>913</v>
      </c>
      <c r="F126" t="s">
        <v>914</v>
      </c>
      <c r="G126" t="s">
        <v>98</v>
      </c>
    </row>
    <row r="127" spans="1:32">
      <c r="A127" t="s">
        <v>340</v>
      </c>
      <c r="B127" t="s">
        <v>915</v>
      </c>
      <c r="C127" s="3" t="s">
        <v>82</v>
      </c>
      <c r="D127" t="s">
        <v>916</v>
      </c>
      <c r="E127" t="s">
        <v>917</v>
      </c>
      <c r="F127" t="s">
        <v>918</v>
      </c>
      <c r="G127" t="s">
        <v>919</v>
      </c>
    </row>
    <row r="128" spans="1:32">
      <c r="A128" t="s">
        <v>920</v>
      </c>
      <c r="B128" t="s">
        <v>921</v>
      </c>
      <c r="C128" s="3" t="s">
        <v>922</v>
      </c>
      <c r="D128" t="s">
        <v>923</v>
      </c>
      <c r="E128" t="s">
        <v>924</v>
      </c>
      <c r="F128" t="s">
        <v>925</v>
      </c>
      <c r="G128" t="s">
        <v>926</v>
      </c>
    </row>
    <row r="129" spans="1:7">
      <c r="A129" t="s">
        <v>927</v>
      </c>
      <c r="B129"/>
      <c r="C129" s="3" t="s">
        <v>928</v>
      </c>
      <c r="D129"/>
      <c r="E129" t="s">
        <v>929</v>
      </c>
      <c r="F129" t="s">
        <v>930</v>
      </c>
      <c r="G129"/>
    </row>
    <row r="130" spans="1:7">
      <c r="A130"/>
      <c r="B130"/>
      <c r="C130" s="3" t="s">
        <v>931</v>
      </c>
      <c r="D130"/>
      <c r="E130" t="s">
        <v>932</v>
      </c>
      <c r="F130" t="s">
        <v>933</v>
      </c>
      <c r="G130"/>
    </row>
    <row r="131" spans="1:7">
      <c r="A131"/>
      <c r="B131"/>
      <c r="C131" s="3" t="s">
        <v>230</v>
      </c>
      <c r="D131"/>
      <c r="E131"/>
      <c r="F131" t="s">
        <v>934</v>
      </c>
      <c r="G131"/>
    </row>
    <row r="132" spans="1:7">
      <c r="A132"/>
      <c r="B132"/>
      <c r="C132" s="3" t="s">
        <v>177</v>
      </c>
      <c r="D132"/>
      <c r="E132"/>
      <c r="F132" t="s">
        <v>935</v>
      </c>
      <c r="G132"/>
    </row>
    <row r="133" spans="1:7">
      <c r="A133"/>
      <c r="B133"/>
      <c r="C133"/>
      <c r="D133"/>
      <c r="E133"/>
      <c r="F133" t="s">
        <v>936</v>
      </c>
      <c r="G133"/>
    </row>
    <row r="134" spans="1:7">
      <c r="A134"/>
      <c r="B134"/>
      <c r="C134"/>
      <c r="D134"/>
      <c r="E134"/>
      <c r="F134" t="s">
        <v>937</v>
      </c>
      <c r="G134"/>
    </row>
    <row r="135" spans="1:7">
      <c r="A135"/>
      <c r="B135"/>
      <c r="C135"/>
      <c r="D135"/>
      <c r="E135"/>
      <c r="F135" t="s">
        <v>938</v>
      </c>
      <c r="G135"/>
    </row>
    <row r="136" spans="1:7">
      <c r="A136"/>
      <c r="B136"/>
      <c r="C136"/>
      <c r="D136"/>
      <c r="E136"/>
      <c r="F136" t="s">
        <v>939</v>
      </c>
      <c r="G136"/>
    </row>
    <row r="137" spans="1:7">
      <c r="A137"/>
      <c r="B137"/>
      <c r="C137"/>
      <c r="D137"/>
      <c r="E137"/>
      <c r="F137" t="s">
        <v>940</v>
      </c>
      <c r="G137"/>
    </row>
    <row r="138" spans="1:7">
      <c r="A138"/>
      <c r="B138"/>
      <c r="C138"/>
      <c r="D138"/>
      <c r="E138"/>
      <c r="F138" t="s">
        <v>941</v>
      </c>
      <c r="G138"/>
    </row>
    <row r="139" spans="1:7">
      <c r="A139"/>
      <c r="B139"/>
      <c r="C139"/>
      <c r="D139"/>
      <c r="E139"/>
      <c r="F139" t="s">
        <v>942</v>
      </c>
      <c r="G139"/>
    </row>
    <row r="140" spans="1:7">
      <c r="A140"/>
      <c r="B140"/>
      <c r="C140"/>
      <c r="D140"/>
      <c r="E140"/>
      <c r="F140" t="s">
        <v>943</v>
      </c>
      <c r="G140"/>
    </row>
    <row r="141" spans="1:7">
      <c r="A141"/>
      <c r="B141"/>
      <c r="C141"/>
      <c r="D141"/>
      <c r="E141"/>
      <c r="F141" t="s">
        <v>944</v>
      </c>
      <c r="G141"/>
    </row>
    <row r="142" spans="1:7">
      <c r="A142"/>
      <c r="B142"/>
      <c r="C142"/>
      <c r="D142"/>
      <c r="E142"/>
      <c r="F142" t="s">
        <v>945</v>
      </c>
      <c r="G142"/>
    </row>
    <row r="143" spans="1:7">
      <c r="A143" s="3"/>
      <c r="B143" s="3"/>
      <c r="C143" s="3"/>
      <c r="D143" s="3"/>
      <c r="E143" s="3"/>
      <c r="F143" s="3"/>
      <c r="G143" s="3"/>
    </row>
  </sheetData>
  <mergeCells count="510">
    <mergeCell ref="F4:M4"/>
    <mergeCell ref="F6:H6"/>
    <mergeCell ref="I6:O6"/>
    <mergeCell ref="P6:S6"/>
    <mergeCell ref="F8:L8"/>
    <mergeCell ref="F10:L10"/>
    <mergeCell ref="S10:Y10"/>
    <mergeCell ref="AE18:AE19"/>
    <mergeCell ref="B20:C20"/>
    <mergeCell ref="D20:Q20"/>
    <mergeCell ref="S20:T20"/>
    <mergeCell ref="U20:W20"/>
    <mergeCell ref="Z20:AA20"/>
    <mergeCell ref="F12:S12"/>
    <mergeCell ref="F14:S14"/>
    <mergeCell ref="F16:S16"/>
    <mergeCell ref="B18:C19"/>
    <mergeCell ref="D18:Q19"/>
    <mergeCell ref="S18:T19"/>
    <mergeCell ref="AB20:AD20"/>
    <mergeCell ref="B21:C21"/>
    <mergeCell ref="D21:Q21"/>
    <mergeCell ref="S21:T21"/>
    <mergeCell ref="U21:W21"/>
    <mergeCell ref="Z21:AA21"/>
    <mergeCell ref="AB21:AD21"/>
    <mergeCell ref="U18:W19"/>
    <mergeCell ref="X18:Y19"/>
    <mergeCell ref="Z18:AA19"/>
    <mergeCell ref="AB18:AD19"/>
    <mergeCell ref="B23:C23"/>
    <mergeCell ref="D23:Q23"/>
    <mergeCell ref="S23:T23"/>
    <mergeCell ref="U23:W23"/>
    <mergeCell ref="Z23:AA23"/>
    <mergeCell ref="AB23:AD23"/>
    <mergeCell ref="B22:C22"/>
    <mergeCell ref="D22:Q22"/>
    <mergeCell ref="S22:T22"/>
    <mergeCell ref="U22:W22"/>
    <mergeCell ref="Z22:AA22"/>
    <mergeCell ref="AB22:AD22"/>
    <mergeCell ref="B25:C25"/>
    <mergeCell ref="D25:Q25"/>
    <mergeCell ref="S25:T25"/>
    <mergeCell ref="U25:W25"/>
    <mergeCell ref="Z25:AA25"/>
    <mergeCell ref="AB25:AD25"/>
    <mergeCell ref="B24:C24"/>
    <mergeCell ref="D24:Q24"/>
    <mergeCell ref="S24:T24"/>
    <mergeCell ref="U24:W24"/>
    <mergeCell ref="Z24:AA24"/>
    <mergeCell ref="AB24:AD24"/>
    <mergeCell ref="B27:C27"/>
    <mergeCell ref="D27:Q27"/>
    <mergeCell ref="S27:T27"/>
    <mergeCell ref="U27:W27"/>
    <mergeCell ref="Z27:AA27"/>
    <mergeCell ref="AB27:AD27"/>
    <mergeCell ref="B26:C26"/>
    <mergeCell ref="D26:Q26"/>
    <mergeCell ref="S26:T26"/>
    <mergeCell ref="U26:W26"/>
    <mergeCell ref="Z26:AA26"/>
    <mergeCell ref="AB26:AD26"/>
    <mergeCell ref="B29:C29"/>
    <mergeCell ref="D29:Q29"/>
    <mergeCell ref="S29:T29"/>
    <mergeCell ref="U29:W29"/>
    <mergeCell ref="Z29:AA29"/>
    <mergeCell ref="AB29:AD29"/>
    <mergeCell ref="B28:C28"/>
    <mergeCell ref="D28:Q28"/>
    <mergeCell ref="S28:T28"/>
    <mergeCell ref="U28:W28"/>
    <mergeCell ref="Z28:AA28"/>
    <mergeCell ref="AB28:AD28"/>
    <mergeCell ref="B31:C31"/>
    <mergeCell ref="D31:Q31"/>
    <mergeCell ref="S31:T31"/>
    <mergeCell ref="U31:W31"/>
    <mergeCell ref="Z31:AA31"/>
    <mergeCell ref="AB31:AD31"/>
    <mergeCell ref="B30:C30"/>
    <mergeCell ref="D30:Q30"/>
    <mergeCell ref="S30:T30"/>
    <mergeCell ref="U30:W30"/>
    <mergeCell ref="Z30:AA30"/>
    <mergeCell ref="AB30:AD30"/>
    <mergeCell ref="B33:C33"/>
    <mergeCell ref="D33:Q33"/>
    <mergeCell ref="S33:T33"/>
    <mergeCell ref="U33:W33"/>
    <mergeCell ref="Z33:AA33"/>
    <mergeCell ref="AB33:AD33"/>
    <mergeCell ref="B32:C32"/>
    <mergeCell ref="D32:Q32"/>
    <mergeCell ref="S32:T32"/>
    <mergeCell ref="U32:W32"/>
    <mergeCell ref="Z32:AA32"/>
    <mergeCell ref="AB32:AD32"/>
    <mergeCell ref="B35:C35"/>
    <mergeCell ref="D35:Q35"/>
    <mergeCell ref="S35:T35"/>
    <mergeCell ref="U35:W35"/>
    <mergeCell ref="Z35:AA35"/>
    <mergeCell ref="AB35:AD35"/>
    <mergeCell ref="B34:C34"/>
    <mergeCell ref="D34:Q34"/>
    <mergeCell ref="S34:T34"/>
    <mergeCell ref="U34:W34"/>
    <mergeCell ref="Z34:AA34"/>
    <mergeCell ref="AB34:AD34"/>
    <mergeCell ref="B37:C37"/>
    <mergeCell ref="D37:Q37"/>
    <mergeCell ref="S37:T37"/>
    <mergeCell ref="U37:W37"/>
    <mergeCell ref="Z37:AA37"/>
    <mergeCell ref="AB37:AD37"/>
    <mergeCell ref="B36:C36"/>
    <mergeCell ref="D36:Q36"/>
    <mergeCell ref="S36:T36"/>
    <mergeCell ref="U36:W36"/>
    <mergeCell ref="Z36:AA36"/>
    <mergeCell ref="AB36:AD36"/>
    <mergeCell ref="B39:C39"/>
    <mergeCell ref="D39:Q39"/>
    <mergeCell ref="S39:T39"/>
    <mergeCell ref="U39:W39"/>
    <mergeCell ref="Z39:AA39"/>
    <mergeCell ref="AB39:AD39"/>
    <mergeCell ref="B38:C38"/>
    <mergeCell ref="D38:Q38"/>
    <mergeCell ref="S38:T38"/>
    <mergeCell ref="U38:W38"/>
    <mergeCell ref="Z38:AA38"/>
    <mergeCell ref="AB38:AD38"/>
    <mergeCell ref="B41:C41"/>
    <mergeCell ref="D41:Q41"/>
    <mergeCell ref="S41:T41"/>
    <mergeCell ref="U41:W41"/>
    <mergeCell ref="Z41:AA41"/>
    <mergeCell ref="AB41:AD41"/>
    <mergeCell ref="B40:C40"/>
    <mergeCell ref="D40:Q40"/>
    <mergeCell ref="S40:T40"/>
    <mergeCell ref="U40:W40"/>
    <mergeCell ref="Z40:AA40"/>
    <mergeCell ref="AB40:AD40"/>
    <mergeCell ref="B43:C43"/>
    <mergeCell ref="D43:Q43"/>
    <mergeCell ref="S43:T43"/>
    <mergeCell ref="U43:W43"/>
    <mergeCell ref="Z43:AA43"/>
    <mergeCell ref="AB43:AD43"/>
    <mergeCell ref="B42:C42"/>
    <mergeCell ref="D42:Q42"/>
    <mergeCell ref="S42:T42"/>
    <mergeCell ref="U42:W42"/>
    <mergeCell ref="Z42:AA42"/>
    <mergeCell ref="AB42:AD42"/>
    <mergeCell ref="B45:C45"/>
    <mergeCell ref="D45:Q45"/>
    <mergeCell ref="S45:T45"/>
    <mergeCell ref="U45:W45"/>
    <mergeCell ref="Z45:AA45"/>
    <mergeCell ref="AB45:AD45"/>
    <mergeCell ref="B44:C44"/>
    <mergeCell ref="D44:Q44"/>
    <mergeCell ref="S44:T44"/>
    <mergeCell ref="U44:W44"/>
    <mergeCell ref="Z44:AA44"/>
    <mergeCell ref="AB44:AD44"/>
    <mergeCell ref="B47:C47"/>
    <mergeCell ref="D47:Q47"/>
    <mergeCell ref="S47:T47"/>
    <mergeCell ref="U47:W47"/>
    <mergeCell ref="Z47:AA47"/>
    <mergeCell ref="AB47:AD47"/>
    <mergeCell ref="B46:C46"/>
    <mergeCell ref="D46:Q46"/>
    <mergeCell ref="S46:T46"/>
    <mergeCell ref="U46:W46"/>
    <mergeCell ref="Z46:AA46"/>
    <mergeCell ref="AB46:AD46"/>
    <mergeCell ref="B49:C49"/>
    <mergeCell ref="D49:Q49"/>
    <mergeCell ref="S49:T49"/>
    <mergeCell ref="U49:W49"/>
    <mergeCell ref="Z49:AA49"/>
    <mergeCell ref="AB49:AD49"/>
    <mergeCell ref="B48:C48"/>
    <mergeCell ref="D48:Q48"/>
    <mergeCell ref="S48:T48"/>
    <mergeCell ref="U48:W48"/>
    <mergeCell ref="Z48:AA48"/>
    <mergeCell ref="AB48:AD48"/>
    <mergeCell ref="B51:C51"/>
    <mergeCell ref="D51:Q51"/>
    <mergeCell ref="S51:T51"/>
    <mergeCell ref="U51:W51"/>
    <mergeCell ref="Z51:AA51"/>
    <mergeCell ref="AB51:AD51"/>
    <mergeCell ref="B50:C50"/>
    <mergeCell ref="D50:Q50"/>
    <mergeCell ref="S50:T50"/>
    <mergeCell ref="U50:W50"/>
    <mergeCell ref="Z50:AA50"/>
    <mergeCell ref="AB50:AD50"/>
    <mergeCell ref="B53:C53"/>
    <mergeCell ref="D53:Q53"/>
    <mergeCell ref="S53:T53"/>
    <mergeCell ref="U53:W53"/>
    <mergeCell ref="Z53:AA53"/>
    <mergeCell ref="AB53:AD53"/>
    <mergeCell ref="B52:C52"/>
    <mergeCell ref="D52:Q52"/>
    <mergeCell ref="S52:T52"/>
    <mergeCell ref="U52:W52"/>
    <mergeCell ref="Z52:AA52"/>
    <mergeCell ref="AB52:AD52"/>
    <mergeCell ref="B55:C55"/>
    <mergeCell ref="D55:Q55"/>
    <mergeCell ref="S55:T55"/>
    <mergeCell ref="U55:W55"/>
    <mergeCell ref="Z55:AA55"/>
    <mergeCell ref="AB55:AD55"/>
    <mergeCell ref="B54:C54"/>
    <mergeCell ref="D54:Q54"/>
    <mergeCell ref="S54:T54"/>
    <mergeCell ref="U54:W54"/>
    <mergeCell ref="Z54:AA54"/>
    <mergeCell ref="AB54:AD54"/>
    <mergeCell ref="B57:C57"/>
    <mergeCell ref="D57:Q57"/>
    <mergeCell ref="S57:T57"/>
    <mergeCell ref="U57:W57"/>
    <mergeCell ref="Z57:AA57"/>
    <mergeCell ref="AB57:AD57"/>
    <mergeCell ref="B56:C56"/>
    <mergeCell ref="D56:Q56"/>
    <mergeCell ref="S56:T56"/>
    <mergeCell ref="U56:W56"/>
    <mergeCell ref="Z56:AA56"/>
    <mergeCell ref="AB56:AD56"/>
    <mergeCell ref="B59:C59"/>
    <mergeCell ref="D59:Q59"/>
    <mergeCell ref="S59:T59"/>
    <mergeCell ref="U59:W59"/>
    <mergeCell ref="Z59:AA59"/>
    <mergeCell ref="AB59:AD59"/>
    <mergeCell ref="B58:C58"/>
    <mergeCell ref="D58:Q58"/>
    <mergeCell ref="S58:T58"/>
    <mergeCell ref="U58:W58"/>
    <mergeCell ref="Z58:AA58"/>
    <mergeCell ref="AB58:AD58"/>
    <mergeCell ref="B61:C61"/>
    <mergeCell ref="D61:Q61"/>
    <mergeCell ref="S61:T61"/>
    <mergeCell ref="U61:W61"/>
    <mergeCell ref="Z61:AA61"/>
    <mergeCell ref="AB61:AD61"/>
    <mergeCell ref="B60:C60"/>
    <mergeCell ref="D60:Q60"/>
    <mergeCell ref="S60:T60"/>
    <mergeCell ref="U60:W60"/>
    <mergeCell ref="Z60:AA60"/>
    <mergeCell ref="AB60:AD60"/>
    <mergeCell ref="B63:C63"/>
    <mergeCell ref="D63:Q63"/>
    <mergeCell ref="S63:T63"/>
    <mergeCell ref="U63:W63"/>
    <mergeCell ref="Z63:AA63"/>
    <mergeCell ref="AB63:AD63"/>
    <mergeCell ref="B62:C62"/>
    <mergeCell ref="D62:Q62"/>
    <mergeCell ref="S62:T62"/>
    <mergeCell ref="U62:W62"/>
    <mergeCell ref="Z62:AA62"/>
    <mergeCell ref="AB62:AD62"/>
    <mergeCell ref="B65:C65"/>
    <mergeCell ref="D65:Q65"/>
    <mergeCell ref="S65:T65"/>
    <mergeCell ref="U65:W65"/>
    <mergeCell ref="Z65:AA65"/>
    <mergeCell ref="AB65:AD65"/>
    <mergeCell ref="B64:C64"/>
    <mergeCell ref="D64:Q64"/>
    <mergeCell ref="S64:T64"/>
    <mergeCell ref="U64:W64"/>
    <mergeCell ref="Z64:AA64"/>
    <mergeCell ref="AB64:AD64"/>
    <mergeCell ref="B67:C67"/>
    <mergeCell ref="D67:Q67"/>
    <mergeCell ref="S67:T67"/>
    <mergeCell ref="U67:W67"/>
    <mergeCell ref="Z67:AA67"/>
    <mergeCell ref="AB67:AD67"/>
    <mergeCell ref="B66:C66"/>
    <mergeCell ref="D66:Q66"/>
    <mergeCell ref="S66:T66"/>
    <mergeCell ref="U66:W66"/>
    <mergeCell ref="Z66:AA66"/>
    <mergeCell ref="AB66:AD66"/>
    <mergeCell ref="B69:C69"/>
    <mergeCell ref="D69:Q69"/>
    <mergeCell ref="S69:T69"/>
    <mergeCell ref="U69:W69"/>
    <mergeCell ref="Z69:AA69"/>
    <mergeCell ref="AB69:AD69"/>
    <mergeCell ref="B68:C68"/>
    <mergeCell ref="D68:Q68"/>
    <mergeCell ref="S68:T68"/>
    <mergeCell ref="U68:W68"/>
    <mergeCell ref="Z68:AA68"/>
    <mergeCell ref="AB68:AD68"/>
    <mergeCell ref="B71:C71"/>
    <mergeCell ref="D71:Q71"/>
    <mergeCell ref="S71:T71"/>
    <mergeCell ref="U71:W71"/>
    <mergeCell ref="Z71:AA71"/>
    <mergeCell ref="AB71:AD71"/>
    <mergeCell ref="B70:C70"/>
    <mergeCell ref="D70:Q70"/>
    <mergeCell ref="S70:T70"/>
    <mergeCell ref="U70:W70"/>
    <mergeCell ref="Z70:AA70"/>
    <mergeCell ref="AB70:AD70"/>
    <mergeCell ref="B73:C73"/>
    <mergeCell ref="D73:Q73"/>
    <mergeCell ref="S73:T73"/>
    <mergeCell ref="U73:W73"/>
    <mergeCell ref="Z73:AA73"/>
    <mergeCell ref="AB73:AD73"/>
    <mergeCell ref="B72:C72"/>
    <mergeCell ref="D72:Q72"/>
    <mergeCell ref="S72:T72"/>
    <mergeCell ref="U72:W72"/>
    <mergeCell ref="Z72:AA72"/>
    <mergeCell ref="AB72:AD72"/>
    <mergeCell ref="B75:C75"/>
    <mergeCell ref="D75:Q75"/>
    <mergeCell ref="S75:T75"/>
    <mergeCell ref="U75:W75"/>
    <mergeCell ref="Z75:AA75"/>
    <mergeCell ref="AB75:AD75"/>
    <mergeCell ref="B74:C74"/>
    <mergeCell ref="D74:Q74"/>
    <mergeCell ref="S74:T74"/>
    <mergeCell ref="U74:W74"/>
    <mergeCell ref="Z74:AA74"/>
    <mergeCell ref="AB74:AD74"/>
    <mergeCell ref="B77:C77"/>
    <mergeCell ref="D77:Q77"/>
    <mergeCell ref="S77:T77"/>
    <mergeCell ref="U77:W77"/>
    <mergeCell ref="Z77:AA77"/>
    <mergeCell ref="AB77:AD77"/>
    <mergeCell ref="B76:C76"/>
    <mergeCell ref="D76:Q76"/>
    <mergeCell ref="S76:T76"/>
    <mergeCell ref="U76:W76"/>
    <mergeCell ref="Z76:AA76"/>
    <mergeCell ref="AB76:AD76"/>
    <mergeCell ref="B79:C79"/>
    <mergeCell ref="D79:Q79"/>
    <mergeCell ref="S79:T79"/>
    <mergeCell ref="U79:W79"/>
    <mergeCell ref="Z79:AA79"/>
    <mergeCell ref="AB79:AD79"/>
    <mergeCell ref="B78:C78"/>
    <mergeCell ref="D78:Q78"/>
    <mergeCell ref="S78:T78"/>
    <mergeCell ref="U78:W78"/>
    <mergeCell ref="Z78:AA78"/>
    <mergeCell ref="AB78:AD78"/>
    <mergeCell ref="B81:C81"/>
    <mergeCell ref="D81:Q81"/>
    <mergeCell ref="S81:T81"/>
    <mergeCell ref="U81:W81"/>
    <mergeCell ref="Z81:AA81"/>
    <mergeCell ref="AB81:AD81"/>
    <mergeCell ref="B80:C80"/>
    <mergeCell ref="D80:Q80"/>
    <mergeCell ref="S80:T80"/>
    <mergeCell ref="U80:W80"/>
    <mergeCell ref="Z80:AA80"/>
    <mergeCell ref="AB80:AD80"/>
    <mergeCell ref="B83:C83"/>
    <mergeCell ref="D83:Q83"/>
    <mergeCell ref="S83:T83"/>
    <mergeCell ref="U83:W83"/>
    <mergeCell ref="Z83:AA83"/>
    <mergeCell ref="AB83:AD83"/>
    <mergeCell ref="B82:C82"/>
    <mergeCell ref="D82:Q82"/>
    <mergeCell ref="S82:T82"/>
    <mergeCell ref="U82:W82"/>
    <mergeCell ref="Z82:AA82"/>
    <mergeCell ref="AB82:AD82"/>
    <mergeCell ref="B85:C85"/>
    <mergeCell ref="D85:Q85"/>
    <mergeCell ref="S85:T85"/>
    <mergeCell ref="U85:W85"/>
    <mergeCell ref="Z85:AA85"/>
    <mergeCell ref="AB85:AD85"/>
    <mergeCell ref="B84:C84"/>
    <mergeCell ref="D84:Q84"/>
    <mergeCell ref="S84:T84"/>
    <mergeCell ref="U84:W84"/>
    <mergeCell ref="Z84:AA84"/>
    <mergeCell ref="AB84:AD84"/>
    <mergeCell ref="B87:C87"/>
    <mergeCell ref="D87:Q87"/>
    <mergeCell ref="S87:T87"/>
    <mergeCell ref="U87:W87"/>
    <mergeCell ref="Z87:AA87"/>
    <mergeCell ref="AB87:AD87"/>
    <mergeCell ref="B86:C86"/>
    <mergeCell ref="D86:Q86"/>
    <mergeCell ref="S86:T86"/>
    <mergeCell ref="U86:W86"/>
    <mergeCell ref="Z86:AA86"/>
    <mergeCell ref="AB86:AD86"/>
    <mergeCell ref="B89:C89"/>
    <mergeCell ref="D89:Q89"/>
    <mergeCell ref="S89:T89"/>
    <mergeCell ref="U89:W89"/>
    <mergeCell ref="Z89:AA89"/>
    <mergeCell ref="AB89:AD89"/>
    <mergeCell ref="B88:C88"/>
    <mergeCell ref="D88:Q88"/>
    <mergeCell ref="S88:T88"/>
    <mergeCell ref="U88:W88"/>
    <mergeCell ref="Z88:AA88"/>
    <mergeCell ref="AB88:AD88"/>
    <mergeCell ref="B91:C91"/>
    <mergeCell ref="D91:Q91"/>
    <mergeCell ref="S91:T91"/>
    <mergeCell ref="U91:W91"/>
    <mergeCell ref="Z91:AA91"/>
    <mergeCell ref="AB91:AD91"/>
    <mergeCell ref="B90:C90"/>
    <mergeCell ref="D90:Q90"/>
    <mergeCell ref="S90:T90"/>
    <mergeCell ref="U90:W90"/>
    <mergeCell ref="Z90:AA90"/>
    <mergeCell ref="AB90:AD90"/>
    <mergeCell ref="B93:C93"/>
    <mergeCell ref="D93:Q93"/>
    <mergeCell ref="S93:T93"/>
    <mergeCell ref="U93:W93"/>
    <mergeCell ref="Z93:AA93"/>
    <mergeCell ref="AB93:AD93"/>
    <mergeCell ref="B92:C92"/>
    <mergeCell ref="D92:Q92"/>
    <mergeCell ref="S92:T92"/>
    <mergeCell ref="U92:W92"/>
    <mergeCell ref="Z92:AA92"/>
    <mergeCell ref="AB92:AD92"/>
    <mergeCell ref="B95:C95"/>
    <mergeCell ref="D95:Q95"/>
    <mergeCell ref="S95:T95"/>
    <mergeCell ref="U95:W95"/>
    <mergeCell ref="Z95:AA95"/>
    <mergeCell ref="AB95:AD95"/>
    <mergeCell ref="B94:C94"/>
    <mergeCell ref="D94:Q94"/>
    <mergeCell ref="S94:T94"/>
    <mergeCell ref="U94:W94"/>
    <mergeCell ref="Z94:AA94"/>
    <mergeCell ref="AB94:AD94"/>
    <mergeCell ref="B97:C97"/>
    <mergeCell ref="D97:Q97"/>
    <mergeCell ref="S97:T97"/>
    <mergeCell ref="U97:W97"/>
    <mergeCell ref="Z97:AA97"/>
    <mergeCell ref="AB97:AD97"/>
    <mergeCell ref="B96:C96"/>
    <mergeCell ref="D96:Q96"/>
    <mergeCell ref="S96:T96"/>
    <mergeCell ref="U96:W96"/>
    <mergeCell ref="Z96:AA96"/>
    <mergeCell ref="AB96:AD96"/>
    <mergeCell ref="B99:C99"/>
    <mergeCell ref="D99:Q99"/>
    <mergeCell ref="S99:T99"/>
    <mergeCell ref="U99:W99"/>
    <mergeCell ref="Z99:AA99"/>
    <mergeCell ref="AB99:AD99"/>
    <mergeCell ref="B98:C98"/>
    <mergeCell ref="D98:Q98"/>
    <mergeCell ref="S98:T98"/>
    <mergeCell ref="U98:W98"/>
    <mergeCell ref="Z98:AA98"/>
    <mergeCell ref="AB98:AD98"/>
    <mergeCell ref="B101:C101"/>
    <mergeCell ref="D101:Q101"/>
    <mergeCell ref="S101:T101"/>
    <mergeCell ref="U101:W101"/>
    <mergeCell ref="Z101:AA101"/>
    <mergeCell ref="AB101:AD101"/>
    <mergeCell ref="B100:C100"/>
    <mergeCell ref="D100:Q100"/>
    <mergeCell ref="S100:T100"/>
    <mergeCell ref="U100:W100"/>
    <mergeCell ref="Z100:AA100"/>
    <mergeCell ref="AB100:AD100"/>
  </mergeCells>
  <phoneticPr fontId="24"/>
  <conditionalFormatting sqref="AE89">
    <cfRule type="expression" dxfId="15" priority="2">
      <formula>$AN89="□"</formula>
    </cfRule>
  </conditionalFormatting>
  <conditionalFormatting sqref="AE79">
    <cfRule type="expression" dxfId="14" priority="1">
      <formula>$AN79="□"</formula>
    </cfRule>
  </conditionalFormatting>
  <dataValidations count="8">
    <dataValidation type="list" allowBlank="1" showInputMessage="1" showErrorMessage="1" sqref="I6:O6" xr:uid="{AB707B5E-9648-4FD3-9B95-46FF7508A37B}">
      <formula1>"1,2,3,4,5,6,7,8,9,10,11,12,13,14,15,16,17,18,19,20,21,22,23,24"</formula1>
    </dataValidation>
    <dataValidation type="list" allowBlank="1" showInputMessage="1" showErrorMessage="1" sqref="F14:S14 F16:S16 F12:S12" xr:uid="{911744C4-F059-42C6-80A2-935D74410C95}">
      <formula1>$F$127:$F$142</formula1>
    </dataValidation>
    <dataValidation type="list" allowBlank="1" showInputMessage="1" showErrorMessage="1" sqref="S10:Y10" xr:uid="{421BC724-2F3F-42B4-87EC-5BA5DF15906C}">
      <formula1>$E$127:$E$130</formula1>
    </dataValidation>
    <dataValidation type="list" allowBlank="1" showInputMessage="1" showErrorMessage="1" sqref="AB20:AD101" xr:uid="{EFAA7C90-39B3-4789-A3BA-941243992C88}">
      <formula1>$C$127:$C$132</formula1>
    </dataValidation>
    <dataValidation type="list" allowBlank="1" showInputMessage="1" showErrorMessage="1" sqref="F8:L8" xr:uid="{86B3AAB1-07F7-495C-A365-47C17EE85641}">
      <formula1>$B$127:$B$128</formula1>
    </dataValidation>
    <dataValidation type="list" allowBlank="1" showInputMessage="1" showErrorMessage="1" sqref="F4:M4" xr:uid="{BA8F9053-5CE5-43BD-B95D-869B1687943B}">
      <formula1>$A$127:$A$129</formula1>
    </dataValidation>
    <dataValidation type="list" allowBlank="1" showInputMessage="1" showErrorMessage="1" sqref="Z20:AA101" xr:uid="{70CF5611-ECB8-4B29-846E-318A86538996}">
      <formula1>"○,×"</formula1>
    </dataValidation>
    <dataValidation type="list" allowBlank="1" showInputMessage="1" showErrorMessage="1" sqref="F10:L10" xr:uid="{E0636A66-04E1-4BF7-BE6E-13589011C8E3}">
      <formula1>"する,しない"</formula1>
    </dataValidation>
  </dataValidations>
  <pageMargins left="0.19685039370078741" right="0.19685039370078741" top="0.39370078740157483" bottom="0.39370078740157483" header="0.19685039370078741" footer="0.19685039370078741"/>
  <pageSetup paperSize="9" scale="83" fitToHeight="0" orientation="landscape" r:id="rId1"/>
  <headerFooter alignWithMargins="0">
    <oddFooter>&amp;C&amp;P</oddFooter>
  </headerFooter>
  <rowBreaks count="2" manualBreakCount="2">
    <brk id="43" max="31" man="1"/>
    <brk id="69" max="31"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F42EBCE-2F43-4D46-BD88-196DB8B43BDC}">
  <sheetPr codeName="Sheet11">
    <pageSetUpPr fitToPage="1"/>
  </sheetPr>
  <dimension ref="A1:AG123"/>
  <sheetViews>
    <sheetView showGridLines="0" view="pageBreakPreview" zoomScaleNormal="100" zoomScaleSheetLayoutView="100" workbookViewId="0"/>
  </sheetViews>
  <sheetFormatPr defaultColWidth="9" defaultRowHeight="13"/>
  <cols>
    <col min="1" max="1" width="2.6328125" style="16" customWidth="1"/>
    <col min="2" max="2" width="3.08984375" style="16" customWidth="1"/>
    <col min="3" max="3" width="2.6328125" style="16" customWidth="1"/>
    <col min="4" max="17" width="2.6328125" style="49" customWidth="1"/>
    <col min="18" max="18" width="4.08984375" style="55" hidden="1" customWidth="1"/>
    <col min="19" max="19" width="3.08984375" style="16" customWidth="1"/>
    <col min="20" max="23" width="2.6328125" style="16" customWidth="1"/>
    <col min="24" max="24" width="5" style="16" bestFit="1" customWidth="1"/>
    <col min="25" max="25" width="4.453125" style="16" customWidth="1"/>
    <col min="26" max="28" width="2.6328125" style="16" customWidth="1"/>
    <col min="29" max="29" width="4.08984375" style="16" customWidth="1"/>
    <col min="30" max="30" width="2.6328125" style="16" customWidth="1"/>
    <col min="31" max="31" width="87" style="55" bestFit="1" customWidth="1"/>
    <col min="32" max="32" width="5.36328125" style="16" customWidth="1"/>
    <col min="33" max="16384" width="9" style="16"/>
  </cols>
  <sheetData>
    <row r="1" spans="1:33" customFormat="1" ht="29.25" customHeight="1">
      <c r="A1" s="79"/>
      <c r="B1" s="80" t="s">
        <v>337</v>
      </c>
      <c r="C1" s="80"/>
      <c r="D1" s="80"/>
      <c r="E1" s="80"/>
      <c r="F1" s="80"/>
      <c r="G1" s="80"/>
      <c r="H1" s="80"/>
      <c r="I1" s="80"/>
      <c r="J1" s="80"/>
      <c r="K1" s="80"/>
      <c r="L1" s="80"/>
      <c r="M1" s="80"/>
      <c r="N1" s="80"/>
      <c r="O1" s="80"/>
      <c r="P1" s="80"/>
      <c r="Q1" s="80"/>
      <c r="R1" s="217"/>
      <c r="S1" s="80"/>
      <c r="T1" s="81"/>
      <c r="U1" s="81"/>
      <c r="V1" s="81"/>
      <c r="W1" s="81"/>
      <c r="X1" s="80"/>
      <c r="Y1" s="80"/>
      <c r="Z1" s="323"/>
      <c r="AA1" s="323"/>
      <c r="AB1" s="323"/>
      <c r="AC1" s="323"/>
      <c r="AD1" s="323"/>
      <c r="AE1" s="355"/>
      <c r="AF1" s="356"/>
      <c r="AG1" s="71"/>
    </row>
    <row r="2" spans="1:33" s="1" customFormat="1" ht="24.75" customHeight="1">
      <c r="A2" s="83"/>
      <c r="B2" s="84"/>
      <c r="C2" s="85" t="s">
        <v>2387</v>
      </c>
      <c r="D2" s="85"/>
      <c r="E2" s="86"/>
      <c r="F2" s="86"/>
      <c r="G2" s="86"/>
      <c r="H2" s="86"/>
      <c r="I2" s="86"/>
      <c r="J2" s="86"/>
      <c r="K2" s="86"/>
      <c r="L2" s="86"/>
      <c r="M2" s="86"/>
      <c r="N2" s="86"/>
      <c r="O2" s="86"/>
      <c r="P2" s="86"/>
      <c r="Q2" s="86"/>
      <c r="R2" s="86"/>
      <c r="S2" s="86"/>
      <c r="T2" s="86"/>
      <c r="U2" s="86"/>
      <c r="V2" s="86"/>
      <c r="W2" s="86"/>
      <c r="X2" s="86"/>
      <c r="Y2" s="86"/>
      <c r="Z2" s="324"/>
      <c r="AA2" s="324"/>
      <c r="AB2" s="324"/>
      <c r="AC2" s="324"/>
      <c r="AD2" s="324"/>
      <c r="AE2" s="357"/>
      <c r="AF2" s="358"/>
      <c r="AG2" s="26"/>
    </row>
    <row r="3" spans="1:33" ht="6" customHeight="1">
      <c r="A3" s="42"/>
      <c r="B3" s="43"/>
      <c r="C3" s="43"/>
      <c r="D3" s="44"/>
      <c r="E3" s="44"/>
      <c r="F3" s="44"/>
      <c r="G3" s="44"/>
      <c r="H3" s="44"/>
      <c r="I3" s="44"/>
      <c r="J3" s="44"/>
      <c r="K3" s="44"/>
      <c r="L3" s="44"/>
      <c r="M3" s="44"/>
      <c r="N3" s="44"/>
      <c r="O3" s="44"/>
      <c r="P3" s="44"/>
      <c r="Q3" s="44"/>
      <c r="R3" s="243"/>
      <c r="S3" s="45"/>
      <c r="T3" s="45"/>
      <c r="U3" s="45"/>
      <c r="V3" s="45"/>
      <c r="W3" s="45"/>
      <c r="X3" s="45"/>
      <c r="Y3" s="45"/>
      <c r="Z3" s="45"/>
      <c r="AA3" s="45"/>
      <c r="AB3" s="45"/>
      <c r="AC3" s="45"/>
      <c r="AD3" s="43"/>
      <c r="AE3" s="273"/>
      <c r="AF3" s="109"/>
    </row>
    <row r="4" spans="1:33">
      <c r="A4" s="42"/>
      <c r="B4" s="7" t="s">
        <v>339</v>
      </c>
      <c r="C4" s="8"/>
      <c r="D4" s="9"/>
      <c r="E4" s="9"/>
      <c r="F4" s="612" t="s">
        <v>340</v>
      </c>
      <c r="G4" s="613"/>
      <c r="H4" s="613"/>
      <c r="I4" s="613"/>
      <c r="J4" s="613"/>
      <c r="K4" s="613"/>
      <c r="L4" s="613"/>
      <c r="M4" s="614"/>
      <c r="N4" s="110"/>
      <c r="O4" s="9"/>
      <c r="P4" s="9"/>
      <c r="Q4" s="9"/>
      <c r="R4" s="9"/>
      <c r="S4" s="9"/>
      <c r="T4" s="9"/>
      <c r="U4" s="9"/>
      <c r="V4" s="9"/>
      <c r="W4" s="9"/>
      <c r="X4" s="9"/>
      <c r="Y4" s="9"/>
      <c r="Z4" s="250"/>
      <c r="AA4" s="250"/>
      <c r="AB4" s="250"/>
      <c r="AC4" s="250"/>
      <c r="AD4" s="250"/>
      <c r="AE4" s="243"/>
      <c r="AF4" s="29"/>
    </row>
    <row r="5" spans="1:33" s="26" customFormat="1" ht="13.5" customHeight="1">
      <c r="A5" s="46"/>
      <c r="B5" s="8"/>
      <c r="C5" s="8"/>
      <c r="D5" s="9"/>
      <c r="E5" s="9"/>
      <c r="F5" s="9"/>
      <c r="G5" s="9"/>
      <c r="H5" s="9"/>
      <c r="I5" s="9"/>
      <c r="J5" s="9"/>
      <c r="K5" s="9"/>
      <c r="L5" s="9"/>
      <c r="M5" s="9"/>
      <c r="N5" s="9"/>
      <c r="O5" s="9"/>
      <c r="P5" s="9"/>
      <c r="Q5" s="9"/>
      <c r="R5" s="9"/>
      <c r="S5" s="9"/>
      <c r="T5" s="9"/>
      <c r="U5" s="9"/>
      <c r="V5" s="9"/>
      <c r="W5" s="9"/>
      <c r="X5" s="9"/>
      <c r="Y5" s="9"/>
      <c r="Z5" s="250"/>
      <c r="AA5" s="250"/>
      <c r="AB5" s="250"/>
      <c r="AC5" s="250"/>
      <c r="AD5" s="250"/>
      <c r="AE5" s="243"/>
      <c r="AF5" s="48"/>
    </row>
    <row r="6" spans="1:33" s="26" customFormat="1" ht="13.5" customHeight="1">
      <c r="A6" s="46"/>
      <c r="B6" s="91" t="s">
        <v>341</v>
      </c>
      <c r="C6" s="91"/>
      <c r="D6" s="91"/>
      <c r="E6" s="91"/>
      <c r="F6" s="742" t="s">
        <v>2274</v>
      </c>
      <c r="G6" s="742"/>
      <c r="H6" s="743"/>
      <c r="I6" s="612"/>
      <c r="J6" s="613"/>
      <c r="K6" s="613"/>
      <c r="L6" s="613"/>
      <c r="M6" s="613"/>
      <c r="N6" s="613"/>
      <c r="O6" s="614"/>
      <c r="P6" s="744" t="s">
        <v>2275</v>
      </c>
      <c r="Q6" s="745"/>
      <c r="R6" s="745"/>
      <c r="S6" s="745"/>
      <c r="U6" s="113"/>
      <c r="V6" s="256" t="s">
        <v>2276</v>
      </c>
      <c r="W6" s="113"/>
      <c r="X6" s="113"/>
      <c r="Y6" s="113"/>
      <c r="Z6" s="243"/>
      <c r="AA6" s="243"/>
      <c r="AD6" s="47"/>
      <c r="AF6" s="29"/>
    </row>
    <row r="7" spans="1:33">
      <c r="A7" s="25"/>
      <c r="B7" s="7"/>
      <c r="C7" s="7"/>
      <c r="D7" s="7"/>
      <c r="E7" s="7"/>
      <c r="F7" s="78"/>
      <c r="G7" s="78"/>
      <c r="H7" s="78"/>
      <c r="I7" s="110"/>
      <c r="J7" s="110"/>
      <c r="K7" s="7"/>
      <c r="L7" s="110"/>
      <c r="M7" s="110"/>
      <c r="N7" s="110"/>
      <c r="O7" s="7"/>
      <c r="P7" s="1"/>
      <c r="Q7" s="110"/>
      <c r="R7" s="110"/>
      <c r="S7" s="110"/>
      <c r="T7" s="78"/>
      <c r="U7" s="78"/>
      <c r="V7" s="78"/>
      <c r="W7" s="78"/>
      <c r="X7" s="78"/>
      <c r="Y7" s="110"/>
      <c r="Z7" s="97"/>
      <c r="AA7" s="47"/>
      <c r="AB7" s="97"/>
      <c r="AC7" s="97"/>
      <c r="AD7" s="97"/>
      <c r="AE7" s="367"/>
      <c r="AF7" s="29"/>
    </row>
    <row r="8" spans="1:33">
      <c r="A8" s="25"/>
      <c r="B8" s="7" t="s">
        <v>346</v>
      </c>
      <c r="C8" s="1"/>
      <c r="D8" s="1"/>
      <c r="E8" s="1"/>
      <c r="F8" s="606"/>
      <c r="G8" s="607"/>
      <c r="H8" s="607"/>
      <c r="I8" s="607"/>
      <c r="J8" s="607"/>
      <c r="K8" s="607"/>
      <c r="L8" s="608"/>
      <c r="M8" s="110"/>
      <c r="N8" s="110"/>
      <c r="O8" s="7"/>
      <c r="P8" s="1"/>
      <c r="Q8" s="110"/>
      <c r="R8" s="110"/>
      <c r="S8" s="110"/>
      <c r="T8" s="78"/>
      <c r="U8" s="78"/>
      <c r="V8" s="78"/>
      <c r="W8" s="78"/>
      <c r="X8" s="78"/>
      <c r="Y8" s="110"/>
      <c r="Z8" s="97"/>
      <c r="AA8" s="47"/>
      <c r="AB8" s="97"/>
      <c r="AC8" s="97"/>
      <c r="AD8" s="97"/>
      <c r="AE8" s="367"/>
      <c r="AF8" s="29"/>
    </row>
    <row r="9" spans="1:33" ht="13.5" customHeight="1">
      <c r="A9" s="25"/>
      <c r="B9" s="7"/>
      <c r="C9" s="7"/>
      <c r="D9" s="7"/>
      <c r="E9" s="7"/>
      <c r="F9" s="78"/>
      <c r="G9" s="375"/>
      <c r="H9" s="375"/>
      <c r="I9" s="110"/>
      <c r="J9" s="110"/>
      <c r="K9" s="7"/>
      <c r="L9" s="110"/>
      <c r="M9" s="375"/>
      <c r="N9" s="375"/>
      <c r="O9" s="7"/>
      <c r="P9" s="1"/>
      <c r="Q9" s="110"/>
      <c r="R9" s="110"/>
      <c r="S9" s="110"/>
      <c r="T9" s="375"/>
      <c r="U9" s="375"/>
      <c r="V9" s="375"/>
      <c r="W9" s="375"/>
      <c r="X9" s="78"/>
      <c r="Y9" s="375"/>
      <c r="Z9" s="97"/>
      <c r="AA9" s="47"/>
      <c r="AB9" s="97"/>
      <c r="AC9" s="26"/>
      <c r="AD9" s="97"/>
      <c r="AE9" s="55" t="s">
        <v>348</v>
      </c>
      <c r="AF9" s="29"/>
    </row>
    <row r="10" spans="1:33">
      <c r="A10" s="25"/>
      <c r="B10" s="7" t="s">
        <v>41</v>
      </c>
      <c r="C10" s="94"/>
      <c r="D10" s="94"/>
      <c r="E10" s="94"/>
      <c r="F10" s="609"/>
      <c r="G10" s="610"/>
      <c r="H10" s="610"/>
      <c r="I10" s="610"/>
      <c r="J10" s="610"/>
      <c r="K10" s="610"/>
      <c r="L10" s="611"/>
      <c r="M10" s="1"/>
      <c r="N10" s="7" t="s">
        <v>947</v>
      </c>
      <c r="O10" s="1"/>
      <c r="P10" s="1"/>
      <c r="Q10" s="609"/>
      <c r="R10" s="610"/>
      <c r="S10" s="610"/>
      <c r="T10" s="610"/>
      <c r="U10" s="610"/>
      <c r="V10" s="610"/>
      <c r="W10" s="610"/>
      <c r="X10" s="610"/>
      <c r="Y10" s="611"/>
      <c r="Z10" s="26"/>
      <c r="AA10" s="47"/>
      <c r="AB10" s="97"/>
      <c r="AC10" s="26"/>
      <c r="AD10" s="97"/>
      <c r="AE10" s="55" t="s">
        <v>350</v>
      </c>
      <c r="AF10" s="29"/>
    </row>
    <row r="11" spans="1:33">
      <c r="A11" s="25"/>
      <c r="B11" s="7"/>
      <c r="C11" s="94"/>
      <c r="D11" s="94"/>
      <c r="E11" s="94"/>
      <c r="F11" s="97"/>
      <c r="G11" s="97"/>
      <c r="H11" s="97"/>
      <c r="I11" s="97"/>
      <c r="J11" s="97"/>
      <c r="K11" s="97"/>
      <c r="L11" s="97"/>
      <c r="M11" s="1"/>
      <c r="N11" s="7"/>
      <c r="O11" s="1"/>
      <c r="P11" s="1"/>
      <c r="Q11" s="97"/>
      <c r="R11" s="97"/>
      <c r="S11" s="97"/>
      <c r="T11" s="97"/>
      <c r="U11" s="97"/>
      <c r="V11" s="97"/>
      <c r="W11" s="97"/>
      <c r="X11" s="97"/>
      <c r="Y11" s="97"/>
      <c r="Z11" s="26"/>
      <c r="AA11" s="47"/>
      <c r="AB11" s="97"/>
      <c r="AC11" s="26"/>
      <c r="AD11" s="97"/>
      <c r="AE11" s="55" t="s">
        <v>351</v>
      </c>
      <c r="AF11" s="29"/>
    </row>
    <row r="12" spans="1:33" ht="13.5" customHeight="1">
      <c r="A12" s="25"/>
      <c r="B12" s="7" t="s">
        <v>349</v>
      </c>
      <c r="C12" s="1"/>
      <c r="D12" s="1"/>
      <c r="E12" s="1"/>
      <c r="F12" s="606"/>
      <c r="G12" s="607"/>
      <c r="H12" s="607"/>
      <c r="I12" s="607"/>
      <c r="J12" s="607"/>
      <c r="K12" s="607"/>
      <c r="L12" s="607"/>
      <c r="M12" s="607"/>
      <c r="N12" s="607"/>
      <c r="O12" s="607"/>
      <c r="P12" s="607"/>
      <c r="Q12" s="607"/>
      <c r="R12" s="607"/>
      <c r="S12" s="608"/>
      <c r="T12" s="1"/>
      <c r="U12" s="1"/>
      <c r="V12" s="1"/>
      <c r="W12" s="1"/>
      <c r="X12" s="1"/>
      <c r="Y12" s="97"/>
      <c r="Z12" s="26"/>
      <c r="AA12" s="47"/>
      <c r="AB12" s="97"/>
      <c r="AC12" s="26"/>
      <c r="AD12" s="97"/>
      <c r="AE12" s="55" t="s">
        <v>352</v>
      </c>
      <c r="AF12" s="29"/>
    </row>
    <row r="13" spans="1:33" s="26" customFormat="1">
      <c r="A13" s="20"/>
      <c r="B13" s="7"/>
      <c r="C13" s="1"/>
      <c r="D13" s="1"/>
      <c r="E13" s="1"/>
      <c r="F13" s="1"/>
      <c r="G13" s="1"/>
      <c r="H13" s="1"/>
      <c r="I13" s="1"/>
      <c r="J13" s="1"/>
      <c r="K13" s="1"/>
      <c r="L13" s="1"/>
      <c r="M13" s="1"/>
      <c r="N13" s="1"/>
      <c r="O13" s="1"/>
      <c r="P13" s="1"/>
      <c r="Q13" s="1"/>
      <c r="R13" s="1"/>
      <c r="S13" s="1"/>
      <c r="T13" s="1"/>
      <c r="U13" s="1"/>
      <c r="V13" s="1"/>
      <c r="W13" s="1"/>
      <c r="X13" s="1"/>
      <c r="Y13" s="97"/>
      <c r="AA13" s="47"/>
      <c r="AB13" s="97"/>
      <c r="AC13" s="97"/>
      <c r="AD13" s="97"/>
      <c r="AF13" s="48"/>
    </row>
    <row r="14" spans="1:33">
      <c r="A14" s="25"/>
      <c r="B14" s="1"/>
      <c r="C14" s="1"/>
      <c r="D14" s="1"/>
      <c r="E14" s="1"/>
      <c r="F14" s="606"/>
      <c r="G14" s="607"/>
      <c r="H14" s="607"/>
      <c r="I14" s="607"/>
      <c r="J14" s="607"/>
      <c r="K14" s="607"/>
      <c r="L14" s="607"/>
      <c r="M14" s="607"/>
      <c r="N14" s="607"/>
      <c r="O14" s="607"/>
      <c r="P14" s="607"/>
      <c r="Q14" s="607"/>
      <c r="R14" s="607"/>
      <c r="S14" s="608"/>
      <c r="T14" s="1"/>
      <c r="U14" s="1"/>
      <c r="V14" s="1"/>
      <c r="W14" s="1"/>
      <c r="X14" s="1"/>
      <c r="Y14" s="97"/>
      <c r="Z14" s="26"/>
      <c r="AA14" s="47"/>
      <c r="AB14" s="97"/>
      <c r="AC14" s="97"/>
      <c r="AD14" s="97"/>
      <c r="AE14" s="367"/>
      <c r="AF14" s="29"/>
    </row>
    <row r="15" spans="1:33" ht="13.5" customHeight="1">
      <c r="A15" s="25"/>
      <c r="B15" s="7"/>
      <c r="C15" s="94"/>
      <c r="D15" s="94"/>
      <c r="E15" s="94"/>
      <c r="F15" s="97"/>
      <c r="G15" s="97"/>
      <c r="H15" s="97"/>
      <c r="I15" s="97"/>
      <c r="J15" s="97"/>
      <c r="K15" s="97"/>
      <c r="L15" s="97"/>
      <c r="M15" s="1"/>
      <c r="N15" s="7"/>
      <c r="O15" s="1"/>
      <c r="P15" s="1"/>
      <c r="Q15" s="97"/>
      <c r="R15" s="97"/>
      <c r="S15" s="97"/>
      <c r="T15" s="97"/>
      <c r="U15" s="97"/>
      <c r="V15" s="97"/>
      <c r="W15" s="97"/>
      <c r="X15" s="97"/>
      <c r="Y15" s="97"/>
      <c r="Z15" s="26"/>
      <c r="AA15" s="47"/>
      <c r="AB15" s="97"/>
      <c r="AC15" s="97"/>
      <c r="AD15" s="97"/>
      <c r="AE15" s="26" t="s">
        <v>375</v>
      </c>
      <c r="AF15" s="29"/>
    </row>
    <row r="16" spans="1:33" ht="13.5" customHeight="1">
      <c r="A16" s="25"/>
      <c r="B16" s="7"/>
      <c r="C16" s="94"/>
      <c r="D16" s="94"/>
      <c r="E16" s="94"/>
      <c r="F16" s="606"/>
      <c r="G16" s="607"/>
      <c r="H16" s="607"/>
      <c r="I16" s="607"/>
      <c r="J16" s="607"/>
      <c r="K16" s="607"/>
      <c r="L16" s="607"/>
      <c r="M16" s="607"/>
      <c r="N16" s="607"/>
      <c r="O16" s="607"/>
      <c r="P16" s="607"/>
      <c r="Q16" s="607"/>
      <c r="R16" s="607"/>
      <c r="S16" s="608"/>
      <c r="T16" s="97"/>
      <c r="U16" s="97"/>
      <c r="V16" s="97"/>
      <c r="W16" s="97"/>
      <c r="X16" s="97"/>
      <c r="Y16" s="97"/>
      <c r="Z16" s="26"/>
      <c r="AA16" s="47"/>
      <c r="AB16" s="97"/>
      <c r="AC16" s="97"/>
      <c r="AD16" s="97"/>
      <c r="AE16" s="367"/>
      <c r="AF16" s="29"/>
    </row>
    <row r="17" spans="1:32" ht="15" customHeight="1">
      <c r="A17" s="51"/>
      <c r="B17" s="43"/>
      <c r="C17" s="43"/>
      <c r="D17" s="44"/>
      <c r="E17" s="44"/>
      <c r="F17" s="44"/>
      <c r="G17" s="44"/>
      <c r="H17" s="44"/>
      <c r="I17" s="44"/>
      <c r="J17" s="44"/>
      <c r="K17" s="44"/>
      <c r="L17" s="44"/>
      <c r="M17" s="44"/>
      <c r="N17" s="44"/>
      <c r="O17" s="44"/>
      <c r="P17" s="44"/>
      <c r="Q17" s="44"/>
      <c r="R17" s="243"/>
      <c r="S17" s="45"/>
      <c r="T17" s="45"/>
      <c r="U17" s="45"/>
      <c r="V17" s="45"/>
      <c r="W17" s="45"/>
      <c r="X17" s="45"/>
      <c r="Y17" s="45"/>
      <c r="Z17" s="45"/>
      <c r="AA17" s="45"/>
      <c r="AB17" s="45"/>
      <c r="AC17" s="45"/>
      <c r="AD17" s="43"/>
      <c r="AE17" s="273"/>
      <c r="AF17" s="29"/>
    </row>
    <row r="18" spans="1:32" ht="13.5" customHeight="1">
      <c r="A18" s="51"/>
      <c r="B18" s="583" t="s">
        <v>73</v>
      </c>
      <c r="C18" s="573"/>
      <c r="D18" s="572" t="s">
        <v>94</v>
      </c>
      <c r="E18" s="572"/>
      <c r="F18" s="572"/>
      <c r="G18" s="572"/>
      <c r="H18" s="572"/>
      <c r="I18" s="572"/>
      <c r="J18" s="572"/>
      <c r="K18" s="572"/>
      <c r="L18" s="572"/>
      <c r="M18" s="572"/>
      <c r="N18" s="572"/>
      <c r="O18" s="572"/>
      <c r="P18" s="572"/>
      <c r="Q18" s="572"/>
      <c r="R18" s="226" t="s">
        <v>383</v>
      </c>
      <c r="S18" s="572" t="s">
        <v>138</v>
      </c>
      <c r="T18" s="572"/>
      <c r="U18" s="736" t="s">
        <v>959</v>
      </c>
      <c r="V18" s="737"/>
      <c r="W18" s="738"/>
      <c r="X18" s="572" t="s">
        <v>97</v>
      </c>
      <c r="Y18" s="572"/>
      <c r="Z18" s="572" t="s">
        <v>98</v>
      </c>
      <c r="AA18" s="572"/>
      <c r="AB18" s="583" t="s">
        <v>75</v>
      </c>
      <c r="AC18" s="583"/>
      <c r="AD18" s="583"/>
      <c r="AE18" s="746" t="s">
        <v>159</v>
      </c>
      <c r="AF18" s="37"/>
    </row>
    <row r="19" spans="1:32" ht="12.75" customHeight="1">
      <c r="A19" s="51"/>
      <c r="B19" s="573"/>
      <c r="C19" s="573"/>
      <c r="D19" s="572"/>
      <c r="E19" s="572"/>
      <c r="F19" s="572"/>
      <c r="G19" s="572"/>
      <c r="H19" s="572"/>
      <c r="I19" s="572"/>
      <c r="J19" s="572"/>
      <c r="K19" s="572"/>
      <c r="L19" s="572"/>
      <c r="M19" s="572"/>
      <c r="N19" s="572"/>
      <c r="O19" s="572"/>
      <c r="P19" s="572"/>
      <c r="Q19" s="572"/>
      <c r="R19" s="227"/>
      <c r="S19" s="572"/>
      <c r="T19" s="572"/>
      <c r="U19" s="739"/>
      <c r="V19" s="740"/>
      <c r="W19" s="741"/>
      <c r="X19" s="572"/>
      <c r="Y19" s="572"/>
      <c r="Z19" s="572"/>
      <c r="AA19" s="572"/>
      <c r="AB19" s="583"/>
      <c r="AC19" s="583"/>
      <c r="AD19" s="583"/>
      <c r="AE19" s="746"/>
      <c r="AF19" s="37"/>
    </row>
    <row r="20" spans="1:32" s="26" customFormat="1" ht="13.4" customHeight="1">
      <c r="A20" s="20"/>
      <c r="B20" s="541">
        <v>1</v>
      </c>
      <c r="C20" s="542"/>
      <c r="D20" s="563" t="s">
        <v>2277</v>
      </c>
      <c r="E20" s="564"/>
      <c r="F20" s="564"/>
      <c r="G20" s="564"/>
      <c r="H20" s="564"/>
      <c r="I20" s="564"/>
      <c r="J20" s="564"/>
      <c r="K20" s="564"/>
      <c r="L20" s="564"/>
      <c r="M20" s="564"/>
      <c r="N20" s="564"/>
      <c r="O20" s="564"/>
      <c r="P20" s="564"/>
      <c r="Q20" s="565"/>
      <c r="R20" s="219" t="s">
        <v>443</v>
      </c>
      <c r="S20" s="546" t="s">
        <v>101</v>
      </c>
      <c r="T20" s="548"/>
      <c r="U20" s="623" t="s">
        <v>102</v>
      </c>
      <c r="V20" s="624"/>
      <c r="W20" s="625"/>
      <c r="X20" s="415">
        <v>51</v>
      </c>
      <c r="Y20" s="415" t="s">
        <v>103</v>
      </c>
      <c r="Z20" s="700"/>
      <c r="AA20" s="700"/>
      <c r="AB20" s="592"/>
      <c r="AC20" s="592"/>
      <c r="AD20" s="592"/>
      <c r="AE20" s="265"/>
      <c r="AF20" s="38"/>
    </row>
    <row r="21" spans="1:32" s="26" customFormat="1" ht="13.4" customHeight="1">
      <c r="A21" s="20"/>
      <c r="B21" s="541">
        <v>2</v>
      </c>
      <c r="C21" s="542"/>
      <c r="D21" s="563" t="s">
        <v>394</v>
      </c>
      <c r="E21" s="564"/>
      <c r="F21" s="564"/>
      <c r="G21" s="564"/>
      <c r="H21" s="564"/>
      <c r="I21" s="564"/>
      <c r="J21" s="564"/>
      <c r="K21" s="564"/>
      <c r="L21" s="564"/>
      <c r="M21" s="564"/>
      <c r="N21" s="564"/>
      <c r="O21" s="564"/>
      <c r="P21" s="564"/>
      <c r="Q21" s="565"/>
      <c r="R21" s="221" t="s">
        <v>960</v>
      </c>
      <c r="S21" s="546" t="s">
        <v>107</v>
      </c>
      <c r="T21" s="548"/>
      <c r="U21" s="623" t="s">
        <v>102</v>
      </c>
      <c r="V21" s="624"/>
      <c r="W21" s="625"/>
      <c r="X21" s="210">
        <v>16</v>
      </c>
      <c r="Y21" s="210" t="s">
        <v>103</v>
      </c>
      <c r="Z21" s="700"/>
      <c r="AA21" s="700"/>
      <c r="AB21" s="592"/>
      <c r="AC21" s="592"/>
      <c r="AD21" s="592"/>
      <c r="AE21" s="265"/>
      <c r="AF21" s="38"/>
    </row>
    <row r="22" spans="1:32" s="54" customFormat="1" ht="13.4" customHeight="1">
      <c r="A22" s="20"/>
      <c r="B22" s="676">
        <v>3</v>
      </c>
      <c r="C22" s="677"/>
      <c r="D22" s="694" t="s">
        <v>2382</v>
      </c>
      <c r="E22" s="695"/>
      <c r="F22" s="695"/>
      <c r="G22" s="695"/>
      <c r="H22" s="695"/>
      <c r="I22" s="695"/>
      <c r="J22" s="695"/>
      <c r="K22" s="695"/>
      <c r="L22" s="695"/>
      <c r="M22" s="695"/>
      <c r="N22" s="695"/>
      <c r="O22" s="695"/>
      <c r="P22" s="695"/>
      <c r="Q22" s="696"/>
      <c r="R22" s="262" t="s">
        <v>961</v>
      </c>
      <c r="S22" s="681" t="s">
        <v>398</v>
      </c>
      <c r="T22" s="683"/>
      <c r="U22" s="724" t="s">
        <v>102</v>
      </c>
      <c r="V22" s="725"/>
      <c r="W22" s="726"/>
      <c r="X22" s="417">
        <v>40</v>
      </c>
      <c r="Y22" s="417" t="s">
        <v>103</v>
      </c>
      <c r="Z22" s="730" t="s">
        <v>109</v>
      </c>
      <c r="AA22" s="730"/>
      <c r="AB22" s="717"/>
      <c r="AC22" s="717"/>
      <c r="AD22" s="717"/>
      <c r="AE22" s="321" t="s">
        <v>399</v>
      </c>
      <c r="AF22" s="38"/>
    </row>
    <row r="23" spans="1:32" s="54" customFormat="1" ht="13.4" customHeight="1">
      <c r="A23" s="20"/>
      <c r="B23" s="676">
        <v>4</v>
      </c>
      <c r="C23" s="677"/>
      <c r="D23" s="694" t="s">
        <v>2280</v>
      </c>
      <c r="E23" s="695"/>
      <c r="F23" s="695"/>
      <c r="G23" s="695"/>
      <c r="H23" s="695"/>
      <c r="I23" s="695"/>
      <c r="J23" s="695"/>
      <c r="K23" s="695"/>
      <c r="L23" s="695"/>
      <c r="M23" s="695"/>
      <c r="N23" s="695"/>
      <c r="O23" s="695"/>
      <c r="P23" s="695"/>
      <c r="Q23" s="696"/>
      <c r="R23" s="262" t="s">
        <v>447</v>
      </c>
      <c r="S23" s="681" t="s">
        <v>107</v>
      </c>
      <c r="T23" s="683"/>
      <c r="U23" s="724" t="s">
        <v>108</v>
      </c>
      <c r="V23" s="725"/>
      <c r="W23" s="726"/>
      <c r="X23" s="417">
        <v>3</v>
      </c>
      <c r="Y23" s="417">
        <v>0</v>
      </c>
      <c r="Z23" s="730" t="s">
        <v>109</v>
      </c>
      <c r="AA23" s="730"/>
      <c r="AB23" s="717"/>
      <c r="AC23" s="717"/>
      <c r="AD23" s="717"/>
      <c r="AE23" s="321" t="s">
        <v>391</v>
      </c>
      <c r="AF23" s="38"/>
    </row>
    <row r="24" spans="1:32" s="55" customFormat="1">
      <c r="A24" s="394"/>
      <c r="B24" s="541">
        <v>5</v>
      </c>
      <c r="C24" s="542"/>
      <c r="D24" s="543" t="s">
        <v>2281</v>
      </c>
      <c r="E24" s="544"/>
      <c r="F24" s="544"/>
      <c r="G24" s="544"/>
      <c r="H24" s="544"/>
      <c r="I24" s="544"/>
      <c r="J24" s="544"/>
      <c r="K24" s="544"/>
      <c r="L24" s="544"/>
      <c r="M24" s="544"/>
      <c r="N24" s="544"/>
      <c r="O24" s="544"/>
      <c r="P24" s="544"/>
      <c r="Q24" s="545"/>
      <c r="R24" s="244" t="s">
        <v>518</v>
      </c>
      <c r="S24" s="546" t="s">
        <v>101</v>
      </c>
      <c r="T24" s="548"/>
      <c r="U24" s="623" t="s">
        <v>102</v>
      </c>
      <c r="V24" s="624"/>
      <c r="W24" s="625"/>
      <c r="X24" s="210">
        <v>3</v>
      </c>
      <c r="Y24" s="210" t="s">
        <v>103</v>
      </c>
      <c r="Z24" s="700"/>
      <c r="AA24" s="700"/>
      <c r="AB24" s="592"/>
      <c r="AC24" s="592"/>
      <c r="AD24" s="592"/>
      <c r="AE24" s="265"/>
      <c r="AF24" s="39"/>
    </row>
    <row r="25" spans="1:32" s="55" customFormat="1" ht="13.4" customHeight="1">
      <c r="A25" s="394"/>
      <c r="B25" s="541">
        <v>6</v>
      </c>
      <c r="C25" s="542"/>
      <c r="D25" s="563" t="s">
        <v>2282</v>
      </c>
      <c r="E25" s="564"/>
      <c r="F25" s="564"/>
      <c r="G25" s="564"/>
      <c r="H25" s="564"/>
      <c r="I25" s="564"/>
      <c r="J25" s="564"/>
      <c r="K25" s="564"/>
      <c r="L25" s="564"/>
      <c r="M25" s="564"/>
      <c r="N25" s="564"/>
      <c r="O25" s="564"/>
      <c r="P25" s="564"/>
      <c r="Q25" s="565"/>
      <c r="R25" s="244" t="s">
        <v>2283</v>
      </c>
      <c r="S25" s="546" t="s">
        <v>1844</v>
      </c>
      <c r="T25" s="548"/>
      <c r="U25" s="623" t="s">
        <v>102</v>
      </c>
      <c r="V25" s="624"/>
      <c r="W25" s="625"/>
      <c r="X25" s="210">
        <v>10</v>
      </c>
      <c r="Y25" s="210" t="s">
        <v>103</v>
      </c>
      <c r="Z25" s="700"/>
      <c r="AA25" s="700"/>
      <c r="AB25" s="592"/>
      <c r="AC25" s="592"/>
      <c r="AD25" s="592"/>
      <c r="AE25" s="265"/>
      <c r="AF25" s="39"/>
    </row>
    <row r="26" spans="1:32" s="57" customFormat="1">
      <c r="A26" s="394"/>
      <c r="B26" s="541">
        <v>7</v>
      </c>
      <c r="C26" s="542"/>
      <c r="D26" s="543" t="s">
        <v>2284</v>
      </c>
      <c r="E26" s="544"/>
      <c r="F26" s="544"/>
      <c r="G26" s="544"/>
      <c r="H26" s="544"/>
      <c r="I26" s="544"/>
      <c r="J26" s="544"/>
      <c r="K26" s="544"/>
      <c r="L26" s="544"/>
      <c r="M26" s="544"/>
      <c r="N26" s="544"/>
      <c r="O26" s="544"/>
      <c r="P26" s="544"/>
      <c r="Q26" s="545"/>
      <c r="R26" s="244" t="s">
        <v>520</v>
      </c>
      <c r="S26" s="546" t="s">
        <v>101</v>
      </c>
      <c r="T26" s="548"/>
      <c r="U26" s="623" t="s">
        <v>102</v>
      </c>
      <c r="V26" s="624"/>
      <c r="W26" s="625"/>
      <c r="X26" s="210">
        <v>3</v>
      </c>
      <c r="Y26" s="210" t="s">
        <v>103</v>
      </c>
      <c r="Z26" s="700"/>
      <c r="AA26" s="700"/>
      <c r="AB26" s="592"/>
      <c r="AC26" s="592"/>
      <c r="AD26" s="592"/>
      <c r="AE26" s="267"/>
      <c r="AF26" s="39"/>
    </row>
    <row r="27" spans="1:32" s="55" customFormat="1" ht="13.4" customHeight="1">
      <c r="A27" s="394"/>
      <c r="B27" s="541">
        <v>8</v>
      </c>
      <c r="C27" s="542"/>
      <c r="D27" s="563" t="s">
        <v>2285</v>
      </c>
      <c r="E27" s="564"/>
      <c r="F27" s="564"/>
      <c r="G27" s="564"/>
      <c r="H27" s="564"/>
      <c r="I27" s="564"/>
      <c r="J27" s="564"/>
      <c r="K27" s="564"/>
      <c r="L27" s="564"/>
      <c r="M27" s="564"/>
      <c r="N27" s="564"/>
      <c r="O27" s="564"/>
      <c r="P27" s="564"/>
      <c r="Q27" s="565"/>
      <c r="R27" s="221" t="s">
        <v>2286</v>
      </c>
      <c r="S27" s="546" t="s">
        <v>1844</v>
      </c>
      <c r="T27" s="548"/>
      <c r="U27" s="623" t="s">
        <v>102</v>
      </c>
      <c r="V27" s="624"/>
      <c r="W27" s="625"/>
      <c r="X27" s="210">
        <v>10</v>
      </c>
      <c r="Y27" s="210" t="s">
        <v>103</v>
      </c>
      <c r="Z27" s="700"/>
      <c r="AA27" s="700"/>
      <c r="AB27" s="592"/>
      <c r="AC27" s="592"/>
      <c r="AD27" s="592"/>
      <c r="AE27" s="265"/>
      <c r="AF27" s="39"/>
    </row>
    <row r="28" spans="1:32" s="55" customFormat="1" ht="13.4" customHeight="1">
      <c r="A28" s="394"/>
      <c r="B28" s="676">
        <v>9</v>
      </c>
      <c r="C28" s="677"/>
      <c r="D28" s="694" t="s">
        <v>1835</v>
      </c>
      <c r="E28" s="695"/>
      <c r="F28" s="695"/>
      <c r="G28" s="695"/>
      <c r="H28" s="695"/>
      <c r="I28" s="695"/>
      <c r="J28" s="695"/>
      <c r="K28" s="695"/>
      <c r="L28" s="695"/>
      <c r="M28" s="695"/>
      <c r="N28" s="695"/>
      <c r="O28" s="695"/>
      <c r="P28" s="695"/>
      <c r="Q28" s="696"/>
      <c r="R28" s="260" t="s">
        <v>522</v>
      </c>
      <c r="S28" s="681" t="s">
        <v>107</v>
      </c>
      <c r="T28" s="683"/>
      <c r="U28" s="724" t="s">
        <v>108</v>
      </c>
      <c r="V28" s="725"/>
      <c r="W28" s="726"/>
      <c r="X28" s="268">
        <v>3</v>
      </c>
      <c r="Y28" s="268">
        <v>0</v>
      </c>
      <c r="Z28" s="730" t="s">
        <v>109</v>
      </c>
      <c r="AA28" s="730"/>
      <c r="AB28" s="717"/>
      <c r="AC28" s="717"/>
      <c r="AD28" s="717"/>
      <c r="AE28" s="321" t="s">
        <v>391</v>
      </c>
      <c r="AF28" s="39"/>
    </row>
    <row r="29" spans="1:32" s="55" customFormat="1">
      <c r="A29" s="394"/>
      <c r="B29" s="541">
        <v>10</v>
      </c>
      <c r="C29" s="542"/>
      <c r="D29" s="543" t="s">
        <v>2287</v>
      </c>
      <c r="E29" s="544"/>
      <c r="F29" s="544"/>
      <c r="G29" s="544"/>
      <c r="H29" s="544"/>
      <c r="I29" s="544"/>
      <c r="J29" s="544"/>
      <c r="K29" s="544"/>
      <c r="L29" s="544"/>
      <c r="M29" s="544"/>
      <c r="N29" s="544"/>
      <c r="O29" s="544"/>
      <c r="P29" s="544"/>
      <c r="Q29" s="545"/>
      <c r="R29" s="221" t="s">
        <v>524</v>
      </c>
      <c r="S29" s="546" t="s">
        <v>101</v>
      </c>
      <c r="T29" s="548"/>
      <c r="U29" s="623" t="s">
        <v>102</v>
      </c>
      <c r="V29" s="624"/>
      <c r="W29" s="625"/>
      <c r="X29" s="210">
        <v>3</v>
      </c>
      <c r="Y29" s="210" t="s">
        <v>103</v>
      </c>
      <c r="Z29" s="700"/>
      <c r="AA29" s="700"/>
      <c r="AB29" s="592"/>
      <c r="AC29" s="592"/>
      <c r="AD29" s="592"/>
      <c r="AE29" s="265"/>
      <c r="AF29" s="39"/>
    </row>
    <row r="30" spans="1:32" s="26" customFormat="1" ht="13.4" customHeight="1">
      <c r="A30" s="20"/>
      <c r="B30" s="541">
        <v>11</v>
      </c>
      <c r="C30" s="542"/>
      <c r="D30" s="563" t="s">
        <v>2288</v>
      </c>
      <c r="E30" s="564"/>
      <c r="F30" s="564"/>
      <c r="G30" s="564"/>
      <c r="H30" s="564"/>
      <c r="I30" s="564"/>
      <c r="J30" s="564"/>
      <c r="K30" s="564"/>
      <c r="L30" s="564"/>
      <c r="M30" s="564"/>
      <c r="N30" s="564"/>
      <c r="O30" s="564"/>
      <c r="P30" s="564"/>
      <c r="Q30" s="565"/>
      <c r="R30" s="222" t="s">
        <v>2289</v>
      </c>
      <c r="S30" s="546" t="s">
        <v>1844</v>
      </c>
      <c r="T30" s="548"/>
      <c r="U30" s="623" t="s">
        <v>102</v>
      </c>
      <c r="V30" s="624"/>
      <c r="W30" s="625"/>
      <c r="X30" s="210">
        <v>10</v>
      </c>
      <c r="Y30" s="210" t="s">
        <v>103</v>
      </c>
      <c r="Z30" s="700"/>
      <c r="AA30" s="700"/>
      <c r="AB30" s="592"/>
      <c r="AC30" s="592"/>
      <c r="AD30" s="592"/>
      <c r="AE30" s="265"/>
      <c r="AF30" s="38"/>
    </row>
    <row r="31" spans="1:32" s="26" customFormat="1">
      <c r="A31" s="20"/>
      <c r="B31" s="541">
        <v>12</v>
      </c>
      <c r="C31" s="542"/>
      <c r="D31" s="543" t="s">
        <v>2290</v>
      </c>
      <c r="E31" s="544"/>
      <c r="F31" s="544"/>
      <c r="G31" s="544"/>
      <c r="H31" s="544"/>
      <c r="I31" s="544"/>
      <c r="J31" s="544"/>
      <c r="K31" s="544"/>
      <c r="L31" s="544"/>
      <c r="M31" s="544"/>
      <c r="N31" s="544"/>
      <c r="O31" s="544"/>
      <c r="P31" s="544"/>
      <c r="Q31" s="545"/>
      <c r="R31" s="221" t="s">
        <v>526</v>
      </c>
      <c r="S31" s="546" t="s">
        <v>101</v>
      </c>
      <c r="T31" s="548"/>
      <c r="U31" s="623" t="s">
        <v>102</v>
      </c>
      <c r="V31" s="624"/>
      <c r="W31" s="625"/>
      <c r="X31" s="210">
        <v>3</v>
      </c>
      <c r="Y31" s="210" t="s">
        <v>103</v>
      </c>
      <c r="Z31" s="700"/>
      <c r="AA31" s="700"/>
      <c r="AB31" s="592"/>
      <c r="AC31" s="592"/>
      <c r="AD31" s="592"/>
      <c r="AE31" s="265"/>
      <c r="AF31" s="38"/>
    </row>
    <row r="32" spans="1:32" s="26" customFormat="1">
      <c r="A32" s="20"/>
      <c r="B32" s="541">
        <v>13</v>
      </c>
      <c r="C32" s="542"/>
      <c r="D32" s="563" t="s">
        <v>2291</v>
      </c>
      <c r="E32" s="564"/>
      <c r="F32" s="564"/>
      <c r="G32" s="564"/>
      <c r="H32" s="564"/>
      <c r="I32" s="564"/>
      <c r="J32" s="564"/>
      <c r="K32" s="564"/>
      <c r="L32" s="564"/>
      <c r="M32" s="564"/>
      <c r="N32" s="564"/>
      <c r="O32" s="564"/>
      <c r="P32" s="564"/>
      <c r="Q32" s="565"/>
      <c r="R32" s="221" t="s">
        <v>2292</v>
      </c>
      <c r="S32" s="546" t="s">
        <v>1844</v>
      </c>
      <c r="T32" s="548"/>
      <c r="U32" s="623" t="s">
        <v>102</v>
      </c>
      <c r="V32" s="624"/>
      <c r="W32" s="625"/>
      <c r="X32" s="210">
        <v>10</v>
      </c>
      <c r="Y32" s="210" t="s">
        <v>103</v>
      </c>
      <c r="Z32" s="700"/>
      <c r="AA32" s="700"/>
      <c r="AB32" s="592"/>
      <c r="AC32" s="592"/>
      <c r="AD32" s="592"/>
      <c r="AE32" s="265"/>
      <c r="AF32" s="38"/>
    </row>
    <row r="33" spans="1:32" s="26" customFormat="1">
      <c r="A33" s="20"/>
      <c r="B33" s="541">
        <v>14</v>
      </c>
      <c r="C33" s="542"/>
      <c r="D33" s="543" t="s">
        <v>112</v>
      </c>
      <c r="E33" s="544"/>
      <c r="F33" s="544"/>
      <c r="G33" s="544"/>
      <c r="H33" s="544"/>
      <c r="I33" s="544"/>
      <c r="J33" s="544"/>
      <c r="K33" s="544"/>
      <c r="L33" s="544"/>
      <c r="M33" s="544"/>
      <c r="N33" s="544"/>
      <c r="O33" s="544"/>
      <c r="P33" s="544"/>
      <c r="Q33" s="545"/>
      <c r="R33" s="222" t="s">
        <v>448</v>
      </c>
      <c r="S33" s="546" t="s">
        <v>101</v>
      </c>
      <c r="T33" s="548"/>
      <c r="U33" s="623" t="s">
        <v>102</v>
      </c>
      <c r="V33" s="624"/>
      <c r="W33" s="625"/>
      <c r="X33" s="210">
        <v>64</v>
      </c>
      <c r="Y33" s="210" t="s">
        <v>103</v>
      </c>
      <c r="Z33" s="700"/>
      <c r="AA33" s="700"/>
      <c r="AB33" s="592"/>
      <c r="AC33" s="592"/>
      <c r="AD33" s="592"/>
      <c r="AE33" s="265"/>
      <c r="AF33" s="38"/>
    </row>
    <row r="34" spans="1:32" s="26" customFormat="1">
      <c r="A34" s="20"/>
      <c r="B34" s="541">
        <v>15</v>
      </c>
      <c r="C34" s="542"/>
      <c r="D34" s="543" t="s">
        <v>113</v>
      </c>
      <c r="E34" s="544"/>
      <c r="F34" s="544"/>
      <c r="G34" s="544"/>
      <c r="H34" s="544"/>
      <c r="I34" s="544"/>
      <c r="J34" s="544"/>
      <c r="K34" s="544"/>
      <c r="L34" s="544"/>
      <c r="M34" s="544"/>
      <c r="N34" s="544"/>
      <c r="O34" s="544"/>
      <c r="P34" s="544"/>
      <c r="Q34" s="545"/>
      <c r="R34" s="221" t="s">
        <v>449</v>
      </c>
      <c r="S34" s="546" t="s">
        <v>101</v>
      </c>
      <c r="T34" s="548"/>
      <c r="U34" s="623" t="s">
        <v>102</v>
      </c>
      <c r="V34" s="624"/>
      <c r="W34" s="625"/>
      <c r="X34" s="210">
        <v>64</v>
      </c>
      <c r="Y34" s="210" t="s">
        <v>103</v>
      </c>
      <c r="Z34" s="700"/>
      <c r="AA34" s="700"/>
      <c r="AB34" s="592"/>
      <c r="AC34" s="592"/>
      <c r="AD34" s="592"/>
      <c r="AE34" s="265"/>
      <c r="AF34" s="38"/>
    </row>
    <row r="35" spans="1:32" s="54" customFormat="1">
      <c r="A35" s="20"/>
      <c r="B35" s="714">
        <v>16</v>
      </c>
      <c r="C35" s="715"/>
      <c r="D35" s="543" t="s">
        <v>114</v>
      </c>
      <c r="E35" s="544"/>
      <c r="F35" s="544"/>
      <c r="G35" s="544"/>
      <c r="H35" s="544"/>
      <c r="I35" s="544"/>
      <c r="J35" s="544"/>
      <c r="K35" s="544"/>
      <c r="L35" s="544"/>
      <c r="M35" s="544"/>
      <c r="N35" s="544"/>
      <c r="O35" s="544"/>
      <c r="P35" s="544"/>
      <c r="Q35" s="545"/>
      <c r="R35" s="222" t="s">
        <v>450</v>
      </c>
      <c r="S35" s="546" t="s">
        <v>101</v>
      </c>
      <c r="T35" s="548"/>
      <c r="U35" s="623" t="s">
        <v>102</v>
      </c>
      <c r="V35" s="624"/>
      <c r="W35" s="625"/>
      <c r="X35" s="210">
        <v>64</v>
      </c>
      <c r="Y35" s="210" t="s">
        <v>103</v>
      </c>
      <c r="Z35" s="700"/>
      <c r="AA35" s="700"/>
      <c r="AB35" s="592"/>
      <c r="AC35" s="592"/>
      <c r="AD35" s="592"/>
      <c r="AE35" s="265"/>
      <c r="AF35" s="38"/>
    </row>
    <row r="36" spans="1:32" s="55" customFormat="1">
      <c r="A36" s="394"/>
      <c r="B36" s="541">
        <v>17</v>
      </c>
      <c r="C36" s="542"/>
      <c r="D36" s="563" t="s">
        <v>115</v>
      </c>
      <c r="E36" s="564"/>
      <c r="F36" s="564"/>
      <c r="G36" s="564"/>
      <c r="H36" s="564"/>
      <c r="I36" s="564"/>
      <c r="J36" s="564"/>
      <c r="K36" s="564"/>
      <c r="L36" s="564"/>
      <c r="M36" s="564"/>
      <c r="N36" s="564"/>
      <c r="O36" s="564"/>
      <c r="P36" s="564"/>
      <c r="Q36" s="565"/>
      <c r="R36" s="221" t="s">
        <v>451</v>
      </c>
      <c r="S36" s="546" t="s">
        <v>107</v>
      </c>
      <c r="T36" s="548"/>
      <c r="U36" s="623" t="s">
        <v>108</v>
      </c>
      <c r="V36" s="624"/>
      <c r="W36" s="625"/>
      <c r="X36" s="210">
        <v>6</v>
      </c>
      <c r="Y36" s="210">
        <v>0</v>
      </c>
      <c r="Z36" s="700"/>
      <c r="AA36" s="700"/>
      <c r="AB36" s="592"/>
      <c r="AC36" s="592"/>
      <c r="AD36" s="592"/>
      <c r="AE36" s="265"/>
      <c r="AF36" s="39"/>
    </row>
    <row r="37" spans="1:32" s="57" customFormat="1">
      <c r="A37" s="394"/>
      <c r="B37" s="541">
        <v>18</v>
      </c>
      <c r="C37" s="542"/>
      <c r="D37" s="563" t="s">
        <v>116</v>
      </c>
      <c r="E37" s="564"/>
      <c r="F37" s="564"/>
      <c r="G37" s="564"/>
      <c r="H37" s="564"/>
      <c r="I37" s="564"/>
      <c r="J37" s="564"/>
      <c r="K37" s="564"/>
      <c r="L37" s="564"/>
      <c r="M37" s="564"/>
      <c r="N37" s="564"/>
      <c r="O37" s="564"/>
      <c r="P37" s="564"/>
      <c r="Q37" s="565"/>
      <c r="R37" s="221" t="s">
        <v>452</v>
      </c>
      <c r="S37" s="546" t="s">
        <v>107</v>
      </c>
      <c r="T37" s="548"/>
      <c r="U37" s="623" t="s">
        <v>102</v>
      </c>
      <c r="V37" s="624"/>
      <c r="W37" s="625"/>
      <c r="X37" s="210">
        <v>4</v>
      </c>
      <c r="Y37" s="210" t="s">
        <v>103</v>
      </c>
      <c r="Z37" s="700"/>
      <c r="AA37" s="700"/>
      <c r="AB37" s="592"/>
      <c r="AC37" s="592"/>
      <c r="AD37" s="592"/>
      <c r="AE37" s="267"/>
      <c r="AF37" s="39"/>
    </row>
    <row r="38" spans="1:32" s="55" customFormat="1">
      <c r="A38" s="394"/>
      <c r="B38" s="714">
        <v>19</v>
      </c>
      <c r="C38" s="715"/>
      <c r="D38" s="563" t="s">
        <v>409</v>
      </c>
      <c r="E38" s="564"/>
      <c r="F38" s="564"/>
      <c r="G38" s="564"/>
      <c r="H38" s="564"/>
      <c r="I38" s="564"/>
      <c r="J38" s="564"/>
      <c r="K38" s="564"/>
      <c r="L38" s="564"/>
      <c r="M38" s="564"/>
      <c r="N38" s="564"/>
      <c r="O38" s="564"/>
      <c r="P38" s="564"/>
      <c r="Q38" s="565"/>
      <c r="R38" s="221" t="s">
        <v>453</v>
      </c>
      <c r="S38" s="546" t="s">
        <v>107</v>
      </c>
      <c r="T38" s="548"/>
      <c r="U38" s="623" t="s">
        <v>102</v>
      </c>
      <c r="V38" s="624"/>
      <c r="W38" s="625"/>
      <c r="X38" s="210">
        <v>6</v>
      </c>
      <c r="Y38" s="210" t="s">
        <v>103</v>
      </c>
      <c r="Z38" s="700"/>
      <c r="AA38" s="700"/>
      <c r="AB38" s="592"/>
      <c r="AC38" s="592"/>
      <c r="AD38" s="592"/>
      <c r="AE38" s="265"/>
      <c r="AF38" s="39"/>
    </row>
    <row r="39" spans="1:32" s="55" customFormat="1">
      <c r="A39" s="394"/>
      <c r="B39" s="541">
        <v>20</v>
      </c>
      <c r="C39" s="542"/>
      <c r="D39" s="563" t="s">
        <v>1366</v>
      </c>
      <c r="E39" s="564"/>
      <c r="F39" s="564"/>
      <c r="G39" s="564"/>
      <c r="H39" s="564"/>
      <c r="I39" s="564"/>
      <c r="J39" s="564"/>
      <c r="K39" s="564"/>
      <c r="L39" s="564"/>
      <c r="M39" s="564"/>
      <c r="N39" s="564"/>
      <c r="O39" s="564"/>
      <c r="P39" s="564"/>
      <c r="Q39" s="565"/>
      <c r="R39" s="221" t="s">
        <v>516</v>
      </c>
      <c r="S39" s="546" t="s">
        <v>107</v>
      </c>
      <c r="T39" s="548"/>
      <c r="U39" s="623" t="s">
        <v>102</v>
      </c>
      <c r="V39" s="624"/>
      <c r="W39" s="625"/>
      <c r="X39" s="210">
        <v>6</v>
      </c>
      <c r="Y39" s="210" t="s">
        <v>103</v>
      </c>
      <c r="Z39" s="700"/>
      <c r="AA39" s="700"/>
      <c r="AB39" s="592"/>
      <c r="AC39" s="592"/>
      <c r="AD39" s="592"/>
      <c r="AE39" s="265"/>
      <c r="AF39" s="39"/>
    </row>
    <row r="40" spans="1:32" s="55" customFormat="1">
      <c r="A40" s="394"/>
      <c r="B40" s="541">
        <v>21</v>
      </c>
      <c r="C40" s="542"/>
      <c r="D40" s="563" t="s">
        <v>454</v>
      </c>
      <c r="E40" s="564"/>
      <c r="F40" s="564"/>
      <c r="G40" s="564"/>
      <c r="H40" s="564"/>
      <c r="I40" s="564"/>
      <c r="J40" s="564"/>
      <c r="K40" s="564"/>
      <c r="L40" s="564"/>
      <c r="M40" s="564"/>
      <c r="N40" s="564"/>
      <c r="O40" s="564"/>
      <c r="P40" s="564"/>
      <c r="Q40" s="565"/>
      <c r="R40" s="221" t="s">
        <v>455</v>
      </c>
      <c r="S40" s="546" t="s">
        <v>107</v>
      </c>
      <c r="T40" s="548"/>
      <c r="U40" s="623" t="s">
        <v>102</v>
      </c>
      <c r="V40" s="624"/>
      <c r="W40" s="625"/>
      <c r="X40" s="210">
        <v>1</v>
      </c>
      <c r="Y40" s="210" t="s">
        <v>103</v>
      </c>
      <c r="Z40" s="700"/>
      <c r="AA40" s="700"/>
      <c r="AB40" s="592"/>
      <c r="AC40" s="592"/>
      <c r="AD40" s="592"/>
      <c r="AE40" s="265"/>
      <c r="AF40" s="39"/>
    </row>
    <row r="41" spans="1:32" s="26" customFormat="1" ht="13.4" customHeight="1">
      <c r="A41" s="20"/>
      <c r="B41" s="714">
        <v>22</v>
      </c>
      <c r="C41" s="715"/>
      <c r="D41" s="563" t="s">
        <v>2293</v>
      </c>
      <c r="E41" s="564"/>
      <c r="F41" s="564"/>
      <c r="G41" s="564"/>
      <c r="H41" s="564"/>
      <c r="I41" s="564"/>
      <c r="J41" s="564"/>
      <c r="K41" s="564"/>
      <c r="L41" s="564"/>
      <c r="M41" s="564"/>
      <c r="N41" s="564"/>
      <c r="O41" s="564"/>
      <c r="P41" s="564"/>
      <c r="Q41" s="565"/>
      <c r="R41" s="229" t="s">
        <v>2294</v>
      </c>
      <c r="S41" s="541" t="s">
        <v>1844</v>
      </c>
      <c r="T41" s="542"/>
      <c r="U41" s="747" t="s">
        <v>102</v>
      </c>
      <c r="V41" s="748"/>
      <c r="W41" s="749"/>
      <c r="X41" s="213">
        <v>3</v>
      </c>
      <c r="Y41" s="213" t="s">
        <v>103</v>
      </c>
      <c r="Z41" s="700"/>
      <c r="AA41" s="700"/>
      <c r="AB41" s="592"/>
      <c r="AC41" s="592"/>
      <c r="AD41" s="592"/>
      <c r="AE41" s="265"/>
      <c r="AF41" s="38"/>
    </row>
    <row r="42" spans="1:32" s="26" customFormat="1" ht="13.4" customHeight="1">
      <c r="A42" s="20"/>
      <c r="B42" s="676">
        <v>23</v>
      </c>
      <c r="C42" s="677"/>
      <c r="D42" s="694" t="s">
        <v>760</v>
      </c>
      <c r="E42" s="695"/>
      <c r="F42" s="695"/>
      <c r="G42" s="695"/>
      <c r="H42" s="695"/>
      <c r="I42" s="695"/>
      <c r="J42" s="695"/>
      <c r="K42" s="695"/>
      <c r="L42" s="695"/>
      <c r="M42" s="695"/>
      <c r="N42" s="695"/>
      <c r="O42" s="695"/>
      <c r="P42" s="695"/>
      <c r="Q42" s="696"/>
      <c r="R42" s="261" t="s">
        <v>457</v>
      </c>
      <c r="S42" s="681" t="s">
        <v>107</v>
      </c>
      <c r="T42" s="683"/>
      <c r="U42" s="724" t="s">
        <v>102</v>
      </c>
      <c r="V42" s="725"/>
      <c r="W42" s="726"/>
      <c r="X42" s="269">
        <v>6</v>
      </c>
      <c r="Y42" s="269" t="s">
        <v>103</v>
      </c>
      <c r="Z42" s="730" t="s">
        <v>109</v>
      </c>
      <c r="AA42" s="730"/>
      <c r="AB42" s="717"/>
      <c r="AC42" s="717"/>
      <c r="AD42" s="717"/>
      <c r="AE42" s="321" t="s">
        <v>391</v>
      </c>
      <c r="AF42" s="38"/>
    </row>
    <row r="43" spans="1:32" s="26" customFormat="1" ht="13.4" customHeight="1">
      <c r="A43" s="20"/>
      <c r="B43" s="541">
        <v>24</v>
      </c>
      <c r="C43" s="542"/>
      <c r="D43" s="563" t="s">
        <v>2295</v>
      </c>
      <c r="E43" s="564"/>
      <c r="F43" s="564"/>
      <c r="G43" s="564"/>
      <c r="H43" s="564"/>
      <c r="I43" s="564"/>
      <c r="J43" s="564"/>
      <c r="K43" s="564"/>
      <c r="L43" s="564"/>
      <c r="M43" s="564"/>
      <c r="N43" s="564"/>
      <c r="O43" s="564"/>
      <c r="P43" s="564"/>
      <c r="Q43" s="565"/>
      <c r="R43" s="229" t="s">
        <v>2296</v>
      </c>
      <c r="S43" s="541" t="s">
        <v>107</v>
      </c>
      <c r="T43" s="542"/>
      <c r="U43" s="747" t="s">
        <v>108</v>
      </c>
      <c r="V43" s="748"/>
      <c r="W43" s="749"/>
      <c r="X43" s="213">
        <v>4</v>
      </c>
      <c r="Y43" s="213">
        <v>0</v>
      </c>
      <c r="Z43" s="700"/>
      <c r="AA43" s="700"/>
      <c r="AB43" s="592"/>
      <c r="AC43" s="592"/>
      <c r="AD43" s="592"/>
      <c r="AE43" s="265"/>
      <c r="AF43" s="38"/>
    </row>
    <row r="44" spans="1:32" s="54" customFormat="1" ht="13.4" customHeight="1">
      <c r="A44" s="20"/>
      <c r="B44" s="714">
        <v>25</v>
      </c>
      <c r="C44" s="715"/>
      <c r="D44" s="563" t="s">
        <v>458</v>
      </c>
      <c r="E44" s="564"/>
      <c r="F44" s="564"/>
      <c r="G44" s="564"/>
      <c r="H44" s="564"/>
      <c r="I44" s="564"/>
      <c r="J44" s="564"/>
      <c r="K44" s="564"/>
      <c r="L44" s="564"/>
      <c r="M44" s="564"/>
      <c r="N44" s="564"/>
      <c r="O44" s="564"/>
      <c r="P44" s="564"/>
      <c r="Q44" s="565"/>
      <c r="R44" s="229" t="s">
        <v>459</v>
      </c>
      <c r="S44" s="546" t="s">
        <v>107</v>
      </c>
      <c r="T44" s="548"/>
      <c r="U44" s="623" t="s">
        <v>108</v>
      </c>
      <c r="V44" s="624"/>
      <c r="W44" s="625"/>
      <c r="X44" s="210">
        <v>3</v>
      </c>
      <c r="Y44" s="210">
        <v>0</v>
      </c>
      <c r="Z44" s="700"/>
      <c r="AA44" s="700"/>
      <c r="AB44" s="592"/>
      <c r="AC44" s="592"/>
      <c r="AD44" s="592"/>
      <c r="AE44" s="267"/>
      <c r="AF44" s="38"/>
    </row>
    <row r="45" spans="1:32" s="54" customFormat="1" ht="13.4" customHeight="1">
      <c r="A45" s="20"/>
      <c r="B45" s="541">
        <v>26</v>
      </c>
      <c r="C45" s="542"/>
      <c r="D45" s="563" t="s">
        <v>460</v>
      </c>
      <c r="E45" s="564"/>
      <c r="F45" s="564"/>
      <c r="G45" s="564"/>
      <c r="H45" s="564"/>
      <c r="I45" s="564"/>
      <c r="J45" s="564"/>
      <c r="K45" s="564"/>
      <c r="L45" s="564"/>
      <c r="M45" s="564"/>
      <c r="N45" s="564"/>
      <c r="O45" s="564"/>
      <c r="P45" s="564"/>
      <c r="Q45" s="565"/>
      <c r="R45" s="219" t="s">
        <v>461</v>
      </c>
      <c r="S45" s="546" t="s">
        <v>107</v>
      </c>
      <c r="T45" s="548"/>
      <c r="U45" s="623" t="s">
        <v>102</v>
      </c>
      <c r="V45" s="624"/>
      <c r="W45" s="625"/>
      <c r="X45" s="210">
        <v>8</v>
      </c>
      <c r="Y45" s="210" t="s">
        <v>103</v>
      </c>
      <c r="Z45" s="700"/>
      <c r="AA45" s="700"/>
      <c r="AB45" s="592"/>
      <c r="AC45" s="592"/>
      <c r="AD45" s="592"/>
      <c r="AE45" s="267"/>
      <c r="AF45" s="38"/>
    </row>
    <row r="46" spans="1:32" s="55" customFormat="1" ht="13.4" customHeight="1">
      <c r="A46" s="394"/>
      <c r="B46" s="541">
        <v>27</v>
      </c>
      <c r="C46" s="542"/>
      <c r="D46" s="563" t="s">
        <v>2388</v>
      </c>
      <c r="E46" s="564"/>
      <c r="F46" s="564"/>
      <c r="G46" s="564"/>
      <c r="H46" s="564"/>
      <c r="I46" s="564"/>
      <c r="J46" s="564"/>
      <c r="K46" s="564"/>
      <c r="L46" s="564"/>
      <c r="M46" s="564"/>
      <c r="N46" s="564"/>
      <c r="O46" s="564"/>
      <c r="P46" s="564"/>
      <c r="Q46" s="565"/>
      <c r="R46" s="225" t="s">
        <v>1136</v>
      </c>
      <c r="S46" s="546" t="s">
        <v>107</v>
      </c>
      <c r="T46" s="548"/>
      <c r="U46" s="623" t="s">
        <v>102</v>
      </c>
      <c r="V46" s="624"/>
      <c r="W46" s="625"/>
      <c r="X46" s="210">
        <v>8</v>
      </c>
      <c r="Y46" s="210" t="s">
        <v>103</v>
      </c>
      <c r="Z46" s="700"/>
      <c r="AA46" s="700"/>
      <c r="AB46" s="592"/>
      <c r="AC46" s="592"/>
      <c r="AD46" s="592"/>
      <c r="AE46" s="265"/>
      <c r="AF46" s="39"/>
    </row>
    <row r="47" spans="1:32" s="55" customFormat="1" ht="13.4" customHeight="1">
      <c r="A47" s="394"/>
      <c r="B47" s="714">
        <v>28</v>
      </c>
      <c r="C47" s="715"/>
      <c r="D47" s="563" t="s">
        <v>2389</v>
      </c>
      <c r="E47" s="564"/>
      <c r="F47" s="564"/>
      <c r="G47" s="564"/>
      <c r="H47" s="564"/>
      <c r="I47" s="564"/>
      <c r="J47" s="564"/>
      <c r="K47" s="564"/>
      <c r="L47" s="564"/>
      <c r="M47" s="564"/>
      <c r="N47" s="564"/>
      <c r="O47" s="564"/>
      <c r="P47" s="564"/>
      <c r="Q47" s="565"/>
      <c r="R47" s="225" t="s">
        <v>588</v>
      </c>
      <c r="S47" s="546" t="s">
        <v>107</v>
      </c>
      <c r="T47" s="548"/>
      <c r="U47" s="623" t="s">
        <v>102</v>
      </c>
      <c r="V47" s="624"/>
      <c r="W47" s="625"/>
      <c r="X47" s="210">
        <v>1</v>
      </c>
      <c r="Y47" s="210" t="s">
        <v>103</v>
      </c>
      <c r="Z47" s="700"/>
      <c r="AA47" s="700"/>
      <c r="AB47" s="592"/>
      <c r="AC47" s="592"/>
      <c r="AD47" s="592"/>
      <c r="AE47" s="265"/>
      <c r="AF47" s="39"/>
    </row>
    <row r="48" spans="1:32" s="57" customFormat="1" ht="13.4" customHeight="1">
      <c r="A48" s="394"/>
      <c r="B48" s="541">
        <v>29</v>
      </c>
      <c r="C48" s="542"/>
      <c r="D48" s="563" t="s">
        <v>2390</v>
      </c>
      <c r="E48" s="564"/>
      <c r="F48" s="564"/>
      <c r="G48" s="564"/>
      <c r="H48" s="564"/>
      <c r="I48" s="564"/>
      <c r="J48" s="564"/>
      <c r="K48" s="564"/>
      <c r="L48" s="564"/>
      <c r="M48" s="564"/>
      <c r="N48" s="564"/>
      <c r="O48" s="564"/>
      <c r="P48" s="564"/>
      <c r="Q48" s="565"/>
      <c r="R48" s="221" t="s">
        <v>2391</v>
      </c>
      <c r="S48" s="541" t="s">
        <v>1844</v>
      </c>
      <c r="T48" s="542"/>
      <c r="U48" s="747" t="s">
        <v>102</v>
      </c>
      <c r="V48" s="748"/>
      <c r="W48" s="749"/>
      <c r="X48" s="213">
        <v>20</v>
      </c>
      <c r="Y48" s="213" t="s">
        <v>103</v>
      </c>
      <c r="Z48" s="700"/>
      <c r="AA48" s="700"/>
      <c r="AB48" s="592"/>
      <c r="AC48" s="592"/>
      <c r="AD48" s="592"/>
      <c r="AE48" s="267"/>
      <c r="AF48" s="39"/>
    </row>
    <row r="49" spans="1:32" s="55" customFormat="1" ht="13.4" customHeight="1">
      <c r="A49" s="394"/>
      <c r="B49" s="541">
        <v>30</v>
      </c>
      <c r="C49" s="542"/>
      <c r="D49" s="563" t="s">
        <v>462</v>
      </c>
      <c r="E49" s="564"/>
      <c r="F49" s="564"/>
      <c r="G49" s="564"/>
      <c r="H49" s="564"/>
      <c r="I49" s="564"/>
      <c r="J49" s="564"/>
      <c r="K49" s="564"/>
      <c r="L49" s="564"/>
      <c r="M49" s="564"/>
      <c r="N49" s="564"/>
      <c r="O49" s="564"/>
      <c r="P49" s="564"/>
      <c r="Q49" s="565"/>
      <c r="R49" s="221" t="s">
        <v>463</v>
      </c>
      <c r="S49" s="546" t="s">
        <v>101</v>
      </c>
      <c r="T49" s="548"/>
      <c r="U49" s="623" t="s">
        <v>102</v>
      </c>
      <c r="V49" s="624"/>
      <c r="W49" s="625"/>
      <c r="X49" s="210">
        <v>8</v>
      </c>
      <c r="Y49" s="210" t="s">
        <v>103</v>
      </c>
      <c r="Z49" s="700"/>
      <c r="AA49" s="700"/>
      <c r="AB49" s="592"/>
      <c r="AC49" s="592"/>
      <c r="AD49" s="592"/>
      <c r="AE49" s="265"/>
      <c r="AF49" s="39"/>
    </row>
    <row r="50" spans="1:32" s="55" customFormat="1" ht="13.4" customHeight="1">
      <c r="A50" s="394"/>
      <c r="B50" s="541">
        <v>31</v>
      </c>
      <c r="C50" s="542"/>
      <c r="D50" s="563" t="s">
        <v>2297</v>
      </c>
      <c r="E50" s="564"/>
      <c r="F50" s="564"/>
      <c r="G50" s="564"/>
      <c r="H50" s="564"/>
      <c r="I50" s="564"/>
      <c r="J50" s="564"/>
      <c r="K50" s="564"/>
      <c r="L50" s="564"/>
      <c r="M50" s="564"/>
      <c r="N50" s="564"/>
      <c r="O50" s="564"/>
      <c r="P50" s="564"/>
      <c r="Q50" s="565"/>
      <c r="R50" s="225" t="s">
        <v>2298</v>
      </c>
      <c r="S50" s="541" t="s">
        <v>1844</v>
      </c>
      <c r="T50" s="542"/>
      <c r="U50" s="747" t="s">
        <v>102</v>
      </c>
      <c r="V50" s="748"/>
      <c r="W50" s="749"/>
      <c r="X50" s="213">
        <v>20</v>
      </c>
      <c r="Y50" s="213" t="s">
        <v>103</v>
      </c>
      <c r="Z50" s="700"/>
      <c r="AA50" s="700"/>
      <c r="AB50" s="592"/>
      <c r="AC50" s="592"/>
      <c r="AD50" s="592"/>
      <c r="AE50" s="265"/>
      <c r="AF50" s="39"/>
    </row>
    <row r="51" spans="1:32" s="55" customFormat="1" ht="13.4" customHeight="1">
      <c r="A51" s="394"/>
      <c r="B51" s="541">
        <v>32</v>
      </c>
      <c r="C51" s="542"/>
      <c r="D51" s="563" t="s">
        <v>2299</v>
      </c>
      <c r="E51" s="564"/>
      <c r="F51" s="564"/>
      <c r="G51" s="564"/>
      <c r="H51" s="564"/>
      <c r="I51" s="564"/>
      <c r="J51" s="564"/>
      <c r="K51" s="564"/>
      <c r="L51" s="564"/>
      <c r="M51" s="564"/>
      <c r="N51" s="564"/>
      <c r="O51" s="564"/>
      <c r="P51" s="564"/>
      <c r="Q51" s="565"/>
      <c r="R51" s="225" t="s">
        <v>2300</v>
      </c>
      <c r="S51" s="546" t="s">
        <v>101</v>
      </c>
      <c r="T51" s="548"/>
      <c r="U51" s="623" t="s">
        <v>102</v>
      </c>
      <c r="V51" s="624"/>
      <c r="W51" s="625"/>
      <c r="X51" s="210">
        <v>2</v>
      </c>
      <c r="Y51" s="210" t="s">
        <v>103</v>
      </c>
      <c r="Z51" s="700"/>
      <c r="AA51" s="700"/>
      <c r="AB51" s="592"/>
      <c r="AC51" s="592"/>
      <c r="AD51" s="592"/>
      <c r="AE51" s="265"/>
      <c r="AF51" s="39"/>
    </row>
    <row r="52" spans="1:32" s="26" customFormat="1" ht="13.4" customHeight="1">
      <c r="A52" s="20"/>
      <c r="B52" s="541">
        <v>33</v>
      </c>
      <c r="C52" s="542"/>
      <c r="D52" s="563" t="s">
        <v>2301</v>
      </c>
      <c r="E52" s="564"/>
      <c r="F52" s="564"/>
      <c r="G52" s="564"/>
      <c r="H52" s="564"/>
      <c r="I52" s="564"/>
      <c r="J52" s="564"/>
      <c r="K52" s="564"/>
      <c r="L52" s="564"/>
      <c r="M52" s="564"/>
      <c r="N52" s="564"/>
      <c r="O52" s="564"/>
      <c r="P52" s="564"/>
      <c r="Q52" s="565"/>
      <c r="R52" s="225" t="s">
        <v>2302</v>
      </c>
      <c r="S52" s="546" t="s">
        <v>101</v>
      </c>
      <c r="T52" s="548"/>
      <c r="U52" s="623" t="s">
        <v>102</v>
      </c>
      <c r="V52" s="624"/>
      <c r="W52" s="625"/>
      <c r="X52" s="210">
        <v>2</v>
      </c>
      <c r="Y52" s="210" t="s">
        <v>103</v>
      </c>
      <c r="Z52" s="700"/>
      <c r="AA52" s="700"/>
      <c r="AB52" s="592"/>
      <c r="AC52" s="592"/>
      <c r="AD52" s="592"/>
      <c r="AE52" s="265"/>
      <c r="AF52" s="38"/>
    </row>
    <row r="53" spans="1:32" s="26" customFormat="1" ht="13.4" customHeight="1">
      <c r="A53" s="20"/>
      <c r="B53" s="541">
        <v>34</v>
      </c>
      <c r="C53" s="542"/>
      <c r="D53" s="563" t="s">
        <v>2303</v>
      </c>
      <c r="E53" s="564"/>
      <c r="F53" s="564"/>
      <c r="G53" s="564"/>
      <c r="H53" s="564"/>
      <c r="I53" s="564"/>
      <c r="J53" s="564"/>
      <c r="K53" s="564"/>
      <c r="L53" s="564"/>
      <c r="M53" s="564"/>
      <c r="N53" s="564"/>
      <c r="O53" s="564"/>
      <c r="P53" s="564"/>
      <c r="Q53" s="565"/>
      <c r="R53" s="229" t="s">
        <v>2304</v>
      </c>
      <c r="S53" s="546" t="s">
        <v>101</v>
      </c>
      <c r="T53" s="548"/>
      <c r="U53" s="623" t="s">
        <v>102</v>
      </c>
      <c r="V53" s="624"/>
      <c r="W53" s="625"/>
      <c r="X53" s="210">
        <v>2</v>
      </c>
      <c r="Y53" s="210" t="s">
        <v>103</v>
      </c>
      <c r="Z53" s="700"/>
      <c r="AA53" s="700"/>
      <c r="AB53" s="592"/>
      <c r="AC53" s="592"/>
      <c r="AD53" s="592"/>
      <c r="AE53" s="265"/>
      <c r="AF53" s="38"/>
    </row>
    <row r="54" spans="1:32" s="26" customFormat="1" ht="13.4" customHeight="1">
      <c r="A54" s="20"/>
      <c r="B54" s="541">
        <v>35</v>
      </c>
      <c r="C54" s="542"/>
      <c r="D54" s="563" t="s">
        <v>2305</v>
      </c>
      <c r="E54" s="564"/>
      <c r="F54" s="564"/>
      <c r="G54" s="564"/>
      <c r="H54" s="564"/>
      <c r="I54" s="564"/>
      <c r="J54" s="564"/>
      <c r="K54" s="564"/>
      <c r="L54" s="564"/>
      <c r="M54" s="564"/>
      <c r="N54" s="564"/>
      <c r="O54" s="564"/>
      <c r="P54" s="564"/>
      <c r="Q54" s="565"/>
      <c r="R54" s="229" t="s">
        <v>2306</v>
      </c>
      <c r="S54" s="546" t="s">
        <v>101</v>
      </c>
      <c r="T54" s="548"/>
      <c r="U54" s="623" t="s">
        <v>102</v>
      </c>
      <c r="V54" s="624"/>
      <c r="W54" s="625"/>
      <c r="X54" s="210">
        <v>2</v>
      </c>
      <c r="Y54" s="210" t="s">
        <v>103</v>
      </c>
      <c r="Z54" s="700"/>
      <c r="AA54" s="700"/>
      <c r="AB54" s="592"/>
      <c r="AC54" s="592"/>
      <c r="AD54" s="592"/>
      <c r="AE54" s="265"/>
      <c r="AF54" s="38"/>
    </row>
    <row r="55" spans="1:32" s="54" customFormat="1" ht="30.65" customHeight="1">
      <c r="A55" s="20"/>
      <c r="B55" s="541">
        <v>36</v>
      </c>
      <c r="C55" s="542"/>
      <c r="D55" s="727" t="s">
        <v>968</v>
      </c>
      <c r="E55" s="728"/>
      <c r="F55" s="728"/>
      <c r="G55" s="728"/>
      <c r="H55" s="728"/>
      <c r="I55" s="728"/>
      <c r="J55" s="728"/>
      <c r="K55" s="728"/>
      <c r="L55" s="728"/>
      <c r="M55" s="728"/>
      <c r="N55" s="728"/>
      <c r="O55" s="728"/>
      <c r="P55" s="728"/>
      <c r="Q55" s="729"/>
      <c r="R55" s="229" t="s">
        <v>465</v>
      </c>
      <c r="S55" s="546" t="s">
        <v>107</v>
      </c>
      <c r="T55" s="548"/>
      <c r="U55" s="623" t="s">
        <v>102</v>
      </c>
      <c r="V55" s="624"/>
      <c r="W55" s="625"/>
      <c r="X55" s="210">
        <v>1</v>
      </c>
      <c r="Y55" s="210" t="s">
        <v>103</v>
      </c>
      <c r="Z55" s="700"/>
      <c r="AA55" s="700"/>
      <c r="AB55" s="592"/>
      <c r="AC55" s="592"/>
      <c r="AD55" s="592"/>
      <c r="AE55" s="267"/>
      <c r="AF55" s="38"/>
    </row>
    <row r="56" spans="1:32" s="54" customFormat="1" ht="28.4" customHeight="1">
      <c r="A56" s="20"/>
      <c r="B56" s="541">
        <v>37</v>
      </c>
      <c r="C56" s="542"/>
      <c r="D56" s="727" t="s">
        <v>2307</v>
      </c>
      <c r="E56" s="728"/>
      <c r="F56" s="728"/>
      <c r="G56" s="728"/>
      <c r="H56" s="728"/>
      <c r="I56" s="728"/>
      <c r="J56" s="728"/>
      <c r="K56" s="728"/>
      <c r="L56" s="728"/>
      <c r="M56" s="728"/>
      <c r="N56" s="728"/>
      <c r="O56" s="728"/>
      <c r="P56" s="728"/>
      <c r="Q56" s="729"/>
      <c r="R56" s="221" t="s">
        <v>2308</v>
      </c>
      <c r="S56" s="541" t="s">
        <v>1844</v>
      </c>
      <c r="T56" s="542"/>
      <c r="U56" s="747" t="s">
        <v>102</v>
      </c>
      <c r="V56" s="748"/>
      <c r="W56" s="749"/>
      <c r="X56" s="213">
        <v>300</v>
      </c>
      <c r="Y56" s="213" t="s">
        <v>103</v>
      </c>
      <c r="Z56" s="700"/>
      <c r="AA56" s="700"/>
      <c r="AB56" s="592"/>
      <c r="AC56" s="592"/>
      <c r="AD56" s="592"/>
      <c r="AE56" s="267"/>
      <c r="AF56" s="38"/>
    </row>
    <row r="57" spans="1:32" s="55" customFormat="1" ht="13.4" customHeight="1">
      <c r="A57" s="394"/>
      <c r="B57" s="541">
        <v>38</v>
      </c>
      <c r="C57" s="542"/>
      <c r="D57" s="563" t="s">
        <v>466</v>
      </c>
      <c r="E57" s="564"/>
      <c r="F57" s="564"/>
      <c r="G57" s="564"/>
      <c r="H57" s="564"/>
      <c r="I57" s="564"/>
      <c r="J57" s="564"/>
      <c r="K57" s="564"/>
      <c r="L57" s="564"/>
      <c r="M57" s="564"/>
      <c r="N57" s="564"/>
      <c r="O57" s="564"/>
      <c r="P57" s="564"/>
      <c r="Q57" s="565"/>
      <c r="R57" s="221" t="s">
        <v>467</v>
      </c>
      <c r="S57" s="546" t="s">
        <v>101</v>
      </c>
      <c r="T57" s="548"/>
      <c r="U57" s="623" t="s">
        <v>102</v>
      </c>
      <c r="V57" s="624"/>
      <c r="W57" s="625"/>
      <c r="X57" s="210">
        <v>10</v>
      </c>
      <c r="Y57" s="210" t="s">
        <v>103</v>
      </c>
      <c r="Z57" s="700"/>
      <c r="AA57" s="700"/>
      <c r="AB57" s="592"/>
      <c r="AC57" s="592"/>
      <c r="AD57" s="592"/>
      <c r="AE57" s="265"/>
      <c r="AF57" s="39"/>
    </row>
    <row r="58" spans="1:32" s="55" customFormat="1" ht="13.4" customHeight="1">
      <c r="A58" s="394"/>
      <c r="B58" s="541">
        <v>39</v>
      </c>
      <c r="C58" s="542"/>
      <c r="D58" s="563" t="s">
        <v>1137</v>
      </c>
      <c r="E58" s="564"/>
      <c r="F58" s="564"/>
      <c r="G58" s="564"/>
      <c r="H58" s="564"/>
      <c r="I58" s="564"/>
      <c r="J58" s="564"/>
      <c r="K58" s="564"/>
      <c r="L58" s="564"/>
      <c r="M58" s="564"/>
      <c r="N58" s="564"/>
      <c r="O58" s="564"/>
      <c r="P58" s="564"/>
      <c r="Q58" s="565"/>
      <c r="R58" s="221" t="s">
        <v>1138</v>
      </c>
      <c r="S58" s="546" t="s">
        <v>107</v>
      </c>
      <c r="T58" s="548"/>
      <c r="U58" s="623" t="s">
        <v>102</v>
      </c>
      <c r="V58" s="624"/>
      <c r="W58" s="625"/>
      <c r="X58" s="210">
        <v>2</v>
      </c>
      <c r="Y58" s="210" t="s">
        <v>103</v>
      </c>
      <c r="Z58" s="700"/>
      <c r="AA58" s="700"/>
      <c r="AB58" s="592"/>
      <c r="AC58" s="592"/>
      <c r="AD58" s="592"/>
      <c r="AE58" s="265"/>
      <c r="AF58" s="39"/>
    </row>
    <row r="59" spans="1:32" s="57" customFormat="1" ht="13.4" customHeight="1">
      <c r="A59" s="394"/>
      <c r="B59" s="541">
        <v>40</v>
      </c>
      <c r="C59" s="542"/>
      <c r="D59" s="563" t="s">
        <v>1139</v>
      </c>
      <c r="E59" s="564"/>
      <c r="F59" s="564"/>
      <c r="G59" s="564"/>
      <c r="H59" s="564"/>
      <c r="I59" s="564"/>
      <c r="J59" s="564"/>
      <c r="K59" s="564"/>
      <c r="L59" s="564"/>
      <c r="M59" s="564"/>
      <c r="N59" s="564"/>
      <c r="O59" s="564"/>
      <c r="P59" s="564"/>
      <c r="Q59" s="565"/>
      <c r="R59" s="221" t="s">
        <v>1140</v>
      </c>
      <c r="S59" s="546" t="s">
        <v>107</v>
      </c>
      <c r="T59" s="548"/>
      <c r="U59" s="623" t="s">
        <v>102</v>
      </c>
      <c r="V59" s="624"/>
      <c r="W59" s="625"/>
      <c r="X59" s="210">
        <v>2</v>
      </c>
      <c r="Y59" s="210" t="s">
        <v>103</v>
      </c>
      <c r="Z59" s="700"/>
      <c r="AA59" s="700"/>
      <c r="AB59" s="592"/>
      <c r="AC59" s="592"/>
      <c r="AD59" s="592"/>
      <c r="AE59" s="267"/>
      <c r="AF59" s="39"/>
    </row>
    <row r="60" spans="1:32" s="55" customFormat="1" ht="13.5" customHeight="1">
      <c r="A60" s="20"/>
      <c r="B60" s="676">
        <v>41</v>
      </c>
      <c r="C60" s="677"/>
      <c r="D60" s="694" t="s">
        <v>2392</v>
      </c>
      <c r="E60" s="695"/>
      <c r="F60" s="695"/>
      <c r="G60" s="695"/>
      <c r="H60" s="695"/>
      <c r="I60" s="695"/>
      <c r="J60" s="695"/>
      <c r="K60" s="695"/>
      <c r="L60" s="695"/>
      <c r="M60" s="695"/>
      <c r="N60" s="695"/>
      <c r="O60" s="695"/>
      <c r="P60" s="695"/>
      <c r="Q60" s="696"/>
      <c r="R60" s="261" t="s">
        <v>1144</v>
      </c>
      <c r="S60" s="681" t="s">
        <v>1844</v>
      </c>
      <c r="T60" s="683"/>
      <c r="U60" s="724" t="s">
        <v>102</v>
      </c>
      <c r="V60" s="725"/>
      <c r="W60" s="726"/>
      <c r="X60" s="269">
        <v>40</v>
      </c>
      <c r="Y60" s="269" t="s">
        <v>103</v>
      </c>
      <c r="Z60" s="730" t="s">
        <v>109</v>
      </c>
      <c r="AA60" s="730"/>
      <c r="AB60" s="717"/>
      <c r="AC60" s="717"/>
      <c r="AD60" s="717"/>
      <c r="AE60" s="321" t="s">
        <v>399</v>
      </c>
      <c r="AF60" s="39"/>
    </row>
    <row r="61" spans="1:32" s="55" customFormat="1" ht="13.4" customHeight="1">
      <c r="A61" s="394"/>
      <c r="B61" s="541">
        <v>42</v>
      </c>
      <c r="C61" s="542"/>
      <c r="D61" s="563" t="s">
        <v>418</v>
      </c>
      <c r="E61" s="564"/>
      <c r="F61" s="564"/>
      <c r="G61" s="564"/>
      <c r="H61" s="564"/>
      <c r="I61" s="564"/>
      <c r="J61" s="564"/>
      <c r="K61" s="564"/>
      <c r="L61" s="564"/>
      <c r="M61" s="564"/>
      <c r="N61" s="564"/>
      <c r="O61" s="564"/>
      <c r="P61" s="564"/>
      <c r="Q61" s="565"/>
      <c r="R61" s="221" t="s">
        <v>963</v>
      </c>
      <c r="S61" s="546" t="s">
        <v>107</v>
      </c>
      <c r="T61" s="548"/>
      <c r="U61" s="623" t="s">
        <v>102</v>
      </c>
      <c r="V61" s="624"/>
      <c r="W61" s="625"/>
      <c r="X61" s="210">
        <v>1</v>
      </c>
      <c r="Y61" s="210" t="s">
        <v>103</v>
      </c>
      <c r="Z61" s="700"/>
      <c r="AA61" s="700"/>
      <c r="AB61" s="592"/>
      <c r="AC61" s="592"/>
      <c r="AD61" s="592"/>
      <c r="AE61" s="265"/>
      <c r="AF61" s="39"/>
    </row>
    <row r="62" spans="1:32" s="55" customFormat="1" ht="13.4" customHeight="1">
      <c r="A62" s="394"/>
      <c r="B62" s="541">
        <v>43</v>
      </c>
      <c r="C62" s="542"/>
      <c r="D62" s="563" t="s">
        <v>420</v>
      </c>
      <c r="E62" s="564"/>
      <c r="F62" s="564"/>
      <c r="G62" s="564"/>
      <c r="H62" s="564"/>
      <c r="I62" s="564"/>
      <c r="J62" s="564"/>
      <c r="K62" s="564"/>
      <c r="L62" s="564"/>
      <c r="M62" s="564"/>
      <c r="N62" s="564"/>
      <c r="O62" s="564"/>
      <c r="P62" s="564"/>
      <c r="Q62" s="565"/>
      <c r="R62" s="221" t="s">
        <v>746</v>
      </c>
      <c r="S62" s="546" t="s">
        <v>107</v>
      </c>
      <c r="T62" s="548"/>
      <c r="U62" s="623" t="s">
        <v>102</v>
      </c>
      <c r="V62" s="624"/>
      <c r="W62" s="625"/>
      <c r="X62" s="210">
        <v>2</v>
      </c>
      <c r="Y62" s="210" t="s">
        <v>103</v>
      </c>
      <c r="Z62" s="700"/>
      <c r="AA62" s="700"/>
      <c r="AB62" s="592"/>
      <c r="AC62" s="592"/>
      <c r="AD62" s="592"/>
      <c r="AE62" s="265"/>
      <c r="AF62" s="39"/>
    </row>
    <row r="63" spans="1:32" s="26" customFormat="1" ht="13.4" customHeight="1">
      <c r="A63" s="20"/>
      <c r="B63" s="541">
        <v>44</v>
      </c>
      <c r="C63" s="542"/>
      <c r="D63" s="563" t="s">
        <v>2358</v>
      </c>
      <c r="E63" s="564"/>
      <c r="F63" s="564"/>
      <c r="G63" s="564"/>
      <c r="H63" s="564"/>
      <c r="I63" s="564"/>
      <c r="J63" s="564"/>
      <c r="K63" s="564"/>
      <c r="L63" s="564"/>
      <c r="M63" s="564"/>
      <c r="N63" s="564"/>
      <c r="O63" s="564"/>
      <c r="P63" s="564"/>
      <c r="Q63" s="565"/>
      <c r="R63" s="221" t="s">
        <v>2359</v>
      </c>
      <c r="S63" s="546" t="s">
        <v>1844</v>
      </c>
      <c r="T63" s="548"/>
      <c r="U63" s="623" t="s">
        <v>102</v>
      </c>
      <c r="V63" s="624"/>
      <c r="W63" s="625"/>
      <c r="X63" s="210">
        <v>4</v>
      </c>
      <c r="Y63" s="210" t="s">
        <v>103</v>
      </c>
      <c r="Z63" s="700"/>
      <c r="AA63" s="700"/>
      <c r="AB63" s="592"/>
      <c r="AC63" s="592"/>
      <c r="AD63" s="592"/>
      <c r="AE63" s="265"/>
      <c r="AF63" s="38"/>
    </row>
    <row r="64" spans="1:32" s="26" customFormat="1" ht="13.4" customHeight="1">
      <c r="A64" s="20"/>
      <c r="B64" s="541">
        <v>45</v>
      </c>
      <c r="C64" s="542"/>
      <c r="D64" s="563" t="s">
        <v>2360</v>
      </c>
      <c r="E64" s="564"/>
      <c r="F64" s="564"/>
      <c r="G64" s="564"/>
      <c r="H64" s="564"/>
      <c r="I64" s="564"/>
      <c r="J64" s="564"/>
      <c r="K64" s="564"/>
      <c r="L64" s="564"/>
      <c r="M64" s="564"/>
      <c r="N64" s="564"/>
      <c r="O64" s="564"/>
      <c r="P64" s="564"/>
      <c r="Q64" s="565"/>
      <c r="R64" s="221" t="s">
        <v>2361</v>
      </c>
      <c r="S64" s="546" t="s">
        <v>107</v>
      </c>
      <c r="T64" s="548"/>
      <c r="U64" s="623" t="s">
        <v>2362</v>
      </c>
      <c r="V64" s="624"/>
      <c r="W64" s="625"/>
      <c r="X64" s="210">
        <v>10</v>
      </c>
      <c r="Y64" s="210">
        <v>0</v>
      </c>
      <c r="Z64" s="700"/>
      <c r="AA64" s="700"/>
      <c r="AB64" s="592"/>
      <c r="AC64" s="592"/>
      <c r="AD64" s="592"/>
      <c r="AE64" s="265"/>
      <c r="AF64" s="38"/>
    </row>
    <row r="65" spans="1:32" s="26" customFormat="1">
      <c r="A65" s="20"/>
      <c r="B65" s="541">
        <v>46</v>
      </c>
      <c r="C65" s="542"/>
      <c r="D65" s="563" t="s">
        <v>422</v>
      </c>
      <c r="E65" s="564"/>
      <c r="F65" s="564"/>
      <c r="G65" s="564"/>
      <c r="H65" s="564"/>
      <c r="I65" s="564"/>
      <c r="J65" s="564"/>
      <c r="K65" s="564"/>
      <c r="L65" s="564"/>
      <c r="M65" s="564"/>
      <c r="N65" s="564"/>
      <c r="O65" s="564"/>
      <c r="P65" s="564"/>
      <c r="Q65" s="565"/>
      <c r="R65" s="221" t="s">
        <v>747</v>
      </c>
      <c r="S65" s="546" t="s">
        <v>107</v>
      </c>
      <c r="T65" s="548"/>
      <c r="U65" s="623" t="s">
        <v>102</v>
      </c>
      <c r="V65" s="624"/>
      <c r="W65" s="625"/>
      <c r="X65" s="210">
        <v>1</v>
      </c>
      <c r="Y65" s="210" t="s">
        <v>103</v>
      </c>
      <c r="Z65" s="700"/>
      <c r="AA65" s="700"/>
      <c r="AB65" s="592"/>
      <c r="AC65" s="592"/>
      <c r="AD65" s="592"/>
      <c r="AE65" s="265"/>
      <c r="AF65" s="38"/>
    </row>
    <row r="66" spans="1:32" s="54" customFormat="1">
      <c r="A66" s="20"/>
      <c r="B66" s="541">
        <v>47</v>
      </c>
      <c r="C66" s="542"/>
      <c r="D66" s="563" t="s">
        <v>2363</v>
      </c>
      <c r="E66" s="564"/>
      <c r="F66" s="564"/>
      <c r="G66" s="564"/>
      <c r="H66" s="564"/>
      <c r="I66" s="564"/>
      <c r="J66" s="564"/>
      <c r="K66" s="564"/>
      <c r="L66" s="564"/>
      <c r="M66" s="564"/>
      <c r="N66" s="564"/>
      <c r="O66" s="564"/>
      <c r="P66" s="564"/>
      <c r="Q66" s="565"/>
      <c r="R66" s="221" t="s">
        <v>749</v>
      </c>
      <c r="S66" s="546" t="s">
        <v>107</v>
      </c>
      <c r="T66" s="548"/>
      <c r="U66" s="623" t="s">
        <v>102</v>
      </c>
      <c r="V66" s="624"/>
      <c r="W66" s="625"/>
      <c r="X66" s="210">
        <v>7</v>
      </c>
      <c r="Y66" s="210" t="s">
        <v>103</v>
      </c>
      <c r="Z66" s="700"/>
      <c r="AA66" s="700"/>
      <c r="AB66" s="592"/>
      <c r="AC66" s="592"/>
      <c r="AD66" s="592"/>
      <c r="AE66" s="265" t="s">
        <v>3020</v>
      </c>
      <c r="AF66" s="38"/>
    </row>
    <row r="67" spans="1:32" s="54" customFormat="1" ht="13.4" customHeight="1">
      <c r="A67" s="20"/>
      <c r="B67" s="541">
        <v>48</v>
      </c>
      <c r="C67" s="542"/>
      <c r="D67" s="563" t="s">
        <v>430</v>
      </c>
      <c r="E67" s="564"/>
      <c r="F67" s="564"/>
      <c r="G67" s="564"/>
      <c r="H67" s="564"/>
      <c r="I67" s="564"/>
      <c r="J67" s="564"/>
      <c r="K67" s="564"/>
      <c r="L67" s="564"/>
      <c r="M67" s="564"/>
      <c r="N67" s="564"/>
      <c r="O67" s="564"/>
      <c r="P67" s="564"/>
      <c r="Q67" s="565"/>
      <c r="R67" s="221" t="s">
        <v>964</v>
      </c>
      <c r="S67" s="546" t="s">
        <v>107</v>
      </c>
      <c r="T67" s="548"/>
      <c r="U67" s="623" t="s">
        <v>102</v>
      </c>
      <c r="V67" s="624"/>
      <c r="W67" s="625"/>
      <c r="X67" s="210">
        <v>6</v>
      </c>
      <c r="Y67" s="210" t="s">
        <v>103</v>
      </c>
      <c r="Z67" s="700"/>
      <c r="AA67" s="700"/>
      <c r="AB67" s="592"/>
      <c r="AC67" s="592"/>
      <c r="AD67" s="592"/>
      <c r="AE67" s="267"/>
      <c r="AF67" s="38"/>
    </row>
    <row r="68" spans="1:32" s="55" customFormat="1" ht="13.4" customHeight="1">
      <c r="A68" s="394"/>
      <c r="B68" s="541">
        <v>49</v>
      </c>
      <c r="C68" s="542"/>
      <c r="D68" s="563" t="s">
        <v>2393</v>
      </c>
      <c r="E68" s="564"/>
      <c r="F68" s="564"/>
      <c r="G68" s="564"/>
      <c r="H68" s="564"/>
      <c r="I68" s="564"/>
      <c r="J68" s="564"/>
      <c r="K68" s="564"/>
      <c r="L68" s="564"/>
      <c r="M68" s="564"/>
      <c r="N68" s="564"/>
      <c r="O68" s="564"/>
      <c r="P68" s="564"/>
      <c r="Q68" s="565"/>
      <c r="R68" s="221" t="s">
        <v>1133</v>
      </c>
      <c r="S68" s="546" t="s">
        <v>101</v>
      </c>
      <c r="T68" s="548"/>
      <c r="U68" s="623" t="s">
        <v>102</v>
      </c>
      <c r="V68" s="624"/>
      <c r="W68" s="625"/>
      <c r="X68" s="210">
        <v>40</v>
      </c>
      <c r="Y68" s="210" t="s">
        <v>103</v>
      </c>
      <c r="Z68" s="700"/>
      <c r="AA68" s="700"/>
      <c r="AB68" s="592"/>
      <c r="AC68" s="592"/>
      <c r="AD68" s="592"/>
      <c r="AE68" s="265"/>
      <c r="AF68" s="39"/>
    </row>
    <row r="69" spans="1:32" s="55" customFormat="1">
      <c r="A69" s="394"/>
      <c r="B69" s="541">
        <v>50</v>
      </c>
      <c r="C69" s="542"/>
      <c r="D69" s="543" t="s">
        <v>2367</v>
      </c>
      <c r="E69" s="544"/>
      <c r="F69" s="544"/>
      <c r="G69" s="544"/>
      <c r="H69" s="544"/>
      <c r="I69" s="544"/>
      <c r="J69" s="544"/>
      <c r="K69" s="544"/>
      <c r="L69" s="544"/>
      <c r="M69" s="544"/>
      <c r="N69" s="544"/>
      <c r="O69" s="544"/>
      <c r="P69" s="544"/>
      <c r="Q69" s="545"/>
      <c r="R69" s="221" t="s">
        <v>2368</v>
      </c>
      <c r="S69" s="546" t="s">
        <v>1856</v>
      </c>
      <c r="T69" s="548"/>
      <c r="U69" s="623" t="s">
        <v>102</v>
      </c>
      <c r="V69" s="624"/>
      <c r="W69" s="625"/>
      <c r="X69" s="210">
        <v>4</v>
      </c>
      <c r="Y69" s="210" t="s">
        <v>103</v>
      </c>
      <c r="Z69" s="700"/>
      <c r="AA69" s="700"/>
      <c r="AB69" s="592"/>
      <c r="AC69" s="592"/>
      <c r="AD69" s="592"/>
      <c r="AE69" s="265"/>
      <c r="AF69" s="39"/>
    </row>
    <row r="70" spans="1:32" s="57" customFormat="1">
      <c r="A70" s="394"/>
      <c r="B70" s="541">
        <v>51</v>
      </c>
      <c r="C70" s="542"/>
      <c r="D70" s="543" t="s">
        <v>2369</v>
      </c>
      <c r="E70" s="544"/>
      <c r="F70" s="544"/>
      <c r="G70" s="544"/>
      <c r="H70" s="544"/>
      <c r="I70" s="544"/>
      <c r="J70" s="544"/>
      <c r="K70" s="544"/>
      <c r="L70" s="544"/>
      <c r="M70" s="544"/>
      <c r="N70" s="544"/>
      <c r="O70" s="544"/>
      <c r="P70" s="544"/>
      <c r="Q70" s="545"/>
      <c r="R70" s="221" t="s">
        <v>2370</v>
      </c>
      <c r="S70" s="546" t="s">
        <v>1844</v>
      </c>
      <c r="T70" s="548"/>
      <c r="U70" s="623" t="s">
        <v>102</v>
      </c>
      <c r="V70" s="624"/>
      <c r="W70" s="625"/>
      <c r="X70" s="210">
        <v>10</v>
      </c>
      <c r="Y70" s="210" t="s">
        <v>103</v>
      </c>
      <c r="Z70" s="700"/>
      <c r="AA70" s="700"/>
      <c r="AB70" s="592"/>
      <c r="AC70" s="592"/>
      <c r="AD70" s="592"/>
      <c r="AE70" s="267"/>
      <c r="AF70" s="39"/>
    </row>
    <row r="71" spans="1:32" s="55" customFormat="1" ht="13.4" customHeight="1">
      <c r="A71" s="394"/>
      <c r="B71" s="541">
        <v>52</v>
      </c>
      <c r="C71" s="542"/>
      <c r="D71" s="563" t="s">
        <v>2371</v>
      </c>
      <c r="E71" s="564"/>
      <c r="F71" s="564"/>
      <c r="G71" s="564"/>
      <c r="H71" s="564"/>
      <c r="I71" s="564"/>
      <c r="J71" s="564"/>
      <c r="K71" s="564"/>
      <c r="L71" s="564"/>
      <c r="M71" s="564"/>
      <c r="N71" s="564"/>
      <c r="O71" s="564"/>
      <c r="P71" s="564"/>
      <c r="Q71" s="565"/>
      <c r="R71" s="221" t="s">
        <v>2372</v>
      </c>
      <c r="S71" s="546" t="s">
        <v>107</v>
      </c>
      <c r="T71" s="548"/>
      <c r="U71" s="623" t="s">
        <v>2362</v>
      </c>
      <c r="V71" s="624"/>
      <c r="W71" s="625"/>
      <c r="X71" s="210">
        <v>10</v>
      </c>
      <c r="Y71" s="210">
        <v>0</v>
      </c>
      <c r="Z71" s="700"/>
      <c r="AA71" s="700"/>
      <c r="AB71" s="592"/>
      <c r="AC71" s="592"/>
      <c r="AD71" s="592"/>
      <c r="AE71" s="265"/>
      <c r="AF71" s="39"/>
    </row>
    <row r="72" spans="1:32" s="55" customFormat="1" ht="13.4" customHeight="1">
      <c r="A72" s="394"/>
      <c r="B72" s="541">
        <v>53</v>
      </c>
      <c r="C72" s="542"/>
      <c r="D72" s="563" t="s">
        <v>2373</v>
      </c>
      <c r="E72" s="564"/>
      <c r="F72" s="564"/>
      <c r="G72" s="564"/>
      <c r="H72" s="564"/>
      <c r="I72" s="564"/>
      <c r="J72" s="564"/>
      <c r="K72" s="564"/>
      <c r="L72" s="564"/>
      <c r="M72" s="564"/>
      <c r="N72" s="564"/>
      <c r="O72" s="564"/>
      <c r="P72" s="564"/>
      <c r="Q72" s="565"/>
      <c r="R72" s="221" t="s">
        <v>2374</v>
      </c>
      <c r="S72" s="546" t="s">
        <v>107</v>
      </c>
      <c r="T72" s="548"/>
      <c r="U72" s="623" t="s">
        <v>102</v>
      </c>
      <c r="V72" s="624"/>
      <c r="W72" s="625"/>
      <c r="X72" s="210">
        <v>7</v>
      </c>
      <c r="Y72" s="210" t="s">
        <v>103</v>
      </c>
      <c r="Z72" s="700"/>
      <c r="AA72" s="700"/>
      <c r="AB72" s="592"/>
      <c r="AC72" s="592"/>
      <c r="AD72" s="592"/>
      <c r="AE72" s="265"/>
      <c r="AF72" s="39"/>
    </row>
    <row r="73" spans="1:32" s="55" customFormat="1" ht="13.4" customHeight="1">
      <c r="A73" s="394"/>
      <c r="B73" s="541">
        <v>54</v>
      </c>
      <c r="C73" s="542"/>
      <c r="D73" s="563" t="s">
        <v>2375</v>
      </c>
      <c r="E73" s="564"/>
      <c r="F73" s="564"/>
      <c r="G73" s="564"/>
      <c r="H73" s="564"/>
      <c r="I73" s="564"/>
      <c r="J73" s="564"/>
      <c r="K73" s="564"/>
      <c r="L73" s="564"/>
      <c r="M73" s="564"/>
      <c r="N73" s="564"/>
      <c r="O73" s="564"/>
      <c r="P73" s="564"/>
      <c r="Q73" s="565"/>
      <c r="R73" s="221" t="s">
        <v>2376</v>
      </c>
      <c r="S73" s="541" t="s">
        <v>1844</v>
      </c>
      <c r="T73" s="542"/>
      <c r="U73" s="747" t="s">
        <v>102</v>
      </c>
      <c r="V73" s="748"/>
      <c r="W73" s="749"/>
      <c r="X73" s="213">
        <v>10</v>
      </c>
      <c r="Y73" s="213" t="s">
        <v>103</v>
      </c>
      <c r="Z73" s="700"/>
      <c r="AA73" s="700"/>
      <c r="AB73" s="592"/>
      <c r="AC73" s="592"/>
      <c r="AD73" s="592"/>
      <c r="AE73" s="265"/>
      <c r="AF73" s="39"/>
    </row>
    <row r="74" spans="1:32" s="26" customFormat="1" ht="13.4" customHeight="1">
      <c r="A74" s="20"/>
      <c r="B74" s="541">
        <v>55</v>
      </c>
      <c r="C74" s="542"/>
      <c r="D74" s="563" t="s">
        <v>549</v>
      </c>
      <c r="E74" s="564"/>
      <c r="F74" s="564"/>
      <c r="G74" s="564"/>
      <c r="H74" s="564"/>
      <c r="I74" s="564"/>
      <c r="J74" s="564"/>
      <c r="K74" s="564"/>
      <c r="L74" s="564"/>
      <c r="M74" s="564"/>
      <c r="N74" s="564"/>
      <c r="O74" s="564"/>
      <c r="P74" s="564"/>
      <c r="Q74" s="565"/>
      <c r="R74" s="221" t="s">
        <v>550</v>
      </c>
      <c r="S74" s="546" t="s">
        <v>101</v>
      </c>
      <c r="T74" s="548"/>
      <c r="U74" s="623" t="s">
        <v>102</v>
      </c>
      <c r="V74" s="624"/>
      <c r="W74" s="625"/>
      <c r="X74" s="210">
        <v>8</v>
      </c>
      <c r="Y74" s="210" t="s">
        <v>103</v>
      </c>
      <c r="Z74" s="700"/>
      <c r="AA74" s="700"/>
      <c r="AB74" s="592"/>
      <c r="AC74" s="592"/>
      <c r="AD74" s="592"/>
      <c r="AE74" s="265" t="s">
        <v>3020</v>
      </c>
      <c r="AF74" s="38"/>
    </row>
    <row r="75" spans="1:32" s="55" customFormat="1" ht="13.4" customHeight="1">
      <c r="A75" s="394"/>
      <c r="B75" s="541">
        <v>56</v>
      </c>
      <c r="C75" s="542"/>
      <c r="D75" s="563" t="s">
        <v>551</v>
      </c>
      <c r="E75" s="564"/>
      <c r="F75" s="564"/>
      <c r="G75" s="564"/>
      <c r="H75" s="564"/>
      <c r="I75" s="564"/>
      <c r="J75" s="564"/>
      <c r="K75" s="564"/>
      <c r="L75" s="564"/>
      <c r="M75" s="564"/>
      <c r="N75" s="564"/>
      <c r="O75" s="564"/>
      <c r="P75" s="564"/>
      <c r="Q75" s="565"/>
      <c r="R75" s="221" t="s">
        <v>552</v>
      </c>
      <c r="S75" s="546" t="s">
        <v>107</v>
      </c>
      <c r="T75" s="548"/>
      <c r="U75" s="623" t="s">
        <v>108</v>
      </c>
      <c r="V75" s="624"/>
      <c r="W75" s="625"/>
      <c r="X75" s="210">
        <v>2</v>
      </c>
      <c r="Y75" s="210">
        <v>0</v>
      </c>
      <c r="Z75" s="700"/>
      <c r="AA75" s="700"/>
      <c r="AB75" s="592"/>
      <c r="AC75" s="592"/>
      <c r="AD75" s="592"/>
      <c r="AE75" s="265"/>
      <c r="AF75" s="39"/>
    </row>
    <row r="76" spans="1:32" s="57" customFormat="1" ht="13.4" customHeight="1">
      <c r="A76" s="394"/>
      <c r="B76" s="541">
        <v>57</v>
      </c>
      <c r="C76" s="542"/>
      <c r="D76" s="563" t="s">
        <v>553</v>
      </c>
      <c r="E76" s="564"/>
      <c r="F76" s="564"/>
      <c r="G76" s="564"/>
      <c r="H76" s="564"/>
      <c r="I76" s="564"/>
      <c r="J76" s="564"/>
      <c r="K76" s="564"/>
      <c r="L76" s="564"/>
      <c r="M76" s="564"/>
      <c r="N76" s="564"/>
      <c r="O76" s="564"/>
      <c r="P76" s="564"/>
      <c r="Q76" s="565"/>
      <c r="R76" s="221" t="s">
        <v>554</v>
      </c>
      <c r="S76" s="546" t="s">
        <v>107</v>
      </c>
      <c r="T76" s="548"/>
      <c r="U76" s="623" t="s">
        <v>108</v>
      </c>
      <c r="V76" s="624"/>
      <c r="W76" s="625"/>
      <c r="X76" s="210">
        <v>8</v>
      </c>
      <c r="Y76" s="210">
        <v>0</v>
      </c>
      <c r="Z76" s="700"/>
      <c r="AA76" s="700"/>
      <c r="AB76" s="592"/>
      <c r="AC76" s="592"/>
      <c r="AD76" s="592"/>
      <c r="AE76" s="267"/>
      <c r="AF76" s="39"/>
    </row>
    <row r="77" spans="1:32" s="55" customFormat="1" ht="13.4" customHeight="1">
      <c r="A77" s="394"/>
      <c r="B77" s="541">
        <v>58</v>
      </c>
      <c r="C77" s="542"/>
      <c r="D77" s="563" t="s">
        <v>556</v>
      </c>
      <c r="E77" s="564"/>
      <c r="F77" s="564"/>
      <c r="G77" s="564"/>
      <c r="H77" s="564"/>
      <c r="I77" s="564"/>
      <c r="J77" s="564"/>
      <c r="K77" s="564"/>
      <c r="L77" s="564"/>
      <c r="M77" s="564"/>
      <c r="N77" s="564"/>
      <c r="O77" s="564"/>
      <c r="P77" s="564"/>
      <c r="Q77" s="565"/>
      <c r="R77" s="229" t="s">
        <v>557</v>
      </c>
      <c r="S77" s="546" t="s">
        <v>107</v>
      </c>
      <c r="T77" s="548"/>
      <c r="U77" s="623" t="s">
        <v>108</v>
      </c>
      <c r="V77" s="624"/>
      <c r="W77" s="625"/>
      <c r="X77" s="210">
        <v>2</v>
      </c>
      <c r="Y77" s="210">
        <v>0</v>
      </c>
      <c r="Z77" s="700"/>
      <c r="AA77" s="700"/>
      <c r="AB77" s="592"/>
      <c r="AC77" s="592"/>
      <c r="AD77" s="592"/>
      <c r="AE77" s="265"/>
      <c r="AF77" s="39"/>
    </row>
    <row r="78" spans="1:32" s="55" customFormat="1" ht="13.4" customHeight="1">
      <c r="A78" s="394"/>
      <c r="B78" s="541">
        <v>59</v>
      </c>
      <c r="C78" s="542"/>
      <c r="D78" s="563" t="s">
        <v>558</v>
      </c>
      <c r="E78" s="564"/>
      <c r="F78" s="564"/>
      <c r="G78" s="564"/>
      <c r="H78" s="564"/>
      <c r="I78" s="564"/>
      <c r="J78" s="564"/>
      <c r="K78" s="564"/>
      <c r="L78" s="564"/>
      <c r="M78" s="564"/>
      <c r="N78" s="564"/>
      <c r="O78" s="564"/>
      <c r="P78" s="564"/>
      <c r="Q78" s="565"/>
      <c r="R78" s="229" t="s">
        <v>559</v>
      </c>
      <c r="S78" s="546" t="s">
        <v>107</v>
      </c>
      <c r="T78" s="548"/>
      <c r="U78" s="623" t="s">
        <v>108</v>
      </c>
      <c r="V78" s="624"/>
      <c r="W78" s="625"/>
      <c r="X78" s="210">
        <v>8</v>
      </c>
      <c r="Y78" s="210">
        <v>0</v>
      </c>
      <c r="Z78" s="700"/>
      <c r="AA78" s="700"/>
      <c r="AB78" s="592"/>
      <c r="AC78" s="592"/>
      <c r="AD78" s="592"/>
      <c r="AE78" s="265"/>
      <c r="AF78" s="39"/>
    </row>
    <row r="79" spans="1:32" s="55" customFormat="1" ht="13.4" customHeight="1">
      <c r="A79" s="394"/>
      <c r="B79" s="541">
        <v>60</v>
      </c>
      <c r="C79" s="542"/>
      <c r="D79" s="563" t="s">
        <v>560</v>
      </c>
      <c r="E79" s="564"/>
      <c r="F79" s="564"/>
      <c r="G79" s="564"/>
      <c r="H79" s="564"/>
      <c r="I79" s="564"/>
      <c r="J79" s="564"/>
      <c r="K79" s="564"/>
      <c r="L79" s="564"/>
      <c r="M79" s="564"/>
      <c r="N79" s="564"/>
      <c r="O79" s="564"/>
      <c r="P79" s="564"/>
      <c r="Q79" s="565"/>
      <c r="R79" s="229" t="s">
        <v>561</v>
      </c>
      <c r="S79" s="546" t="s">
        <v>107</v>
      </c>
      <c r="T79" s="548"/>
      <c r="U79" s="623" t="s">
        <v>102</v>
      </c>
      <c r="V79" s="624"/>
      <c r="W79" s="625"/>
      <c r="X79" s="210">
        <v>1</v>
      </c>
      <c r="Y79" s="210" t="s">
        <v>103</v>
      </c>
      <c r="Z79" s="700"/>
      <c r="AA79" s="700"/>
      <c r="AB79" s="592"/>
      <c r="AC79" s="592"/>
      <c r="AD79" s="592"/>
      <c r="AE79" s="265"/>
      <c r="AF79" s="39"/>
    </row>
    <row r="80" spans="1:32" s="26" customFormat="1" ht="13.4" customHeight="1">
      <c r="A80" s="20"/>
      <c r="B80" s="541">
        <v>61</v>
      </c>
      <c r="C80" s="542"/>
      <c r="D80" s="563" t="s">
        <v>2377</v>
      </c>
      <c r="E80" s="564"/>
      <c r="F80" s="564"/>
      <c r="G80" s="564"/>
      <c r="H80" s="564"/>
      <c r="I80" s="564"/>
      <c r="J80" s="564"/>
      <c r="K80" s="564"/>
      <c r="L80" s="564"/>
      <c r="M80" s="564"/>
      <c r="N80" s="564"/>
      <c r="O80" s="564"/>
      <c r="P80" s="564"/>
      <c r="Q80" s="565"/>
      <c r="R80" s="221" t="s">
        <v>2378</v>
      </c>
      <c r="S80" s="541" t="s">
        <v>1844</v>
      </c>
      <c r="T80" s="542"/>
      <c r="U80" s="747" t="s">
        <v>102</v>
      </c>
      <c r="V80" s="748"/>
      <c r="W80" s="749"/>
      <c r="X80" s="213">
        <v>20</v>
      </c>
      <c r="Y80" s="213" t="s">
        <v>103</v>
      </c>
      <c r="Z80" s="700"/>
      <c r="AA80" s="700"/>
      <c r="AB80" s="592"/>
      <c r="AC80" s="592"/>
      <c r="AD80" s="592"/>
      <c r="AE80" s="265"/>
      <c r="AF80" s="38"/>
    </row>
    <row r="81" spans="1:32" s="26" customFormat="1" ht="13.4" customHeight="1">
      <c r="A81" s="20"/>
      <c r="B81" s="541">
        <v>62</v>
      </c>
      <c r="C81" s="542"/>
      <c r="D81" s="563" t="s">
        <v>562</v>
      </c>
      <c r="E81" s="564"/>
      <c r="F81" s="564"/>
      <c r="G81" s="564"/>
      <c r="H81" s="564"/>
      <c r="I81" s="564"/>
      <c r="J81" s="564"/>
      <c r="K81" s="564"/>
      <c r="L81" s="564"/>
      <c r="M81" s="564"/>
      <c r="N81" s="564"/>
      <c r="O81" s="564"/>
      <c r="P81" s="564"/>
      <c r="Q81" s="565"/>
      <c r="R81" s="221" t="s">
        <v>563</v>
      </c>
      <c r="S81" s="546" t="s">
        <v>107</v>
      </c>
      <c r="T81" s="548"/>
      <c r="U81" s="623" t="s">
        <v>108</v>
      </c>
      <c r="V81" s="624"/>
      <c r="W81" s="625"/>
      <c r="X81" s="210">
        <v>9</v>
      </c>
      <c r="Y81" s="210">
        <v>0</v>
      </c>
      <c r="Z81" s="700"/>
      <c r="AA81" s="700"/>
      <c r="AB81" s="592"/>
      <c r="AC81" s="592"/>
      <c r="AD81" s="592"/>
      <c r="AE81" s="265"/>
      <c r="AF81" s="38"/>
    </row>
    <row r="82" spans="1:32" s="26" customFormat="1" ht="13.4" customHeight="1">
      <c r="A82" s="20"/>
      <c r="B82" s="541">
        <v>63</v>
      </c>
      <c r="C82" s="542"/>
      <c r="D82" s="563" t="s">
        <v>564</v>
      </c>
      <c r="E82" s="564"/>
      <c r="F82" s="564"/>
      <c r="G82" s="564"/>
      <c r="H82" s="564"/>
      <c r="I82" s="564"/>
      <c r="J82" s="564"/>
      <c r="K82" s="564"/>
      <c r="L82" s="564"/>
      <c r="M82" s="564"/>
      <c r="N82" s="564"/>
      <c r="O82" s="564"/>
      <c r="P82" s="564"/>
      <c r="Q82" s="565"/>
      <c r="R82" s="221" t="s">
        <v>565</v>
      </c>
      <c r="S82" s="546" t="s">
        <v>107</v>
      </c>
      <c r="T82" s="548"/>
      <c r="U82" s="623" t="s">
        <v>102</v>
      </c>
      <c r="V82" s="624"/>
      <c r="W82" s="625"/>
      <c r="X82" s="210">
        <v>1</v>
      </c>
      <c r="Y82" s="210" t="s">
        <v>103</v>
      </c>
      <c r="Z82" s="700"/>
      <c r="AA82" s="700"/>
      <c r="AB82" s="592"/>
      <c r="AC82" s="592"/>
      <c r="AD82" s="592"/>
      <c r="AE82" s="265"/>
      <c r="AF82" s="38"/>
    </row>
    <row r="83" spans="1:32" s="54" customFormat="1" ht="13.4" customHeight="1">
      <c r="A83" s="20"/>
      <c r="B83" s="541">
        <v>64</v>
      </c>
      <c r="C83" s="542"/>
      <c r="D83" s="563" t="s">
        <v>2379</v>
      </c>
      <c r="E83" s="564"/>
      <c r="F83" s="564"/>
      <c r="G83" s="564"/>
      <c r="H83" s="564"/>
      <c r="I83" s="564"/>
      <c r="J83" s="564"/>
      <c r="K83" s="564"/>
      <c r="L83" s="564"/>
      <c r="M83" s="564"/>
      <c r="N83" s="564"/>
      <c r="O83" s="564"/>
      <c r="P83" s="564"/>
      <c r="Q83" s="565"/>
      <c r="R83" s="221" t="s">
        <v>2380</v>
      </c>
      <c r="S83" s="541" t="s">
        <v>1844</v>
      </c>
      <c r="T83" s="542"/>
      <c r="U83" s="747" t="s">
        <v>102</v>
      </c>
      <c r="V83" s="748"/>
      <c r="W83" s="749"/>
      <c r="X83" s="213">
        <v>8</v>
      </c>
      <c r="Y83" s="213" t="s">
        <v>103</v>
      </c>
      <c r="Z83" s="700"/>
      <c r="AA83" s="700"/>
      <c r="AB83" s="592"/>
      <c r="AC83" s="592"/>
      <c r="AD83" s="592"/>
      <c r="AE83" s="267"/>
      <c r="AF83" s="38"/>
    </row>
    <row r="84" spans="1:32" s="54" customFormat="1" ht="13.4" customHeight="1">
      <c r="A84" s="20"/>
      <c r="B84" s="541">
        <v>65</v>
      </c>
      <c r="C84" s="542"/>
      <c r="D84" s="563" t="s">
        <v>566</v>
      </c>
      <c r="E84" s="564"/>
      <c r="F84" s="564"/>
      <c r="G84" s="564"/>
      <c r="H84" s="564"/>
      <c r="I84" s="564"/>
      <c r="J84" s="564"/>
      <c r="K84" s="564"/>
      <c r="L84" s="564"/>
      <c r="M84" s="564"/>
      <c r="N84" s="564"/>
      <c r="O84" s="564"/>
      <c r="P84" s="564"/>
      <c r="Q84" s="565"/>
      <c r="R84" s="221" t="s">
        <v>567</v>
      </c>
      <c r="S84" s="546" t="s">
        <v>107</v>
      </c>
      <c r="T84" s="548"/>
      <c r="U84" s="623" t="s">
        <v>108</v>
      </c>
      <c r="V84" s="624"/>
      <c r="W84" s="625"/>
      <c r="X84" s="210">
        <v>3</v>
      </c>
      <c r="Y84" s="210">
        <v>0</v>
      </c>
      <c r="Z84" s="700"/>
      <c r="AA84" s="700"/>
      <c r="AB84" s="592"/>
      <c r="AC84" s="592"/>
      <c r="AD84" s="592"/>
      <c r="AE84" s="267"/>
      <c r="AF84" s="38"/>
    </row>
    <row r="85" spans="1:32" s="55" customFormat="1" ht="13.4" customHeight="1">
      <c r="A85" s="394"/>
      <c r="B85" s="541">
        <v>66</v>
      </c>
      <c r="C85" s="542"/>
      <c r="D85" s="563" t="s">
        <v>568</v>
      </c>
      <c r="E85" s="564"/>
      <c r="F85" s="564"/>
      <c r="G85" s="564"/>
      <c r="H85" s="564"/>
      <c r="I85" s="564"/>
      <c r="J85" s="564"/>
      <c r="K85" s="564"/>
      <c r="L85" s="564"/>
      <c r="M85" s="564"/>
      <c r="N85" s="564"/>
      <c r="O85" s="564"/>
      <c r="P85" s="564"/>
      <c r="Q85" s="565"/>
      <c r="R85" s="221" t="s">
        <v>569</v>
      </c>
      <c r="S85" s="546" t="s">
        <v>107</v>
      </c>
      <c r="T85" s="548"/>
      <c r="U85" s="623" t="s">
        <v>108</v>
      </c>
      <c r="V85" s="624"/>
      <c r="W85" s="625"/>
      <c r="X85" s="210">
        <v>6</v>
      </c>
      <c r="Y85" s="210">
        <v>0</v>
      </c>
      <c r="Z85" s="700"/>
      <c r="AA85" s="700"/>
      <c r="AB85" s="592"/>
      <c r="AC85" s="592"/>
      <c r="AD85" s="592"/>
      <c r="AE85" s="265"/>
      <c r="AF85" s="39"/>
    </row>
    <row r="86" spans="1:32" s="26" customFormat="1">
      <c r="A86" s="20"/>
      <c r="B86" s="59"/>
      <c r="C86" s="59"/>
      <c r="D86" s="40"/>
      <c r="E86" s="40"/>
      <c r="F86" s="40"/>
      <c r="G86" s="40"/>
      <c r="H86" s="40"/>
      <c r="I86" s="40"/>
      <c r="J86" s="40"/>
      <c r="K86" s="40"/>
      <c r="L86" s="40"/>
      <c r="M86" s="40"/>
      <c r="N86" s="40"/>
      <c r="O86" s="40"/>
      <c r="P86" s="40"/>
      <c r="Q86" s="40"/>
      <c r="R86" s="214"/>
      <c r="S86" s="66"/>
      <c r="T86" s="66"/>
      <c r="U86" s="66"/>
      <c r="V86" s="66"/>
      <c r="W86" s="66"/>
      <c r="X86" s="65"/>
      <c r="Y86" s="65"/>
      <c r="Z86" s="120"/>
      <c r="AA86" s="120"/>
      <c r="AB86" s="41"/>
      <c r="AC86" s="41"/>
      <c r="AD86" s="41"/>
      <c r="AE86" s="114"/>
      <c r="AF86" s="38"/>
    </row>
    <row r="87" spans="1:32">
      <c r="A87" s="25"/>
      <c r="R87" s="214"/>
      <c r="AF87" s="29"/>
    </row>
    <row r="88" spans="1:32">
      <c r="A88" s="25"/>
      <c r="B88" s="27" t="s">
        <v>908</v>
      </c>
      <c r="R88" s="214"/>
      <c r="AF88" s="29"/>
    </row>
    <row r="89" spans="1:32">
      <c r="A89" s="25"/>
      <c r="R89" s="214"/>
      <c r="AF89" s="29"/>
    </row>
    <row r="90" spans="1:32">
      <c r="A90" s="25"/>
      <c r="R90" s="214"/>
      <c r="AF90" s="29"/>
    </row>
    <row r="91" spans="1:32">
      <c r="A91" s="25"/>
      <c r="R91" s="214"/>
      <c r="AF91" s="29"/>
    </row>
    <row r="92" spans="1:32">
      <c r="A92" s="25"/>
      <c r="R92" s="214"/>
      <c r="AF92" s="29"/>
    </row>
    <row r="93" spans="1:32">
      <c r="R93" s="214"/>
    </row>
    <row r="94" spans="1:32">
      <c r="R94" s="214"/>
    </row>
    <row r="95" spans="1:32">
      <c r="R95" s="214"/>
    </row>
    <row r="96" spans="1:32">
      <c r="R96" s="214"/>
    </row>
    <row r="107" spans="1:7">
      <c r="A107" t="s">
        <v>909</v>
      </c>
      <c r="B107" t="s">
        <v>910</v>
      </c>
      <c r="C107" t="s">
        <v>911</v>
      </c>
      <c r="D107" t="s">
        <v>912</v>
      </c>
      <c r="E107" t="s">
        <v>913</v>
      </c>
      <c r="F107" t="s">
        <v>914</v>
      </c>
      <c r="G107" t="s">
        <v>98</v>
      </c>
    </row>
    <row r="108" spans="1:7">
      <c r="A108" t="s">
        <v>340</v>
      </c>
      <c r="B108" t="s">
        <v>915</v>
      </c>
      <c r="C108" s="3" t="s">
        <v>82</v>
      </c>
      <c r="D108" t="s">
        <v>916</v>
      </c>
      <c r="E108" t="s">
        <v>917</v>
      </c>
      <c r="F108" t="s">
        <v>918</v>
      </c>
      <c r="G108" t="s">
        <v>919</v>
      </c>
    </row>
    <row r="109" spans="1:7">
      <c r="A109" t="s">
        <v>920</v>
      </c>
      <c r="B109" t="s">
        <v>921</v>
      </c>
      <c r="C109" s="3" t="s">
        <v>922</v>
      </c>
      <c r="D109" t="s">
        <v>923</v>
      </c>
      <c r="E109" t="s">
        <v>924</v>
      </c>
      <c r="F109" t="s">
        <v>925</v>
      </c>
      <c r="G109" t="s">
        <v>926</v>
      </c>
    </row>
    <row r="110" spans="1:7">
      <c r="A110" t="s">
        <v>927</v>
      </c>
      <c r="B110"/>
      <c r="C110" s="3" t="s">
        <v>928</v>
      </c>
      <c r="D110"/>
      <c r="E110" t="s">
        <v>929</v>
      </c>
      <c r="F110" t="s">
        <v>930</v>
      </c>
      <c r="G110"/>
    </row>
    <row r="111" spans="1:7">
      <c r="A111"/>
      <c r="B111"/>
      <c r="C111" s="3" t="s">
        <v>931</v>
      </c>
      <c r="D111"/>
      <c r="E111" t="s">
        <v>932</v>
      </c>
      <c r="F111" t="s">
        <v>933</v>
      </c>
      <c r="G111"/>
    </row>
    <row r="112" spans="1:7">
      <c r="A112"/>
      <c r="B112"/>
      <c r="C112" s="3" t="s">
        <v>230</v>
      </c>
      <c r="D112"/>
      <c r="E112"/>
      <c r="F112" t="s">
        <v>934</v>
      </c>
      <c r="G112"/>
    </row>
    <row r="113" spans="1:7">
      <c r="A113"/>
      <c r="B113"/>
      <c r="C113" s="3" t="s">
        <v>177</v>
      </c>
      <c r="D113"/>
      <c r="E113"/>
      <c r="F113" t="s">
        <v>935</v>
      </c>
      <c r="G113"/>
    </row>
    <row r="114" spans="1:7">
      <c r="A114"/>
      <c r="B114"/>
      <c r="C114"/>
      <c r="D114"/>
      <c r="E114"/>
      <c r="F114" t="s">
        <v>936</v>
      </c>
      <c r="G114"/>
    </row>
    <row r="115" spans="1:7">
      <c r="A115"/>
      <c r="B115"/>
      <c r="C115"/>
      <c r="D115"/>
      <c r="E115"/>
      <c r="F115" t="s">
        <v>937</v>
      </c>
      <c r="G115"/>
    </row>
    <row r="116" spans="1:7">
      <c r="A116"/>
      <c r="B116"/>
      <c r="C116"/>
      <c r="D116"/>
      <c r="E116"/>
      <c r="F116" t="s">
        <v>938</v>
      </c>
      <c r="G116"/>
    </row>
    <row r="117" spans="1:7">
      <c r="A117"/>
      <c r="B117"/>
      <c r="C117"/>
      <c r="D117"/>
      <c r="E117"/>
      <c r="F117" t="s">
        <v>939</v>
      </c>
      <c r="G117"/>
    </row>
    <row r="118" spans="1:7">
      <c r="A118"/>
      <c r="B118"/>
      <c r="C118"/>
      <c r="D118"/>
      <c r="E118"/>
      <c r="F118" t="s">
        <v>940</v>
      </c>
      <c r="G118"/>
    </row>
    <row r="119" spans="1:7">
      <c r="A119"/>
      <c r="B119"/>
      <c r="C119"/>
      <c r="D119"/>
      <c r="E119"/>
      <c r="F119" t="s">
        <v>941</v>
      </c>
      <c r="G119"/>
    </row>
    <row r="120" spans="1:7">
      <c r="A120"/>
      <c r="B120"/>
      <c r="C120"/>
      <c r="D120"/>
      <c r="E120"/>
      <c r="F120" t="s">
        <v>942</v>
      </c>
      <c r="G120"/>
    </row>
    <row r="121" spans="1:7">
      <c r="A121"/>
      <c r="B121"/>
      <c r="C121"/>
      <c r="D121"/>
      <c r="E121"/>
      <c r="F121" t="s">
        <v>943</v>
      </c>
      <c r="G121"/>
    </row>
    <row r="122" spans="1:7">
      <c r="A122"/>
      <c r="B122"/>
      <c r="C122"/>
      <c r="D122"/>
      <c r="E122"/>
      <c r="F122" t="s">
        <v>944</v>
      </c>
      <c r="G122"/>
    </row>
    <row r="123" spans="1:7">
      <c r="A123"/>
      <c r="B123"/>
      <c r="C123"/>
      <c r="D123"/>
      <c r="E123"/>
      <c r="F123" t="s">
        <v>945</v>
      </c>
      <c r="G123"/>
    </row>
  </sheetData>
  <mergeCells count="414">
    <mergeCell ref="F4:M4"/>
    <mergeCell ref="F6:H6"/>
    <mergeCell ref="I6:O6"/>
    <mergeCell ref="P6:S6"/>
    <mergeCell ref="F8:L8"/>
    <mergeCell ref="F10:L10"/>
    <mergeCell ref="Q10:Y10"/>
    <mergeCell ref="AE18:AE19"/>
    <mergeCell ref="B20:C20"/>
    <mergeCell ref="D20:Q20"/>
    <mergeCell ref="S20:T20"/>
    <mergeCell ref="U20:W20"/>
    <mergeCell ref="Z20:AA20"/>
    <mergeCell ref="F12:S12"/>
    <mergeCell ref="F14:S14"/>
    <mergeCell ref="F16:S16"/>
    <mergeCell ref="B18:C19"/>
    <mergeCell ref="D18:Q19"/>
    <mergeCell ref="S18:T19"/>
    <mergeCell ref="AB20:AD20"/>
    <mergeCell ref="B21:C21"/>
    <mergeCell ref="D21:Q21"/>
    <mergeCell ref="S21:T21"/>
    <mergeCell ref="U21:W21"/>
    <mergeCell ref="Z21:AA21"/>
    <mergeCell ref="AB21:AD21"/>
    <mergeCell ref="U18:W19"/>
    <mergeCell ref="X18:Y19"/>
    <mergeCell ref="Z18:AA19"/>
    <mergeCell ref="AB18:AD19"/>
    <mergeCell ref="B23:C23"/>
    <mergeCell ref="D23:Q23"/>
    <mergeCell ref="S23:T23"/>
    <mergeCell ref="U23:W23"/>
    <mergeCell ref="Z23:AA23"/>
    <mergeCell ref="AB23:AD23"/>
    <mergeCell ref="B22:C22"/>
    <mergeCell ref="D22:Q22"/>
    <mergeCell ref="S22:T22"/>
    <mergeCell ref="U22:W22"/>
    <mergeCell ref="Z22:AA22"/>
    <mergeCell ref="AB22:AD22"/>
    <mergeCell ref="B25:C25"/>
    <mergeCell ref="D25:Q25"/>
    <mergeCell ref="S25:T25"/>
    <mergeCell ref="U25:W25"/>
    <mergeCell ref="Z25:AA25"/>
    <mergeCell ref="AB25:AD25"/>
    <mergeCell ref="B24:C24"/>
    <mergeCell ref="D24:Q24"/>
    <mergeCell ref="S24:T24"/>
    <mergeCell ref="U24:W24"/>
    <mergeCell ref="Z24:AA24"/>
    <mergeCell ref="AB24:AD24"/>
    <mergeCell ref="B27:C27"/>
    <mergeCell ref="D27:Q27"/>
    <mergeCell ref="S27:T27"/>
    <mergeCell ref="U27:W27"/>
    <mergeCell ref="Z27:AA27"/>
    <mergeCell ref="AB27:AD27"/>
    <mergeCell ref="B26:C26"/>
    <mergeCell ref="D26:Q26"/>
    <mergeCell ref="S26:T26"/>
    <mergeCell ref="U26:W26"/>
    <mergeCell ref="Z26:AA26"/>
    <mergeCell ref="AB26:AD26"/>
    <mergeCell ref="B29:C29"/>
    <mergeCell ref="D29:Q29"/>
    <mergeCell ref="S29:T29"/>
    <mergeCell ref="U29:W29"/>
    <mergeCell ref="Z29:AA29"/>
    <mergeCell ref="AB29:AD29"/>
    <mergeCell ref="B28:C28"/>
    <mergeCell ref="D28:Q28"/>
    <mergeCell ref="S28:T28"/>
    <mergeCell ref="U28:W28"/>
    <mergeCell ref="Z28:AA28"/>
    <mergeCell ref="AB28:AD28"/>
    <mergeCell ref="B31:C31"/>
    <mergeCell ref="D31:Q31"/>
    <mergeCell ref="S31:T31"/>
    <mergeCell ref="U31:W31"/>
    <mergeCell ref="Z31:AA31"/>
    <mergeCell ref="AB31:AD31"/>
    <mergeCell ref="B30:C30"/>
    <mergeCell ref="D30:Q30"/>
    <mergeCell ref="S30:T30"/>
    <mergeCell ref="U30:W30"/>
    <mergeCell ref="Z30:AA30"/>
    <mergeCell ref="AB30:AD30"/>
    <mergeCell ref="B33:C33"/>
    <mergeCell ref="D33:Q33"/>
    <mergeCell ref="S33:T33"/>
    <mergeCell ref="U33:W33"/>
    <mergeCell ref="Z33:AA33"/>
    <mergeCell ref="AB33:AD33"/>
    <mergeCell ref="B32:C32"/>
    <mergeCell ref="D32:Q32"/>
    <mergeCell ref="S32:T32"/>
    <mergeCell ref="U32:W32"/>
    <mergeCell ref="Z32:AA32"/>
    <mergeCell ref="AB32:AD32"/>
    <mergeCell ref="B35:C35"/>
    <mergeCell ref="D35:Q35"/>
    <mergeCell ref="S35:T35"/>
    <mergeCell ref="U35:W35"/>
    <mergeCell ref="Z35:AA35"/>
    <mergeCell ref="AB35:AD35"/>
    <mergeCell ref="B34:C34"/>
    <mergeCell ref="D34:Q34"/>
    <mergeCell ref="S34:T34"/>
    <mergeCell ref="U34:W34"/>
    <mergeCell ref="Z34:AA34"/>
    <mergeCell ref="AB34:AD34"/>
    <mergeCell ref="B37:C37"/>
    <mergeCell ref="D37:Q37"/>
    <mergeCell ref="S37:T37"/>
    <mergeCell ref="U37:W37"/>
    <mergeCell ref="Z37:AA37"/>
    <mergeCell ref="AB37:AD37"/>
    <mergeCell ref="B36:C36"/>
    <mergeCell ref="D36:Q36"/>
    <mergeCell ref="S36:T36"/>
    <mergeCell ref="U36:W36"/>
    <mergeCell ref="Z36:AA36"/>
    <mergeCell ref="AB36:AD36"/>
    <mergeCell ref="B39:C39"/>
    <mergeCell ref="D39:Q39"/>
    <mergeCell ref="S39:T39"/>
    <mergeCell ref="U39:W39"/>
    <mergeCell ref="Z39:AA39"/>
    <mergeCell ref="AB39:AD39"/>
    <mergeCell ref="B38:C38"/>
    <mergeCell ref="D38:Q38"/>
    <mergeCell ref="S38:T38"/>
    <mergeCell ref="U38:W38"/>
    <mergeCell ref="Z38:AA38"/>
    <mergeCell ref="AB38:AD38"/>
    <mergeCell ref="B41:C41"/>
    <mergeCell ref="D41:Q41"/>
    <mergeCell ref="S41:T41"/>
    <mergeCell ref="U41:W41"/>
    <mergeCell ref="Z41:AA41"/>
    <mergeCell ref="AB41:AD41"/>
    <mergeCell ref="B40:C40"/>
    <mergeCell ref="D40:Q40"/>
    <mergeCell ref="S40:T40"/>
    <mergeCell ref="U40:W40"/>
    <mergeCell ref="Z40:AA40"/>
    <mergeCell ref="AB40:AD40"/>
    <mergeCell ref="B43:C43"/>
    <mergeCell ref="D43:Q43"/>
    <mergeCell ref="S43:T43"/>
    <mergeCell ref="U43:W43"/>
    <mergeCell ref="Z43:AA43"/>
    <mergeCell ref="AB43:AD43"/>
    <mergeCell ref="B42:C42"/>
    <mergeCell ref="D42:Q42"/>
    <mergeCell ref="S42:T42"/>
    <mergeCell ref="U42:W42"/>
    <mergeCell ref="Z42:AA42"/>
    <mergeCell ref="AB42:AD42"/>
    <mergeCell ref="B45:C45"/>
    <mergeCell ref="D45:Q45"/>
    <mergeCell ref="S45:T45"/>
    <mergeCell ref="U45:W45"/>
    <mergeCell ref="Z45:AA45"/>
    <mergeCell ref="AB45:AD45"/>
    <mergeCell ref="B44:C44"/>
    <mergeCell ref="D44:Q44"/>
    <mergeCell ref="S44:T44"/>
    <mergeCell ref="U44:W44"/>
    <mergeCell ref="Z44:AA44"/>
    <mergeCell ref="AB44:AD44"/>
    <mergeCell ref="B47:C47"/>
    <mergeCell ref="D47:Q47"/>
    <mergeCell ref="S47:T47"/>
    <mergeCell ref="U47:W47"/>
    <mergeCell ref="Z47:AA47"/>
    <mergeCell ref="AB47:AD47"/>
    <mergeCell ref="B46:C46"/>
    <mergeCell ref="D46:Q46"/>
    <mergeCell ref="S46:T46"/>
    <mergeCell ref="U46:W46"/>
    <mergeCell ref="Z46:AA46"/>
    <mergeCell ref="AB46:AD46"/>
    <mergeCell ref="B49:C49"/>
    <mergeCell ref="D49:Q49"/>
    <mergeCell ref="S49:T49"/>
    <mergeCell ref="U49:W49"/>
    <mergeCell ref="Z49:AA49"/>
    <mergeCell ref="AB49:AD49"/>
    <mergeCell ref="B48:C48"/>
    <mergeCell ref="D48:Q48"/>
    <mergeCell ref="S48:T48"/>
    <mergeCell ref="U48:W48"/>
    <mergeCell ref="Z48:AA48"/>
    <mergeCell ref="AB48:AD48"/>
    <mergeCell ref="B51:C51"/>
    <mergeCell ref="D51:Q51"/>
    <mergeCell ref="S51:T51"/>
    <mergeCell ref="U51:W51"/>
    <mergeCell ref="Z51:AA51"/>
    <mergeCell ref="AB51:AD51"/>
    <mergeCell ref="B50:C50"/>
    <mergeCell ref="D50:Q50"/>
    <mergeCell ref="S50:T50"/>
    <mergeCell ref="U50:W50"/>
    <mergeCell ref="Z50:AA50"/>
    <mergeCell ref="AB50:AD50"/>
    <mergeCell ref="B53:C53"/>
    <mergeCell ref="D53:Q53"/>
    <mergeCell ref="S53:T53"/>
    <mergeCell ref="U53:W53"/>
    <mergeCell ref="Z53:AA53"/>
    <mergeCell ref="AB53:AD53"/>
    <mergeCell ref="B52:C52"/>
    <mergeCell ref="D52:Q52"/>
    <mergeCell ref="S52:T52"/>
    <mergeCell ref="U52:W52"/>
    <mergeCell ref="Z52:AA52"/>
    <mergeCell ref="AB52:AD52"/>
    <mergeCell ref="B55:C55"/>
    <mergeCell ref="D55:Q55"/>
    <mergeCell ref="S55:T55"/>
    <mergeCell ref="U55:W55"/>
    <mergeCell ref="Z55:AA55"/>
    <mergeCell ref="AB55:AD55"/>
    <mergeCell ref="B54:C54"/>
    <mergeCell ref="D54:Q54"/>
    <mergeCell ref="S54:T54"/>
    <mergeCell ref="U54:W54"/>
    <mergeCell ref="Z54:AA54"/>
    <mergeCell ref="AB54:AD54"/>
    <mergeCell ref="B57:C57"/>
    <mergeCell ref="D57:Q57"/>
    <mergeCell ref="S57:T57"/>
    <mergeCell ref="U57:W57"/>
    <mergeCell ref="Z57:AA57"/>
    <mergeCell ref="AB57:AD57"/>
    <mergeCell ref="B56:C56"/>
    <mergeCell ref="D56:Q56"/>
    <mergeCell ref="S56:T56"/>
    <mergeCell ref="U56:W56"/>
    <mergeCell ref="Z56:AA56"/>
    <mergeCell ref="AB56:AD56"/>
    <mergeCell ref="B59:C59"/>
    <mergeCell ref="D59:Q59"/>
    <mergeCell ref="S59:T59"/>
    <mergeCell ref="U59:W59"/>
    <mergeCell ref="Z59:AA59"/>
    <mergeCell ref="AB59:AD59"/>
    <mergeCell ref="B58:C58"/>
    <mergeCell ref="D58:Q58"/>
    <mergeCell ref="S58:T58"/>
    <mergeCell ref="U58:W58"/>
    <mergeCell ref="Z58:AA58"/>
    <mergeCell ref="AB58:AD58"/>
    <mergeCell ref="B61:C61"/>
    <mergeCell ref="D61:Q61"/>
    <mergeCell ref="S61:T61"/>
    <mergeCell ref="U61:W61"/>
    <mergeCell ref="Z61:AA61"/>
    <mergeCell ref="AB61:AD61"/>
    <mergeCell ref="B60:C60"/>
    <mergeCell ref="D60:Q60"/>
    <mergeCell ref="S60:T60"/>
    <mergeCell ref="U60:W60"/>
    <mergeCell ref="Z60:AA60"/>
    <mergeCell ref="AB60:AD60"/>
    <mergeCell ref="B63:C63"/>
    <mergeCell ref="D63:Q63"/>
    <mergeCell ref="S63:T63"/>
    <mergeCell ref="U63:W63"/>
    <mergeCell ref="Z63:AA63"/>
    <mergeCell ref="AB63:AD63"/>
    <mergeCell ref="B62:C62"/>
    <mergeCell ref="D62:Q62"/>
    <mergeCell ref="S62:T62"/>
    <mergeCell ref="U62:W62"/>
    <mergeCell ref="Z62:AA62"/>
    <mergeCell ref="AB62:AD62"/>
    <mergeCell ref="B65:C65"/>
    <mergeCell ref="D65:Q65"/>
    <mergeCell ref="S65:T65"/>
    <mergeCell ref="U65:W65"/>
    <mergeCell ref="Z65:AA65"/>
    <mergeCell ref="AB65:AD65"/>
    <mergeCell ref="B64:C64"/>
    <mergeCell ref="D64:Q64"/>
    <mergeCell ref="S64:T64"/>
    <mergeCell ref="U64:W64"/>
    <mergeCell ref="Z64:AA64"/>
    <mergeCell ref="AB64:AD64"/>
    <mergeCell ref="B67:C67"/>
    <mergeCell ref="D67:Q67"/>
    <mergeCell ref="S67:T67"/>
    <mergeCell ref="U67:W67"/>
    <mergeCell ref="Z67:AA67"/>
    <mergeCell ref="AB67:AD67"/>
    <mergeCell ref="B66:C66"/>
    <mergeCell ref="D66:Q66"/>
    <mergeCell ref="S66:T66"/>
    <mergeCell ref="U66:W66"/>
    <mergeCell ref="Z66:AA66"/>
    <mergeCell ref="AB66:AD66"/>
    <mergeCell ref="B69:C69"/>
    <mergeCell ref="D69:Q69"/>
    <mergeCell ref="S69:T69"/>
    <mergeCell ref="U69:W69"/>
    <mergeCell ref="Z69:AA69"/>
    <mergeCell ref="AB69:AD69"/>
    <mergeCell ref="B68:C68"/>
    <mergeCell ref="D68:Q68"/>
    <mergeCell ref="S68:T68"/>
    <mergeCell ref="U68:W68"/>
    <mergeCell ref="Z68:AA68"/>
    <mergeCell ref="AB68:AD68"/>
    <mergeCell ref="B71:C71"/>
    <mergeCell ref="D71:Q71"/>
    <mergeCell ref="S71:T71"/>
    <mergeCell ref="U71:W71"/>
    <mergeCell ref="Z71:AA71"/>
    <mergeCell ref="AB71:AD71"/>
    <mergeCell ref="B70:C70"/>
    <mergeCell ref="D70:Q70"/>
    <mergeCell ref="S70:T70"/>
    <mergeCell ref="U70:W70"/>
    <mergeCell ref="Z70:AA70"/>
    <mergeCell ref="AB70:AD70"/>
    <mergeCell ref="B73:C73"/>
    <mergeCell ref="D73:Q73"/>
    <mergeCell ref="S73:T73"/>
    <mergeCell ref="U73:W73"/>
    <mergeCell ref="Z73:AA73"/>
    <mergeCell ref="AB73:AD73"/>
    <mergeCell ref="B72:C72"/>
    <mergeCell ref="D72:Q72"/>
    <mergeCell ref="S72:T72"/>
    <mergeCell ref="U72:W72"/>
    <mergeCell ref="Z72:AA72"/>
    <mergeCell ref="AB72:AD72"/>
    <mergeCell ref="B75:C75"/>
    <mergeCell ref="D75:Q75"/>
    <mergeCell ref="S75:T75"/>
    <mergeCell ref="U75:W75"/>
    <mergeCell ref="Z75:AA75"/>
    <mergeCell ref="AB75:AD75"/>
    <mergeCell ref="B74:C74"/>
    <mergeCell ref="D74:Q74"/>
    <mergeCell ref="S74:T74"/>
    <mergeCell ref="U74:W74"/>
    <mergeCell ref="Z74:AA74"/>
    <mergeCell ref="AB74:AD74"/>
    <mergeCell ref="B77:C77"/>
    <mergeCell ref="D77:Q77"/>
    <mergeCell ref="S77:T77"/>
    <mergeCell ref="U77:W77"/>
    <mergeCell ref="Z77:AA77"/>
    <mergeCell ref="AB77:AD77"/>
    <mergeCell ref="B76:C76"/>
    <mergeCell ref="D76:Q76"/>
    <mergeCell ref="S76:T76"/>
    <mergeCell ref="U76:W76"/>
    <mergeCell ref="Z76:AA76"/>
    <mergeCell ref="AB76:AD76"/>
    <mergeCell ref="B79:C79"/>
    <mergeCell ref="D79:Q79"/>
    <mergeCell ref="S79:T79"/>
    <mergeCell ref="U79:W79"/>
    <mergeCell ref="Z79:AA79"/>
    <mergeCell ref="AB79:AD79"/>
    <mergeCell ref="B78:C78"/>
    <mergeCell ref="D78:Q78"/>
    <mergeCell ref="S78:T78"/>
    <mergeCell ref="U78:W78"/>
    <mergeCell ref="Z78:AA78"/>
    <mergeCell ref="AB78:AD78"/>
    <mergeCell ref="B81:C81"/>
    <mergeCell ref="D81:Q81"/>
    <mergeCell ref="S81:T81"/>
    <mergeCell ref="U81:W81"/>
    <mergeCell ref="Z81:AA81"/>
    <mergeCell ref="AB81:AD81"/>
    <mergeCell ref="B80:C80"/>
    <mergeCell ref="D80:Q80"/>
    <mergeCell ref="S80:T80"/>
    <mergeCell ref="U80:W80"/>
    <mergeCell ref="Z80:AA80"/>
    <mergeCell ref="AB80:AD80"/>
    <mergeCell ref="B83:C83"/>
    <mergeCell ref="D83:Q83"/>
    <mergeCell ref="S83:T83"/>
    <mergeCell ref="U83:W83"/>
    <mergeCell ref="Z83:AA83"/>
    <mergeCell ref="AB83:AD83"/>
    <mergeCell ref="B82:C82"/>
    <mergeCell ref="D82:Q82"/>
    <mergeCell ref="S82:T82"/>
    <mergeCell ref="U82:W82"/>
    <mergeCell ref="Z82:AA82"/>
    <mergeCell ref="AB82:AD82"/>
    <mergeCell ref="B85:C85"/>
    <mergeCell ref="D85:Q85"/>
    <mergeCell ref="S85:T85"/>
    <mergeCell ref="U85:W85"/>
    <mergeCell ref="Z85:AA85"/>
    <mergeCell ref="AB85:AD85"/>
    <mergeCell ref="B84:C84"/>
    <mergeCell ref="D84:Q84"/>
    <mergeCell ref="S84:T84"/>
    <mergeCell ref="U84:W84"/>
    <mergeCell ref="Z84:AA84"/>
    <mergeCell ref="AB84:AD84"/>
  </mergeCells>
  <phoneticPr fontId="24"/>
  <conditionalFormatting sqref="AE74">
    <cfRule type="expression" dxfId="13" priority="2">
      <formula>$AN74="□"</formula>
    </cfRule>
  </conditionalFormatting>
  <conditionalFormatting sqref="AE66">
    <cfRule type="expression" dxfId="12" priority="1">
      <formula>$AN66="□"</formula>
    </cfRule>
  </conditionalFormatting>
  <dataValidations count="8">
    <dataValidation type="list" allowBlank="1" showInputMessage="1" showErrorMessage="1" sqref="I6:O6" xr:uid="{027C25B4-A0EC-4AFA-853C-94D48DE59A23}">
      <formula1>"1,2,3,4,5,6,7,8,9,10,11,12,13,14,15,16,17,18,19,20,21,22,23,24"</formula1>
    </dataValidation>
    <dataValidation type="list" allowBlank="1" showInputMessage="1" showErrorMessage="1" sqref="F12:S12 F16:S16 F14:S14" xr:uid="{F7BA0687-3D91-4698-B3A4-BEFA218E048F}">
      <formula1>$F$108:$F$123</formula1>
    </dataValidation>
    <dataValidation type="list" allowBlank="1" showInputMessage="1" showErrorMessage="1" sqref="Q10:Y10" xr:uid="{3B854539-A2E7-4544-BFF5-30A547E6B229}">
      <formula1>$E$108:$E$111</formula1>
    </dataValidation>
    <dataValidation type="list" allowBlank="1" showInputMessage="1" showErrorMessage="1" sqref="F4:M4" xr:uid="{CF834D26-2B27-401E-A6DD-BB2EF9247CEA}">
      <formula1>$A$108:$A$110</formula1>
    </dataValidation>
    <dataValidation type="list" allowBlank="1" showInputMessage="1" showErrorMessage="1" sqref="F8:L8" xr:uid="{B88884D1-8F7F-4159-A367-15D624D52985}">
      <formula1>$B$108:$B$109</formula1>
    </dataValidation>
    <dataValidation type="list" allowBlank="1" showInputMessage="1" showErrorMessage="1" sqref="AB20:AD85" xr:uid="{746CF5F5-FE40-4C40-97FB-352420354073}">
      <formula1>$C$108:$C$113</formula1>
    </dataValidation>
    <dataValidation type="list" allowBlank="1" showInputMessage="1" showErrorMessage="1" sqref="F10:L10" xr:uid="{07AA4BE5-8764-4F1C-8B89-DFE9AF9839FE}">
      <formula1>"する,しない"</formula1>
    </dataValidation>
    <dataValidation type="list" allowBlank="1" showInputMessage="1" showErrorMessage="1" sqref="Z20:AA85" xr:uid="{F900709E-5DBB-4FFF-80C1-575E8A88693B}">
      <formula1>"○,×"</formula1>
    </dataValidation>
  </dataValidations>
  <pageMargins left="0.19685039370078741" right="0.19685039370078741" top="0.39370078740157483" bottom="0.39370078740157483" header="0.19685039370078741" footer="0.19685039370078741"/>
  <pageSetup paperSize="9" scale="83" fitToHeight="0" orientation="landscape" r:id="rId1"/>
  <headerFooter alignWithMargins="0">
    <oddFooter>&amp;C&amp;P</oddFooter>
  </headerFooter>
  <rowBreaks count="1" manualBreakCount="1">
    <brk id="48" max="27"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6DFCC6-60D8-4194-8D2A-EDFCD80CBD5A}">
  <sheetPr codeName="Sheet12">
    <pageSetUpPr fitToPage="1"/>
  </sheetPr>
  <dimension ref="A1:AH117"/>
  <sheetViews>
    <sheetView showGridLines="0" view="pageBreakPreview" zoomScaleNormal="100" zoomScaleSheetLayoutView="100" workbookViewId="0"/>
  </sheetViews>
  <sheetFormatPr defaultColWidth="9" defaultRowHeight="13"/>
  <cols>
    <col min="1" max="1" width="2.6328125" style="16" customWidth="1"/>
    <col min="2" max="2" width="2.90625" style="16" customWidth="1"/>
    <col min="3" max="3" width="2.6328125" style="16" customWidth="1"/>
    <col min="4" max="4" width="3.453125" style="49" customWidth="1"/>
    <col min="5" max="17" width="2.6328125" style="49" customWidth="1"/>
    <col min="18" max="18" width="7.453125" style="55" hidden="1" customWidth="1"/>
    <col min="19" max="19" width="3.08984375" style="16" customWidth="1"/>
    <col min="20" max="23" width="2.6328125" style="16" customWidth="1"/>
    <col min="24" max="24" width="3.90625" style="16" bestFit="1" customWidth="1"/>
    <col min="25" max="25" width="4.453125" style="16" customWidth="1"/>
    <col min="26" max="28" width="2.6328125" style="16" customWidth="1"/>
    <col min="29" max="29" width="4.08984375" style="16" customWidth="1"/>
    <col min="30" max="30" width="2.6328125" style="16" customWidth="1"/>
    <col min="31" max="31" width="87" style="55" bestFit="1" customWidth="1"/>
    <col min="32" max="32" width="5.36328125" style="16" customWidth="1"/>
    <col min="33" max="16384" width="9" style="16"/>
  </cols>
  <sheetData>
    <row r="1" spans="1:34" customFormat="1" ht="27.75" customHeight="1">
      <c r="A1" s="79"/>
      <c r="B1" s="80" t="s">
        <v>337</v>
      </c>
      <c r="C1" s="80"/>
      <c r="D1" s="80"/>
      <c r="E1" s="80"/>
      <c r="F1" s="80"/>
      <c r="G1" s="80"/>
      <c r="H1" s="80"/>
      <c r="I1" s="80"/>
      <c r="J1" s="80"/>
      <c r="K1" s="80"/>
      <c r="L1" s="80"/>
      <c r="M1" s="80"/>
      <c r="N1" s="80"/>
      <c r="O1" s="80"/>
      <c r="P1" s="80"/>
      <c r="Q1" s="80"/>
      <c r="R1" s="217"/>
      <c r="S1" s="80"/>
      <c r="T1" s="81"/>
      <c r="U1" s="81"/>
      <c r="V1" s="81"/>
      <c r="W1" s="81"/>
      <c r="X1" s="80"/>
      <c r="Y1" s="80"/>
      <c r="Z1" s="323"/>
      <c r="AA1" s="323"/>
      <c r="AB1" s="323"/>
      <c r="AC1" s="323"/>
      <c r="AD1" s="323"/>
      <c r="AE1" s="355"/>
      <c r="AF1" s="368"/>
      <c r="AG1" s="71"/>
      <c r="AH1" s="71"/>
    </row>
    <row r="2" spans="1:34" s="1" customFormat="1" ht="24.75" customHeight="1">
      <c r="A2" s="83"/>
      <c r="B2" s="84"/>
      <c r="C2" s="85" t="s">
        <v>2394</v>
      </c>
      <c r="D2" s="85"/>
      <c r="E2" s="86"/>
      <c r="F2" s="86"/>
      <c r="G2" s="86"/>
      <c r="H2" s="86"/>
      <c r="I2" s="86"/>
      <c r="J2" s="86"/>
      <c r="K2" s="86"/>
      <c r="L2" s="86"/>
      <c r="M2" s="86"/>
      <c r="N2" s="86"/>
      <c r="O2" s="86"/>
      <c r="P2" s="86"/>
      <c r="Q2" s="86"/>
      <c r="R2" s="86"/>
      <c r="S2" s="86"/>
      <c r="T2" s="86"/>
      <c r="U2" s="86"/>
      <c r="V2" s="86"/>
      <c r="W2" s="86"/>
      <c r="X2" s="86"/>
      <c r="Y2" s="86"/>
      <c r="Z2" s="324"/>
      <c r="AA2" s="324"/>
      <c r="AB2" s="324"/>
      <c r="AC2" s="324"/>
      <c r="AD2" s="324"/>
      <c r="AE2" s="357"/>
      <c r="AF2" s="369"/>
      <c r="AG2" s="26"/>
      <c r="AH2" s="26"/>
    </row>
    <row r="3" spans="1:34" ht="6" customHeight="1">
      <c r="A3" s="42"/>
      <c r="B3" s="43"/>
      <c r="C3" s="43"/>
      <c r="D3" s="44"/>
      <c r="E3" s="44"/>
      <c r="F3" s="44"/>
      <c r="G3" s="44"/>
      <c r="H3" s="44"/>
      <c r="I3" s="44"/>
      <c r="J3" s="44"/>
      <c r="K3" s="44"/>
      <c r="L3" s="44"/>
      <c r="M3" s="44"/>
      <c r="N3" s="44"/>
      <c r="O3" s="44"/>
      <c r="P3" s="44"/>
      <c r="Q3" s="44"/>
      <c r="R3" s="243"/>
      <c r="S3" s="45"/>
      <c r="T3" s="45"/>
      <c r="U3" s="45"/>
      <c r="V3" s="45"/>
      <c r="W3" s="45"/>
      <c r="X3" s="45"/>
      <c r="Y3" s="45"/>
      <c r="Z3" s="45"/>
      <c r="AA3" s="45"/>
      <c r="AB3" s="45"/>
      <c r="AC3" s="45"/>
      <c r="AD3" s="43"/>
      <c r="AE3" s="273"/>
      <c r="AF3" s="29"/>
    </row>
    <row r="4" spans="1:34">
      <c r="A4" s="42"/>
      <c r="B4" s="7" t="s">
        <v>339</v>
      </c>
      <c r="C4" s="8"/>
      <c r="D4" s="9"/>
      <c r="E4" s="9"/>
      <c r="F4" s="612" t="s">
        <v>340</v>
      </c>
      <c r="G4" s="613"/>
      <c r="H4" s="613"/>
      <c r="I4" s="613"/>
      <c r="J4" s="613"/>
      <c r="K4" s="613"/>
      <c r="L4" s="613"/>
      <c r="M4" s="614"/>
      <c r="N4" s="110"/>
      <c r="O4" s="9"/>
      <c r="P4" s="9"/>
      <c r="Q4" s="9"/>
      <c r="R4" s="9"/>
      <c r="S4" s="9"/>
      <c r="T4" s="9"/>
      <c r="U4" s="9"/>
      <c r="V4" s="9"/>
      <c r="W4" s="9"/>
      <c r="X4" s="9"/>
      <c r="Y4" s="9"/>
      <c r="Z4" s="250"/>
      <c r="AA4" s="250"/>
      <c r="AB4" s="250"/>
      <c r="AC4" s="250"/>
      <c r="AD4" s="250"/>
      <c r="AE4" s="243"/>
      <c r="AF4" s="29"/>
    </row>
    <row r="5" spans="1:34" s="26" customFormat="1" ht="13.5" customHeight="1">
      <c r="A5" s="46"/>
      <c r="B5" s="8"/>
      <c r="C5" s="8"/>
      <c r="D5" s="9"/>
      <c r="E5" s="9"/>
      <c r="F5" s="9"/>
      <c r="G5" s="9"/>
      <c r="H5" s="9"/>
      <c r="I5" s="9"/>
      <c r="J5" s="9"/>
      <c r="K5" s="9"/>
      <c r="L5" s="9"/>
      <c r="M5" s="9"/>
      <c r="N5" s="9"/>
      <c r="O5" s="9"/>
      <c r="P5" s="9"/>
      <c r="Q5" s="9"/>
      <c r="R5" s="9"/>
      <c r="S5" s="9"/>
      <c r="T5" s="9"/>
      <c r="U5" s="9"/>
      <c r="V5" s="9"/>
      <c r="W5" s="9"/>
      <c r="X5" s="9"/>
      <c r="Y5" s="9"/>
      <c r="Z5" s="250"/>
      <c r="AA5" s="250"/>
      <c r="AB5" s="250"/>
      <c r="AC5" s="250"/>
      <c r="AD5" s="250"/>
      <c r="AE5" s="243"/>
      <c r="AF5" s="48"/>
    </row>
    <row r="6" spans="1:34" s="26" customFormat="1" ht="13.5" customHeight="1">
      <c r="A6" s="46"/>
      <c r="B6" s="91" t="s">
        <v>341</v>
      </c>
      <c r="C6" s="91"/>
      <c r="D6" s="91"/>
      <c r="E6" s="91"/>
      <c r="F6" s="742" t="s">
        <v>2274</v>
      </c>
      <c r="G6" s="742"/>
      <c r="H6" s="743"/>
      <c r="I6" s="612"/>
      <c r="J6" s="613"/>
      <c r="K6" s="613"/>
      <c r="L6" s="613"/>
      <c r="M6" s="613"/>
      <c r="N6" s="613"/>
      <c r="O6" s="614"/>
      <c r="P6" s="744" t="s">
        <v>2275</v>
      </c>
      <c r="Q6" s="745"/>
      <c r="R6" s="745"/>
      <c r="S6" s="745"/>
      <c r="U6" s="113"/>
      <c r="V6" s="256" t="s">
        <v>2276</v>
      </c>
      <c r="W6" s="113"/>
      <c r="X6" s="113"/>
      <c r="Y6" s="113"/>
      <c r="Z6" s="243"/>
      <c r="AA6" s="243"/>
      <c r="AD6" s="47"/>
      <c r="AF6" s="29"/>
    </row>
    <row r="7" spans="1:34">
      <c r="A7" s="25"/>
      <c r="B7" s="7"/>
      <c r="C7" s="7"/>
      <c r="D7" s="7"/>
      <c r="E7" s="7"/>
      <c r="F7" s="78"/>
      <c r="G7" s="78"/>
      <c r="H7" s="78"/>
      <c r="I7" s="110"/>
      <c r="J7" s="110"/>
      <c r="K7" s="7"/>
      <c r="L7" s="110"/>
      <c r="M7" s="110"/>
      <c r="N7" s="110"/>
      <c r="O7" s="7"/>
      <c r="P7" s="1"/>
      <c r="Q7" s="110"/>
      <c r="R7" s="110"/>
      <c r="S7" s="110"/>
      <c r="T7" s="78"/>
      <c r="U7" s="78"/>
      <c r="V7" s="78"/>
      <c r="W7" s="78"/>
      <c r="X7" s="78"/>
      <c r="Y7" s="110"/>
      <c r="Z7" s="97"/>
      <c r="AA7" s="47"/>
      <c r="AB7" s="97"/>
      <c r="AC7" s="97"/>
      <c r="AD7" s="97"/>
      <c r="AE7" s="367"/>
      <c r="AF7" s="29"/>
    </row>
    <row r="8" spans="1:34">
      <c r="A8" s="25"/>
      <c r="B8" s="7" t="s">
        <v>346</v>
      </c>
      <c r="C8" s="1"/>
      <c r="D8" s="1"/>
      <c r="E8" s="1"/>
      <c r="F8" s="606"/>
      <c r="G8" s="607"/>
      <c r="H8" s="607"/>
      <c r="I8" s="607"/>
      <c r="J8" s="607"/>
      <c r="K8" s="607"/>
      <c r="L8" s="608"/>
      <c r="M8" s="110"/>
      <c r="N8" s="110"/>
      <c r="O8" s="7"/>
      <c r="P8" s="1"/>
      <c r="Q8" s="110"/>
      <c r="R8" s="110"/>
      <c r="S8" s="110"/>
      <c r="T8" s="78"/>
      <c r="U8" s="78"/>
      <c r="V8" s="78"/>
      <c r="W8" s="78"/>
      <c r="X8" s="78"/>
      <c r="Y8" s="110"/>
      <c r="Z8" s="97"/>
      <c r="AA8" s="47"/>
      <c r="AB8" s="97"/>
      <c r="AC8" s="97"/>
      <c r="AD8" s="97"/>
      <c r="AE8" s="367"/>
      <c r="AF8" s="29"/>
    </row>
    <row r="9" spans="1:34" ht="13.5" customHeight="1">
      <c r="A9" s="25"/>
      <c r="B9" s="7"/>
      <c r="C9" s="7"/>
      <c r="D9" s="7"/>
      <c r="E9" s="7"/>
      <c r="F9" s="78"/>
      <c r="G9" s="375"/>
      <c r="H9" s="375"/>
      <c r="I9" s="110"/>
      <c r="J9" s="110"/>
      <c r="K9" s="7"/>
      <c r="L9" s="110"/>
      <c r="M9" s="375"/>
      <c r="N9" s="375"/>
      <c r="O9" s="7"/>
      <c r="P9" s="1"/>
      <c r="Q9" s="110"/>
      <c r="R9" s="110"/>
      <c r="S9" s="110"/>
      <c r="T9" s="375"/>
      <c r="U9" s="375"/>
      <c r="V9" s="375"/>
      <c r="W9" s="375"/>
      <c r="X9" s="78"/>
      <c r="Y9" s="375"/>
      <c r="Z9" s="97"/>
      <c r="AA9" s="47"/>
      <c r="AB9" s="97"/>
      <c r="AC9" s="26"/>
      <c r="AD9" s="97"/>
      <c r="AE9" s="55" t="s">
        <v>348</v>
      </c>
      <c r="AF9" s="29"/>
    </row>
    <row r="10" spans="1:34">
      <c r="A10" s="25"/>
      <c r="B10" s="7" t="s">
        <v>41</v>
      </c>
      <c r="C10" s="94"/>
      <c r="D10" s="94"/>
      <c r="E10" s="94"/>
      <c r="F10" s="609"/>
      <c r="G10" s="610"/>
      <c r="H10" s="610"/>
      <c r="I10" s="610"/>
      <c r="J10" s="610"/>
      <c r="K10" s="610"/>
      <c r="L10" s="611"/>
      <c r="M10" s="1"/>
      <c r="N10" s="7" t="s">
        <v>947</v>
      </c>
      <c r="O10" s="1"/>
      <c r="P10" s="1"/>
      <c r="Q10" s="609"/>
      <c r="R10" s="610"/>
      <c r="S10" s="610"/>
      <c r="T10" s="610"/>
      <c r="U10" s="610"/>
      <c r="V10" s="610"/>
      <c r="W10" s="610"/>
      <c r="X10" s="610"/>
      <c r="Y10" s="611"/>
      <c r="Z10" s="26"/>
      <c r="AA10" s="47"/>
      <c r="AB10" s="97"/>
      <c r="AC10" s="26"/>
      <c r="AD10" s="97"/>
      <c r="AE10" s="55" t="s">
        <v>350</v>
      </c>
      <c r="AF10" s="29"/>
    </row>
    <row r="11" spans="1:34">
      <c r="A11" s="25"/>
      <c r="B11" s="7"/>
      <c r="C11" s="94"/>
      <c r="D11" s="94"/>
      <c r="E11" s="94"/>
      <c r="F11" s="97"/>
      <c r="G11" s="97"/>
      <c r="H11" s="97"/>
      <c r="I11" s="97"/>
      <c r="J11" s="97"/>
      <c r="K11" s="97"/>
      <c r="L11" s="97"/>
      <c r="M11" s="1"/>
      <c r="N11" s="7"/>
      <c r="O11" s="1"/>
      <c r="P11" s="1"/>
      <c r="Q11" s="97"/>
      <c r="R11" s="97"/>
      <c r="S11" s="97"/>
      <c r="T11" s="97"/>
      <c r="U11" s="97"/>
      <c r="V11" s="97"/>
      <c r="W11" s="97"/>
      <c r="X11" s="97"/>
      <c r="Y11" s="97"/>
      <c r="Z11" s="26"/>
      <c r="AA11" s="47"/>
      <c r="AB11" s="97"/>
      <c r="AC11" s="26"/>
      <c r="AD11" s="97"/>
      <c r="AE11" s="55" t="s">
        <v>351</v>
      </c>
      <c r="AF11" s="29"/>
    </row>
    <row r="12" spans="1:34" ht="13.5" customHeight="1">
      <c r="A12" s="25"/>
      <c r="B12" s="7" t="s">
        <v>349</v>
      </c>
      <c r="C12" s="1"/>
      <c r="D12" s="1"/>
      <c r="E12" s="1"/>
      <c r="F12" s="606"/>
      <c r="G12" s="607"/>
      <c r="H12" s="607"/>
      <c r="I12" s="607"/>
      <c r="J12" s="607"/>
      <c r="K12" s="607"/>
      <c r="L12" s="607"/>
      <c r="M12" s="607"/>
      <c r="N12" s="607"/>
      <c r="O12" s="607"/>
      <c r="P12" s="607"/>
      <c r="Q12" s="607"/>
      <c r="R12" s="607"/>
      <c r="S12" s="608"/>
      <c r="T12" s="1"/>
      <c r="U12" s="1"/>
      <c r="V12" s="1"/>
      <c r="W12" s="1"/>
      <c r="X12" s="1"/>
      <c r="Y12" s="97"/>
      <c r="Z12" s="26"/>
      <c r="AA12" s="47"/>
      <c r="AB12" s="97"/>
      <c r="AC12" s="26"/>
      <c r="AD12" s="97"/>
      <c r="AE12" s="55" t="s">
        <v>352</v>
      </c>
      <c r="AF12" s="29"/>
    </row>
    <row r="13" spans="1:34" s="26" customFormat="1">
      <c r="A13" s="20"/>
      <c r="B13" s="7"/>
      <c r="C13" s="1"/>
      <c r="D13" s="1"/>
      <c r="E13" s="1"/>
      <c r="F13" s="1"/>
      <c r="G13" s="1"/>
      <c r="H13" s="1"/>
      <c r="I13" s="1"/>
      <c r="J13" s="1"/>
      <c r="K13" s="1"/>
      <c r="L13" s="1"/>
      <c r="M13" s="1"/>
      <c r="N13" s="1"/>
      <c r="O13" s="1"/>
      <c r="P13" s="1"/>
      <c r="Q13" s="1"/>
      <c r="R13" s="1"/>
      <c r="S13" s="1"/>
      <c r="T13" s="1"/>
      <c r="U13" s="1"/>
      <c r="V13" s="1"/>
      <c r="W13" s="1"/>
      <c r="X13" s="1"/>
      <c r="Y13" s="97"/>
      <c r="AA13" s="47"/>
      <c r="AB13" s="97"/>
      <c r="AC13" s="97"/>
      <c r="AD13" s="97"/>
      <c r="AF13" s="48"/>
    </row>
    <row r="14" spans="1:34">
      <c r="A14" s="25"/>
      <c r="B14" s="1"/>
      <c r="C14" s="1"/>
      <c r="D14" s="1"/>
      <c r="E14" s="1"/>
      <c r="F14" s="606"/>
      <c r="G14" s="607"/>
      <c r="H14" s="607"/>
      <c r="I14" s="607"/>
      <c r="J14" s="607"/>
      <c r="K14" s="607"/>
      <c r="L14" s="607"/>
      <c r="M14" s="607"/>
      <c r="N14" s="607"/>
      <c r="O14" s="607"/>
      <c r="P14" s="607"/>
      <c r="Q14" s="607"/>
      <c r="R14" s="607"/>
      <c r="S14" s="608"/>
      <c r="T14" s="1"/>
      <c r="U14" s="1"/>
      <c r="V14" s="1"/>
      <c r="W14" s="1"/>
      <c r="X14" s="1"/>
      <c r="Y14" s="97"/>
      <c r="Z14" s="26"/>
      <c r="AA14" s="47"/>
      <c r="AB14" s="97"/>
      <c r="AC14" s="97"/>
      <c r="AD14" s="97"/>
      <c r="AE14" s="367"/>
      <c r="AF14" s="29"/>
    </row>
    <row r="15" spans="1:34" ht="13.5" customHeight="1">
      <c r="A15" s="25"/>
      <c r="B15" s="7"/>
      <c r="C15" s="94"/>
      <c r="D15" s="94"/>
      <c r="E15" s="94"/>
      <c r="F15" s="97"/>
      <c r="G15" s="97"/>
      <c r="H15" s="97"/>
      <c r="I15" s="97"/>
      <c r="J15" s="97"/>
      <c r="K15" s="97"/>
      <c r="L15" s="97"/>
      <c r="M15" s="1"/>
      <c r="N15" s="7"/>
      <c r="O15" s="1"/>
      <c r="P15" s="1"/>
      <c r="Q15" s="97"/>
      <c r="R15" s="97"/>
      <c r="S15" s="97"/>
      <c r="T15" s="97"/>
      <c r="U15" s="97"/>
      <c r="V15" s="97"/>
      <c r="W15" s="97"/>
      <c r="X15" s="97"/>
      <c r="Y15" s="97"/>
      <c r="Z15" s="26"/>
      <c r="AA15" s="47"/>
      <c r="AB15" s="97"/>
      <c r="AC15" s="97"/>
      <c r="AD15" s="97"/>
      <c r="AE15" s="26" t="s">
        <v>375</v>
      </c>
      <c r="AF15" s="29"/>
    </row>
    <row r="16" spans="1:34" ht="13.5" customHeight="1">
      <c r="A16" s="25"/>
      <c r="B16" s="7"/>
      <c r="C16" s="94"/>
      <c r="D16" s="94"/>
      <c r="E16" s="94"/>
      <c r="F16" s="606"/>
      <c r="G16" s="607"/>
      <c r="H16" s="607"/>
      <c r="I16" s="607"/>
      <c r="J16" s="607"/>
      <c r="K16" s="607"/>
      <c r="L16" s="607"/>
      <c r="M16" s="607"/>
      <c r="N16" s="607"/>
      <c r="O16" s="607"/>
      <c r="P16" s="607"/>
      <c r="Q16" s="607"/>
      <c r="R16" s="607"/>
      <c r="S16" s="608"/>
      <c r="T16" s="97"/>
      <c r="U16" s="97"/>
      <c r="V16" s="97"/>
      <c r="W16" s="97"/>
      <c r="X16" s="97"/>
      <c r="Y16" s="97"/>
      <c r="Z16" s="26"/>
      <c r="AA16" s="47"/>
      <c r="AB16" s="97"/>
      <c r="AC16" s="97"/>
      <c r="AD16" s="97"/>
      <c r="AE16" s="367"/>
      <c r="AF16" s="29"/>
    </row>
    <row r="17" spans="1:32" ht="15" customHeight="1">
      <c r="A17" s="51"/>
      <c r="B17" s="43"/>
      <c r="C17" s="43"/>
      <c r="D17" s="44"/>
      <c r="E17" s="44"/>
      <c r="F17" s="44"/>
      <c r="G17" s="44"/>
      <c r="H17" s="44"/>
      <c r="I17" s="44"/>
      <c r="J17" s="44"/>
      <c r="K17" s="44"/>
      <c r="L17" s="44"/>
      <c r="M17" s="44"/>
      <c r="N17" s="44"/>
      <c r="O17" s="44"/>
      <c r="P17" s="44"/>
      <c r="Q17" s="44"/>
      <c r="R17" s="243"/>
      <c r="S17" s="45"/>
      <c r="T17" s="45"/>
      <c r="U17" s="45"/>
      <c r="V17" s="45"/>
      <c r="W17" s="45"/>
      <c r="X17" s="45"/>
      <c r="Y17" s="45"/>
      <c r="Z17" s="45"/>
      <c r="AA17" s="45"/>
      <c r="AB17" s="45"/>
      <c r="AC17" s="45"/>
      <c r="AD17" s="43"/>
      <c r="AE17" s="273"/>
      <c r="AF17" s="29"/>
    </row>
    <row r="18" spans="1:32" ht="13.5" customHeight="1">
      <c r="A18" s="51"/>
      <c r="B18" s="583" t="s">
        <v>73</v>
      </c>
      <c r="C18" s="573"/>
      <c r="D18" s="572" t="s">
        <v>94</v>
      </c>
      <c r="E18" s="572"/>
      <c r="F18" s="572"/>
      <c r="G18" s="572"/>
      <c r="H18" s="572"/>
      <c r="I18" s="572"/>
      <c r="J18" s="572"/>
      <c r="K18" s="572"/>
      <c r="L18" s="572"/>
      <c r="M18" s="572"/>
      <c r="N18" s="572"/>
      <c r="O18" s="572"/>
      <c r="P18" s="572"/>
      <c r="Q18" s="572"/>
      <c r="R18" s="226" t="s">
        <v>383</v>
      </c>
      <c r="S18" s="572" t="s">
        <v>138</v>
      </c>
      <c r="T18" s="572"/>
      <c r="U18" s="736" t="s">
        <v>959</v>
      </c>
      <c r="V18" s="737"/>
      <c r="W18" s="738"/>
      <c r="X18" s="572" t="s">
        <v>97</v>
      </c>
      <c r="Y18" s="572"/>
      <c r="Z18" s="572" t="s">
        <v>98</v>
      </c>
      <c r="AA18" s="572"/>
      <c r="AB18" s="583" t="s">
        <v>75</v>
      </c>
      <c r="AC18" s="583"/>
      <c r="AD18" s="583"/>
      <c r="AE18" s="746" t="s">
        <v>159</v>
      </c>
      <c r="AF18" s="37"/>
    </row>
    <row r="19" spans="1:32" ht="12.75" customHeight="1">
      <c r="A19" s="51"/>
      <c r="B19" s="573"/>
      <c r="C19" s="573"/>
      <c r="D19" s="572"/>
      <c r="E19" s="572"/>
      <c r="F19" s="572"/>
      <c r="G19" s="572"/>
      <c r="H19" s="572"/>
      <c r="I19" s="572"/>
      <c r="J19" s="572"/>
      <c r="K19" s="572"/>
      <c r="L19" s="572"/>
      <c r="M19" s="572"/>
      <c r="N19" s="572"/>
      <c r="O19" s="572"/>
      <c r="P19" s="572"/>
      <c r="Q19" s="572"/>
      <c r="R19" s="227"/>
      <c r="S19" s="572"/>
      <c r="T19" s="572"/>
      <c r="U19" s="739"/>
      <c r="V19" s="740"/>
      <c r="W19" s="741"/>
      <c r="X19" s="572"/>
      <c r="Y19" s="572"/>
      <c r="Z19" s="572"/>
      <c r="AA19" s="572"/>
      <c r="AB19" s="583"/>
      <c r="AC19" s="583"/>
      <c r="AD19" s="583"/>
      <c r="AE19" s="746"/>
      <c r="AF19" s="37"/>
    </row>
    <row r="20" spans="1:32" s="26" customFormat="1" ht="13.4" customHeight="1">
      <c r="A20" s="20"/>
      <c r="B20" s="541">
        <v>1</v>
      </c>
      <c r="C20" s="542"/>
      <c r="D20" s="563" t="s">
        <v>2277</v>
      </c>
      <c r="E20" s="564"/>
      <c r="F20" s="564"/>
      <c r="G20" s="564"/>
      <c r="H20" s="564"/>
      <c r="I20" s="564"/>
      <c r="J20" s="564"/>
      <c r="K20" s="564"/>
      <c r="L20" s="564"/>
      <c r="M20" s="564"/>
      <c r="N20" s="564"/>
      <c r="O20" s="564"/>
      <c r="P20" s="564"/>
      <c r="Q20" s="565"/>
      <c r="R20" s="219" t="s">
        <v>443</v>
      </c>
      <c r="S20" s="546" t="s">
        <v>101</v>
      </c>
      <c r="T20" s="548"/>
      <c r="U20" s="623" t="s">
        <v>102</v>
      </c>
      <c r="V20" s="624"/>
      <c r="W20" s="625"/>
      <c r="X20" s="378">
        <v>51</v>
      </c>
      <c r="Y20" s="378" t="s">
        <v>103</v>
      </c>
      <c r="Z20" s="700"/>
      <c r="AA20" s="700"/>
      <c r="AB20" s="592"/>
      <c r="AC20" s="592"/>
      <c r="AD20" s="592"/>
      <c r="AE20" s="265"/>
      <c r="AF20" s="38"/>
    </row>
    <row r="21" spans="1:32" s="26" customFormat="1" ht="13.4" customHeight="1">
      <c r="A21" s="20"/>
      <c r="B21" s="541">
        <v>2</v>
      </c>
      <c r="C21" s="542"/>
      <c r="D21" s="563" t="s">
        <v>394</v>
      </c>
      <c r="E21" s="564"/>
      <c r="F21" s="564"/>
      <c r="G21" s="564"/>
      <c r="H21" s="564"/>
      <c r="I21" s="564"/>
      <c r="J21" s="564"/>
      <c r="K21" s="564"/>
      <c r="L21" s="564"/>
      <c r="M21" s="564"/>
      <c r="N21" s="564"/>
      <c r="O21" s="564"/>
      <c r="P21" s="564"/>
      <c r="Q21" s="565"/>
      <c r="R21" s="221" t="s">
        <v>960</v>
      </c>
      <c r="S21" s="546" t="s">
        <v>107</v>
      </c>
      <c r="T21" s="548"/>
      <c r="U21" s="623" t="s">
        <v>102</v>
      </c>
      <c r="V21" s="624"/>
      <c r="W21" s="625"/>
      <c r="X21" s="210">
        <v>16</v>
      </c>
      <c r="Y21" s="210" t="s">
        <v>103</v>
      </c>
      <c r="Z21" s="700"/>
      <c r="AA21" s="700"/>
      <c r="AB21" s="592"/>
      <c r="AC21" s="592"/>
      <c r="AD21" s="592"/>
      <c r="AE21" s="265"/>
      <c r="AF21" s="38"/>
    </row>
    <row r="22" spans="1:32" s="54" customFormat="1" ht="13.4" customHeight="1">
      <c r="A22" s="20"/>
      <c r="B22" s="676">
        <v>3</v>
      </c>
      <c r="C22" s="677"/>
      <c r="D22" s="694" t="s">
        <v>2382</v>
      </c>
      <c r="E22" s="695"/>
      <c r="F22" s="695"/>
      <c r="G22" s="695"/>
      <c r="H22" s="695"/>
      <c r="I22" s="695"/>
      <c r="J22" s="695"/>
      <c r="K22" s="695"/>
      <c r="L22" s="695"/>
      <c r="M22" s="695"/>
      <c r="N22" s="695"/>
      <c r="O22" s="695"/>
      <c r="P22" s="695"/>
      <c r="Q22" s="696"/>
      <c r="R22" s="262" t="s">
        <v>961</v>
      </c>
      <c r="S22" s="681" t="s">
        <v>398</v>
      </c>
      <c r="T22" s="683"/>
      <c r="U22" s="724" t="s">
        <v>102</v>
      </c>
      <c r="V22" s="725"/>
      <c r="W22" s="726"/>
      <c r="X22" s="382">
        <v>40</v>
      </c>
      <c r="Y22" s="382" t="s">
        <v>103</v>
      </c>
      <c r="Z22" s="730" t="s">
        <v>109</v>
      </c>
      <c r="AA22" s="730"/>
      <c r="AB22" s="717"/>
      <c r="AC22" s="717"/>
      <c r="AD22" s="717"/>
      <c r="AE22" s="321" t="s">
        <v>399</v>
      </c>
      <c r="AF22" s="38"/>
    </row>
    <row r="23" spans="1:32" s="54" customFormat="1" ht="13.4" customHeight="1">
      <c r="A23" s="20"/>
      <c r="B23" s="676">
        <v>4</v>
      </c>
      <c r="C23" s="677"/>
      <c r="D23" s="694" t="s">
        <v>2280</v>
      </c>
      <c r="E23" s="695"/>
      <c r="F23" s="695"/>
      <c r="G23" s="695"/>
      <c r="H23" s="695"/>
      <c r="I23" s="695"/>
      <c r="J23" s="695"/>
      <c r="K23" s="695"/>
      <c r="L23" s="695"/>
      <c r="M23" s="695"/>
      <c r="N23" s="695"/>
      <c r="O23" s="695"/>
      <c r="P23" s="695"/>
      <c r="Q23" s="696"/>
      <c r="R23" s="262" t="s">
        <v>447</v>
      </c>
      <c r="S23" s="681" t="s">
        <v>107</v>
      </c>
      <c r="T23" s="683"/>
      <c r="U23" s="724" t="s">
        <v>108</v>
      </c>
      <c r="V23" s="725"/>
      <c r="W23" s="726"/>
      <c r="X23" s="382">
        <v>3</v>
      </c>
      <c r="Y23" s="382">
        <v>0</v>
      </c>
      <c r="Z23" s="730" t="s">
        <v>109</v>
      </c>
      <c r="AA23" s="730"/>
      <c r="AB23" s="717"/>
      <c r="AC23" s="717"/>
      <c r="AD23" s="717"/>
      <c r="AE23" s="321" t="s">
        <v>391</v>
      </c>
      <c r="AF23" s="38"/>
    </row>
    <row r="24" spans="1:32" s="55" customFormat="1">
      <c r="A24" s="394"/>
      <c r="B24" s="541">
        <v>5</v>
      </c>
      <c r="C24" s="542"/>
      <c r="D24" s="543" t="s">
        <v>2281</v>
      </c>
      <c r="E24" s="544"/>
      <c r="F24" s="544"/>
      <c r="G24" s="544"/>
      <c r="H24" s="544"/>
      <c r="I24" s="544"/>
      <c r="J24" s="544"/>
      <c r="K24" s="544"/>
      <c r="L24" s="544"/>
      <c r="M24" s="544"/>
      <c r="N24" s="544"/>
      <c r="O24" s="544"/>
      <c r="P24" s="544"/>
      <c r="Q24" s="545"/>
      <c r="R24" s="244" t="s">
        <v>518</v>
      </c>
      <c r="S24" s="546" t="s">
        <v>101</v>
      </c>
      <c r="T24" s="548"/>
      <c r="U24" s="623" t="s">
        <v>102</v>
      </c>
      <c r="V24" s="624"/>
      <c r="W24" s="625"/>
      <c r="X24" s="210">
        <v>3</v>
      </c>
      <c r="Y24" s="210" t="s">
        <v>103</v>
      </c>
      <c r="Z24" s="700"/>
      <c r="AA24" s="700"/>
      <c r="AB24" s="592"/>
      <c r="AC24" s="592"/>
      <c r="AD24" s="592"/>
      <c r="AE24" s="265"/>
      <c r="AF24" s="39"/>
    </row>
    <row r="25" spans="1:32" s="55" customFormat="1" ht="13.4" customHeight="1">
      <c r="A25" s="394"/>
      <c r="B25" s="541">
        <v>6</v>
      </c>
      <c r="C25" s="542"/>
      <c r="D25" s="563" t="s">
        <v>2282</v>
      </c>
      <c r="E25" s="564"/>
      <c r="F25" s="564"/>
      <c r="G25" s="564"/>
      <c r="H25" s="564"/>
      <c r="I25" s="564"/>
      <c r="J25" s="564"/>
      <c r="K25" s="564"/>
      <c r="L25" s="564"/>
      <c r="M25" s="564"/>
      <c r="N25" s="564"/>
      <c r="O25" s="564"/>
      <c r="P25" s="564"/>
      <c r="Q25" s="565"/>
      <c r="R25" s="244" t="s">
        <v>2283</v>
      </c>
      <c r="S25" s="546" t="s">
        <v>1844</v>
      </c>
      <c r="T25" s="548"/>
      <c r="U25" s="623" t="s">
        <v>102</v>
      </c>
      <c r="V25" s="624"/>
      <c r="W25" s="625"/>
      <c r="X25" s="210">
        <v>10</v>
      </c>
      <c r="Y25" s="210" t="s">
        <v>103</v>
      </c>
      <c r="Z25" s="700"/>
      <c r="AA25" s="700"/>
      <c r="AB25" s="592"/>
      <c r="AC25" s="592"/>
      <c r="AD25" s="592"/>
      <c r="AE25" s="265"/>
      <c r="AF25" s="39"/>
    </row>
    <row r="26" spans="1:32" s="57" customFormat="1">
      <c r="A26" s="394"/>
      <c r="B26" s="541">
        <v>7</v>
      </c>
      <c r="C26" s="542"/>
      <c r="D26" s="543" t="s">
        <v>2284</v>
      </c>
      <c r="E26" s="544"/>
      <c r="F26" s="544"/>
      <c r="G26" s="544"/>
      <c r="H26" s="544"/>
      <c r="I26" s="544"/>
      <c r="J26" s="544"/>
      <c r="K26" s="544"/>
      <c r="L26" s="544"/>
      <c r="M26" s="544"/>
      <c r="N26" s="544"/>
      <c r="O26" s="544"/>
      <c r="P26" s="544"/>
      <c r="Q26" s="545"/>
      <c r="R26" s="244" t="s">
        <v>520</v>
      </c>
      <c r="S26" s="546" t="s">
        <v>101</v>
      </c>
      <c r="T26" s="548"/>
      <c r="U26" s="623" t="s">
        <v>102</v>
      </c>
      <c r="V26" s="624"/>
      <c r="W26" s="625"/>
      <c r="X26" s="210">
        <v>3</v>
      </c>
      <c r="Y26" s="210" t="s">
        <v>103</v>
      </c>
      <c r="Z26" s="700"/>
      <c r="AA26" s="700"/>
      <c r="AB26" s="592"/>
      <c r="AC26" s="592"/>
      <c r="AD26" s="592"/>
      <c r="AE26" s="267"/>
      <c r="AF26" s="39"/>
    </row>
    <row r="27" spans="1:32" s="55" customFormat="1" ht="13.4" customHeight="1">
      <c r="A27" s="394"/>
      <c r="B27" s="541">
        <v>8</v>
      </c>
      <c r="C27" s="542"/>
      <c r="D27" s="563" t="s">
        <v>2285</v>
      </c>
      <c r="E27" s="564"/>
      <c r="F27" s="564"/>
      <c r="G27" s="564"/>
      <c r="H27" s="564"/>
      <c r="I27" s="564"/>
      <c r="J27" s="564"/>
      <c r="K27" s="564"/>
      <c r="L27" s="564"/>
      <c r="M27" s="564"/>
      <c r="N27" s="564"/>
      <c r="O27" s="564"/>
      <c r="P27" s="564"/>
      <c r="Q27" s="565"/>
      <c r="R27" s="221" t="s">
        <v>2286</v>
      </c>
      <c r="S27" s="546" t="s">
        <v>1844</v>
      </c>
      <c r="T27" s="548"/>
      <c r="U27" s="623" t="s">
        <v>102</v>
      </c>
      <c r="V27" s="624"/>
      <c r="W27" s="625"/>
      <c r="X27" s="210">
        <v>10</v>
      </c>
      <c r="Y27" s="210" t="s">
        <v>103</v>
      </c>
      <c r="Z27" s="700"/>
      <c r="AA27" s="700"/>
      <c r="AB27" s="592"/>
      <c r="AC27" s="592"/>
      <c r="AD27" s="592"/>
      <c r="AE27" s="265"/>
      <c r="AF27" s="39"/>
    </row>
    <row r="28" spans="1:32" s="55" customFormat="1" ht="13.4" customHeight="1">
      <c r="A28" s="394"/>
      <c r="B28" s="676">
        <v>9</v>
      </c>
      <c r="C28" s="677"/>
      <c r="D28" s="694" t="s">
        <v>1835</v>
      </c>
      <c r="E28" s="695"/>
      <c r="F28" s="695"/>
      <c r="G28" s="695"/>
      <c r="H28" s="695"/>
      <c r="I28" s="695"/>
      <c r="J28" s="695"/>
      <c r="K28" s="695"/>
      <c r="L28" s="695"/>
      <c r="M28" s="695"/>
      <c r="N28" s="695"/>
      <c r="O28" s="695"/>
      <c r="P28" s="695"/>
      <c r="Q28" s="696"/>
      <c r="R28" s="260" t="s">
        <v>522</v>
      </c>
      <c r="S28" s="681" t="s">
        <v>1925</v>
      </c>
      <c r="T28" s="683"/>
      <c r="U28" s="724" t="s">
        <v>2395</v>
      </c>
      <c r="V28" s="725"/>
      <c r="W28" s="726"/>
      <c r="X28" s="269">
        <v>3</v>
      </c>
      <c r="Y28" s="269">
        <v>0</v>
      </c>
      <c r="Z28" s="730" t="s">
        <v>109</v>
      </c>
      <c r="AA28" s="730"/>
      <c r="AB28" s="717"/>
      <c r="AC28" s="717"/>
      <c r="AD28" s="717"/>
      <c r="AE28" s="321" t="s">
        <v>391</v>
      </c>
      <c r="AF28" s="39"/>
    </row>
    <row r="29" spans="1:32" s="55" customFormat="1">
      <c r="A29" s="394"/>
      <c r="B29" s="541">
        <v>10</v>
      </c>
      <c r="C29" s="542"/>
      <c r="D29" s="543" t="s">
        <v>2287</v>
      </c>
      <c r="E29" s="544"/>
      <c r="F29" s="544"/>
      <c r="G29" s="544"/>
      <c r="H29" s="544"/>
      <c r="I29" s="544"/>
      <c r="J29" s="544"/>
      <c r="K29" s="544"/>
      <c r="L29" s="544"/>
      <c r="M29" s="544"/>
      <c r="N29" s="544"/>
      <c r="O29" s="544"/>
      <c r="P29" s="544"/>
      <c r="Q29" s="545"/>
      <c r="R29" s="221" t="s">
        <v>524</v>
      </c>
      <c r="S29" s="546" t="s">
        <v>101</v>
      </c>
      <c r="T29" s="548"/>
      <c r="U29" s="623" t="s">
        <v>102</v>
      </c>
      <c r="V29" s="624"/>
      <c r="W29" s="625"/>
      <c r="X29" s="210">
        <v>3</v>
      </c>
      <c r="Y29" s="210" t="s">
        <v>103</v>
      </c>
      <c r="Z29" s="700"/>
      <c r="AA29" s="700"/>
      <c r="AB29" s="592"/>
      <c r="AC29" s="592"/>
      <c r="AD29" s="592"/>
      <c r="AE29" s="265"/>
      <c r="AF29" s="39"/>
    </row>
    <row r="30" spans="1:32" s="26" customFormat="1" ht="13.4" customHeight="1">
      <c r="A30" s="20"/>
      <c r="B30" s="541">
        <v>11</v>
      </c>
      <c r="C30" s="542"/>
      <c r="D30" s="563" t="s">
        <v>2288</v>
      </c>
      <c r="E30" s="564"/>
      <c r="F30" s="564"/>
      <c r="G30" s="564"/>
      <c r="H30" s="564"/>
      <c r="I30" s="564"/>
      <c r="J30" s="564"/>
      <c r="K30" s="564"/>
      <c r="L30" s="564"/>
      <c r="M30" s="564"/>
      <c r="N30" s="564"/>
      <c r="O30" s="564"/>
      <c r="P30" s="564"/>
      <c r="Q30" s="565"/>
      <c r="R30" s="222" t="s">
        <v>2289</v>
      </c>
      <c r="S30" s="546" t="s">
        <v>1844</v>
      </c>
      <c r="T30" s="548"/>
      <c r="U30" s="623" t="s">
        <v>102</v>
      </c>
      <c r="V30" s="624"/>
      <c r="W30" s="625"/>
      <c r="X30" s="210">
        <v>10</v>
      </c>
      <c r="Y30" s="210" t="s">
        <v>103</v>
      </c>
      <c r="Z30" s="700"/>
      <c r="AA30" s="700"/>
      <c r="AB30" s="592"/>
      <c r="AC30" s="592"/>
      <c r="AD30" s="592"/>
      <c r="AE30" s="265"/>
      <c r="AF30" s="38"/>
    </row>
    <row r="31" spans="1:32" s="26" customFormat="1">
      <c r="A31" s="20"/>
      <c r="B31" s="541">
        <v>12</v>
      </c>
      <c r="C31" s="542"/>
      <c r="D31" s="543" t="s">
        <v>2290</v>
      </c>
      <c r="E31" s="544"/>
      <c r="F31" s="544"/>
      <c r="G31" s="544"/>
      <c r="H31" s="544"/>
      <c r="I31" s="544"/>
      <c r="J31" s="544"/>
      <c r="K31" s="544"/>
      <c r="L31" s="544"/>
      <c r="M31" s="544"/>
      <c r="N31" s="544"/>
      <c r="O31" s="544"/>
      <c r="P31" s="544"/>
      <c r="Q31" s="545"/>
      <c r="R31" s="221" t="s">
        <v>526</v>
      </c>
      <c r="S31" s="546" t="s">
        <v>101</v>
      </c>
      <c r="T31" s="548"/>
      <c r="U31" s="623" t="s">
        <v>102</v>
      </c>
      <c r="V31" s="624"/>
      <c r="W31" s="625"/>
      <c r="X31" s="210">
        <v>3</v>
      </c>
      <c r="Y31" s="210" t="s">
        <v>103</v>
      </c>
      <c r="Z31" s="700"/>
      <c r="AA31" s="700"/>
      <c r="AB31" s="592"/>
      <c r="AC31" s="592"/>
      <c r="AD31" s="592"/>
      <c r="AE31" s="265"/>
      <c r="AF31" s="38"/>
    </row>
    <row r="32" spans="1:32" s="26" customFormat="1">
      <c r="A32" s="20"/>
      <c r="B32" s="541">
        <v>13</v>
      </c>
      <c r="C32" s="542"/>
      <c r="D32" s="563" t="s">
        <v>2291</v>
      </c>
      <c r="E32" s="564"/>
      <c r="F32" s="564"/>
      <c r="G32" s="564"/>
      <c r="H32" s="564"/>
      <c r="I32" s="564"/>
      <c r="J32" s="564"/>
      <c r="K32" s="564"/>
      <c r="L32" s="564"/>
      <c r="M32" s="564"/>
      <c r="N32" s="564"/>
      <c r="O32" s="564"/>
      <c r="P32" s="564"/>
      <c r="Q32" s="565"/>
      <c r="R32" s="221" t="s">
        <v>2292</v>
      </c>
      <c r="S32" s="546" t="s">
        <v>1844</v>
      </c>
      <c r="T32" s="548"/>
      <c r="U32" s="623" t="s">
        <v>102</v>
      </c>
      <c r="V32" s="624"/>
      <c r="W32" s="625"/>
      <c r="X32" s="210">
        <v>10</v>
      </c>
      <c r="Y32" s="210" t="s">
        <v>103</v>
      </c>
      <c r="Z32" s="700"/>
      <c r="AA32" s="700"/>
      <c r="AB32" s="592"/>
      <c r="AC32" s="592"/>
      <c r="AD32" s="592"/>
      <c r="AE32" s="265"/>
      <c r="AF32" s="38"/>
    </row>
    <row r="33" spans="1:32" s="26" customFormat="1">
      <c r="A33" s="20"/>
      <c r="B33" s="541">
        <v>14</v>
      </c>
      <c r="C33" s="542"/>
      <c r="D33" s="543" t="s">
        <v>112</v>
      </c>
      <c r="E33" s="544"/>
      <c r="F33" s="544"/>
      <c r="G33" s="544"/>
      <c r="H33" s="544"/>
      <c r="I33" s="544"/>
      <c r="J33" s="544"/>
      <c r="K33" s="544"/>
      <c r="L33" s="544"/>
      <c r="M33" s="544"/>
      <c r="N33" s="544"/>
      <c r="O33" s="544"/>
      <c r="P33" s="544"/>
      <c r="Q33" s="545"/>
      <c r="R33" s="222" t="s">
        <v>448</v>
      </c>
      <c r="S33" s="546" t="s">
        <v>101</v>
      </c>
      <c r="T33" s="548"/>
      <c r="U33" s="623" t="s">
        <v>102</v>
      </c>
      <c r="V33" s="624"/>
      <c r="W33" s="625"/>
      <c r="X33" s="210">
        <v>64</v>
      </c>
      <c r="Y33" s="210" t="s">
        <v>103</v>
      </c>
      <c r="Z33" s="700"/>
      <c r="AA33" s="700"/>
      <c r="AB33" s="592"/>
      <c r="AC33" s="592"/>
      <c r="AD33" s="592"/>
      <c r="AE33" s="265"/>
      <c r="AF33" s="38"/>
    </row>
    <row r="34" spans="1:32" s="26" customFormat="1">
      <c r="A34" s="20"/>
      <c r="B34" s="541">
        <v>15</v>
      </c>
      <c r="C34" s="542"/>
      <c r="D34" s="543" t="s">
        <v>113</v>
      </c>
      <c r="E34" s="544"/>
      <c r="F34" s="544"/>
      <c r="G34" s="544"/>
      <c r="H34" s="544"/>
      <c r="I34" s="544"/>
      <c r="J34" s="544"/>
      <c r="K34" s="544"/>
      <c r="L34" s="544"/>
      <c r="M34" s="544"/>
      <c r="N34" s="544"/>
      <c r="O34" s="544"/>
      <c r="P34" s="544"/>
      <c r="Q34" s="545"/>
      <c r="R34" s="221" t="s">
        <v>449</v>
      </c>
      <c r="S34" s="546" t="s">
        <v>101</v>
      </c>
      <c r="T34" s="548"/>
      <c r="U34" s="623" t="s">
        <v>102</v>
      </c>
      <c r="V34" s="624"/>
      <c r="W34" s="625"/>
      <c r="X34" s="210">
        <v>64</v>
      </c>
      <c r="Y34" s="210" t="s">
        <v>103</v>
      </c>
      <c r="Z34" s="700"/>
      <c r="AA34" s="700"/>
      <c r="AB34" s="592"/>
      <c r="AC34" s="592"/>
      <c r="AD34" s="592"/>
      <c r="AE34" s="265"/>
      <c r="AF34" s="38"/>
    </row>
    <row r="35" spans="1:32" s="54" customFormat="1">
      <c r="A35" s="20"/>
      <c r="B35" s="714">
        <v>16</v>
      </c>
      <c r="C35" s="715"/>
      <c r="D35" s="543" t="s">
        <v>114</v>
      </c>
      <c r="E35" s="544"/>
      <c r="F35" s="544"/>
      <c r="G35" s="544"/>
      <c r="H35" s="544"/>
      <c r="I35" s="544"/>
      <c r="J35" s="544"/>
      <c r="K35" s="544"/>
      <c r="L35" s="544"/>
      <c r="M35" s="544"/>
      <c r="N35" s="544"/>
      <c r="O35" s="544"/>
      <c r="P35" s="544"/>
      <c r="Q35" s="545"/>
      <c r="R35" s="222" t="s">
        <v>450</v>
      </c>
      <c r="S35" s="546" t="s">
        <v>101</v>
      </c>
      <c r="T35" s="548"/>
      <c r="U35" s="623" t="s">
        <v>102</v>
      </c>
      <c r="V35" s="624"/>
      <c r="W35" s="625"/>
      <c r="X35" s="210">
        <v>64</v>
      </c>
      <c r="Y35" s="210" t="s">
        <v>103</v>
      </c>
      <c r="Z35" s="700"/>
      <c r="AA35" s="700"/>
      <c r="AB35" s="592"/>
      <c r="AC35" s="592"/>
      <c r="AD35" s="592"/>
      <c r="AE35" s="265"/>
      <c r="AF35" s="38"/>
    </row>
    <row r="36" spans="1:32" s="55" customFormat="1" ht="13.4" customHeight="1">
      <c r="A36" s="394"/>
      <c r="B36" s="541">
        <v>17</v>
      </c>
      <c r="C36" s="542"/>
      <c r="D36" s="563" t="s">
        <v>115</v>
      </c>
      <c r="E36" s="564"/>
      <c r="F36" s="564"/>
      <c r="G36" s="564"/>
      <c r="H36" s="564"/>
      <c r="I36" s="564"/>
      <c r="J36" s="564"/>
      <c r="K36" s="564"/>
      <c r="L36" s="564"/>
      <c r="M36" s="564"/>
      <c r="N36" s="564"/>
      <c r="O36" s="564"/>
      <c r="P36" s="564"/>
      <c r="Q36" s="565"/>
      <c r="R36" s="221" t="s">
        <v>451</v>
      </c>
      <c r="S36" s="546" t="s">
        <v>107</v>
      </c>
      <c r="T36" s="548"/>
      <c r="U36" s="623" t="s">
        <v>108</v>
      </c>
      <c r="V36" s="624"/>
      <c r="W36" s="625"/>
      <c r="X36" s="210">
        <v>6</v>
      </c>
      <c r="Y36" s="210">
        <v>0</v>
      </c>
      <c r="Z36" s="700"/>
      <c r="AA36" s="700"/>
      <c r="AB36" s="592"/>
      <c r="AC36" s="592"/>
      <c r="AD36" s="592"/>
      <c r="AE36" s="265"/>
      <c r="AF36" s="39"/>
    </row>
    <row r="37" spans="1:32" s="57" customFormat="1" ht="13.4" customHeight="1">
      <c r="A37" s="394"/>
      <c r="B37" s="541">
        <v>18</v>
      </c>
      <c r="C37" s="542"/>
      <c r="D37" s="563" t="s">
        <v>116</v>
      </c>
      <c r="E37" s="564"/>
      <c r="F37" s="564"/>
      <c r="G37" s="564"/>
      <c r="H37" s="564"/>
      <c r="I37" s="564"/>
      <c r="J37" s="564"/>
      <c r="K37" s="564"/>
      <c r="L37" s="564"/>
      <c r="M37" s="564"/>
      <c r="N37" s="564"/>
      <c r="O37" s="564"/>
      <c r="P37" s="564"/>
      <c r="Q37" s="565"/>
      <c r="R37" s="221" t="s">
        <v>452</v>
      </c>
      <c r="S37" s="546" t="s">
        <v>107</v>
      </c>
      <c r="T37" s="548"/>
      <c r="U37" s="623" t="s">
        <v>102</v>
      </c>
      <c r="V37" s="624"/>
      <c r="W37" s="625"/>
      <c r="X37" s="210">
        <v>4</v>
      </c>
      <c r="Y37" s="210" t="s">
        <v>103</v>
      </c>
      <c r="Z37" s="700"/>
      <c r="AA37" s="700"/>
      <c r="AB37" s="592"/>
      <c r="AC37" s="592"/>
      <c r="AD37" s="592"/>
      <c r="AE37" s="267"/>
      <c r="AF37" s="39"/>
    </row>
    <row r="38" spans="1:32" s="55" customFormat="1" ht="13.4" customHeight="1">
      <c r="A38" s="394"/>
      <c r="B38" s="541">
        <v>19</v>
      </c>
      <c r="C38" s="542"/>
      <c r="D38" s="563" t="s">
        <v>2396</v>
      </c>
      <c r="E38" s="564"/>
      <c r="F38" s="564"/>
      <c r="G38" s="564"/>
      <c r="H38" s="564"/>
      <c r="I38" s="564"/>
      <c r="J38" s="564"/>
      <c r="K38" s="564"/>
      <c r="L38" s="564"/>
      <c r="M38" s="564"/>
      <c r="N38" s="564"/>
      <c r="O38" s="564"/>
      <c r="P38" s="564"/>
      <c r="Q38" s="565"/>
      <c r="R38" s="221" t="s">
        <v>453</v>
      </c>
      <c r="S38" s="546" t="s">
        <v>107</v>
      </c>
      <c r="T38" s="548"/>
      <c r="U38" s="623" t="s">
        <v>102</v>
      </c>
      <c r="V38" s="624"/>
      <c r="W38" s="625"/>
      <c r="X38" s="210">
        <v>6</v>
      </c>
      <c r="Y38" s="210" t="s">
        <v>103</v>
      </c>
      <c r="Z38" s="700"/>
      <c r="AA38" s="700"/>
      <c r="AB38" s="592"/>
      <c r="AC38" s="592"/>
      <c r="AD38" s="592"/>
      <c r="AE38" s="265"/>
      <c r="AF38" s="39"/>
    </row>
    <row r="39" spans="1:32" s="55" customFormat="1" ht="13.4" customHeight="1">
      <c r="A39" s="394"/>
      <c r="B39" s="541">
        <v>20</v>
      </c>
      <c r="C39" s="542"/>
      <c r="D39" s="563" t="s">
        <v>1366</v>
      </c>
      <c r="E39" s="564"/>
      <c r="F39" s="564"/>
      <c r="G39" s="564"/>
      <c r="H39" s="564"/>
      <c r="I39" s="564"/>
      <c r="J39" s="564"/>
      <c r="K39" s="564"/>
      <c r="L39" s="564"/>
      <c r="M39" s="564"/>
      <c r="N39" s="564"/>
      <c r="O39" s="564"/>
      <c r="P39" s="564"/>
      <c r="Q39" s="565"/>
      <c r="R39" s="221" t="s">
        <v>516</v>
      </c>
      <c r="S39" s="546" t="s">
        <v>107</v>
      </c>
      <c r="T39" s="548"/>
      <c r="U39" s="623" t="s">
        <v>102</v>
      </c>
      <c r="V39" s="624"/>
      <c r="W39" s="625"/>
      <c r="X39" s="210">
        <v>6</v>
      </c>
      <c r="Y39" s="210" t="s">
        <v>103</v>
      </c>
      <c r="Z39" s="700"/>
      <c r="AA39" s="700"/>
      <c r="AB39" s="592"/>
      <c r="AC39" s="592"/>
      <c r="AD39" s="592"/>
      <c r="AE39" s="265"/>
      <c r="AF39" s="39"/>
    </row>
    <row r="40" spans="1:32" s="55" customFormat="1" ht="13.4" customHeight="1">
      <c r="A40" s="394"/>
      <c r="B40" s="541">
        <v>21</v>
      </c>
      <c r="C40" s="542"/>
      <c r="D40" s="563" t="s">
        <v>454</v>
      </c>
      <c r="E40" s="564"/>
      <c r="F40" s="564"/>
      <c r="G40" s="564"/>
      <c r="H40" s="564"/>
      <c r="I40" s="564"/>
      <c r="J40" s="564"/>
      <c r="K40" s="564"/>
      <c r="L40" s="564"/>
      <c r="M40" s="564"/>
      <c r="N40" s="564"/>
      <c r="O40" s="564"/>
      <c r="P40" s="564"/>
      <c r="Q40" s="565"/>
      <c r="R40" s="221" t="s">
        <v>455</v>
      </c>
      <c r="S40" s="546" t="s">
        <v>107</v>
      </c>
      <c r="T40" s="548"/>
      <c r="U40" s="623" t="s">
        <v>102</v>
      </c>
      <c r="V40" s="624"/>
      <c r="W40" s="625"/>
      <c r="X40" s="210">
        <v>1</v>
      </c>
      <c r="Y40" s="210" t="s">
        <v>103</v>
      </c>
      <c r="Z40" s="700"/>
      <c r="AA40" s="700"/>
      <c r="AB40" s="592"/>
      <c r="AC40" s="592"/>
      <c r="AD40" s="592"/>
      <c r="AE40" s="265"/>
      <c r="AF40" s="39"/>
    </row>
    <row r="41" spans="1:32" s="26" customFormat="1" ht="13.4" customHeight="1">
      <c r="A41" s="20"/>
      <c r="B41" s="541">
        <v>22</v>
      </c>
      <c r="C41" s="542"/>
      <c r="D41" s="563" t="s">
        <v>2293</v>
      </c>
      <c r="E41" s="564"/>
      <c r="F41" s="564"/>
      <c r="G41" s="564"/>
      <c r="H41" s="564"/>
      <c r="I41" s="564"/>
      <c r="J41" s="564"/>
      <c r="K41" s="564"/>
      <c r="L41" s="564"/>
      <c r="M41" s="564"/>
      <c r="N41" s="564"/>
      <c r="O41" s="564"/>
      <c r="P41" s="564"/>
      <c r="Q41" s="565"/>
      <c r="R41" s="229" t="s">
        <v>2294</v>
      </c>
      <c r="S41" s="541" t="s">
        <v>1844</v>
      </c>
      <c r="T41" s="542"/>
      <c r="U41" s="747" t="s">
        <v>102</v>
      </c>
      <c r="V41" s="748"/>
      <c r="W41" s="749"/>
      <c r="X41" s="213">
        <v>3</v>
      </c>
      <c r="Y41" s="213" t="s">
        <v>103</v>
      </c>
      <c r="Z41" s="700"/>
      <c r="AA41" s="700"/>
      <c r="AB41" s="592"/>
      <c r="AC41" s="592"/>
      <c r="AD41" s="592"/>
      <c r="AE41" s="265"/>
      <c r="AF41" s="38"/>
    </row>
    <row r="42" spans="1:32" s="26" customFormat="1" ht="13.4" customHeight="1">
      <c r="A42" s="20"/>
      <c r="B42" s="676">
        <v>23</v>
      </c>
      <c r="C42" s="677"/>
      <c r="D42" s="694" t="s">
        <v>760</v>
      </c>
      <c r="E42" s="695"/>
      <c r="F42" s="695"/>
      <c r="G42" s="695"/>
      <c r="H42" s="695"/>
      <c r="I42" s="695"/>
      <c r="J42" s="695"/>
      <c r="K42" s="695"/>
      <c r="L42" s="695"/>
      <c r="M42" s="695"/>
      <c r="N42" s="695"/>
      <c r="O42" s="695"/>
      <c r="P42" s="695"/>
      <c r="Q42" s="696"/>
      <c r="R42" s="261" t="s">
        <v>457</v>
      </c>
      <c r="S42" s="681" t="s">
        <v>107</v>
      </c>
      <c r="T42" s="683"/>
      <c r="U42" s="724" t="s">
        <v>102</v>
      </c>
      <c r="V42" s="725"/>
      <c r="W42" s="726"/>
      <c r="X42" s="269">
        <v>6</v>
      </c>
      <c r="Y42" s="269" t="s">
        <v>103</v>
      </c>
      <c r="Z42" s="730" t="s">
        <v>109</v>
      </c>
      <c r="AA42" s="730"/>
      <c r="AB42" s="717"/>
      <c r="AC42" s="717"/>
      <c r="AD42" s="717"/>
      <c r="AE42" s="321" t="s">
        <v>391</v>
      </c>
      <c r="AF42" s="38"/>
    </row>
    <row r="43" spans="1:32" s="26" customFormat="1" ht="13.4" customHeight="1">
      <c r="A43" s="20"/>
      <c r="B43" s="541">
        <v>24</v>
      </c>
      <c r="C43" s="542"/>
      <c r="D43" s="563" t="s">
        <v>2295</v>
      </c>
      <c r="E43" s="564"/>
      <c r="F43" s="564"/>
      <c r="G43" s="564"/>
      <c r="H43" s="564"/>
      <c r="I43" s="564"/>
      <c r="J43" s="564"/>
      <c r="K43" s="564"/>
      <c r="L43" s="564"/>
      <c r="M43" s="564"/>
      <c r="N43" s="564"/>
      <c r="O43" s="564"/>
      <c r="P43" s="564"/>
      <c r="Q43" s="565"/>
      <c r="R43" s="229" t="s">
        <v>2296</v>
      </c>
      <c r="S43" s="541" t="s">
        <v>107</v>
      </c>
      <c r="T43" s="542"/>
      <c r="U43" s="747" t="s">
        <v>108</v>
      </c>
      <c r="V43" s="748"/>
      <c r="W43" s="749"/>
      <c r="X43" s="213">
        <v>4</v>
      </c>
      <c r="Y43" s="213">
        <v>0</v>
      </c>
      <c r="Z43" s="700"/>
      <c r="AA43" s="700"/>
      <c r="AB43" s="592"/>
      <c r="AC43" s="592"/>
      <c r="AD43" s="592"/>
      <c r="AE43" s="265"/>
      <c r="AF43" s="38"/>
    </row>
    <row r="44" spans="1:32" s="54" customFormat="1" ht="13.4" customHeight="1">
      <c r="A44" s="20"/>
      <c r="B44" s="541">
        <v>25</v>
      </c>
      <c r="C44" s="542"/>
      <c r="D44" s="563" t="s">
        <v>458</v>
      </c>
      <c r="E44" s="564"/>
      <c r="F44" s="564"/>
      <c r="G44" s="564"/>
      <c r="H44" s="564"/>
      <c r="I44" s="564"/>
      <c r="J44" s="564"/>
      <c r="K44" s="564"/>
      <c r="L44" s="564"/>
      <c r="M44" s="564"/>
      <c r="N44" s="564"/>
      <c r="O44" s="564"/>
      <c r="P44" s="564"/>
      <c r="Q44" s="565"/>
      <c r="R44" s="229" t="s">
        <v>459</v>
      </c>
      <c r="S44" s="546" t="s">
        <v>107</v>
      </c>
      <c r="T44" s="548"/>
      <c r="U44" s="623" t="s">
        <v>108</v>
      </c>
      <c r="V44" s="624"/>
      <c r="W44" s="625"/>
      <c r="X44" s="210">
        <v>3</v>
      </c>
      <c r="Y44" s="210">
        <v>0</v>
      </c>
      <c r="Z44" s="700"/>
      <c r="AA44" s="700"/>
      <c r="AB44" s="592"/>
      <c r="AC44" s="592"/>
      <c r="AD44" s="592"/>
      <c r="AE44" s="267"/>
      <c r="AF44" s="38"/>
    </row>
    <row r="45" spans="1:32" s="54" customFormat="1" ht="13.4" customHeight="1">
      <c r="A45" s="20"/>
      <c r="B45" s="541">
        <v>26</v>
      </c>
      <c r="C45" s="542"/>
      <c r="D45" s="563" t="s">
        <v>466</v>
      </c>
      <c r="E45" s="564"/>
      <c r="F45" s="564"/>
      <c r="G45" s="564"/>
      <c r="H45" s="564"/>
      <c r="I45" s="564"/>
      <c r="J45" s="564"/>
      <c r="K45" s="564"/>
      <c r="L45" s="564"/>
      <c r="M45" s="564"/>
      <c r="N45" s="564"/>
      <c r="O45" s="564"/>
      <c r="P45" s="564"/>
      <c r="Q45" s="565"/>
      <c r="R45" s="219" t="s">
        <v>467</v>
      </c>
      <c r="S45" s="546" t="s">
        <v>101</v>
      </c>
      <c r="T45" s="548"/>
      <c r="U45" s="623" t="s">
        <v>102</v>
      </c>
      <c r="V45" s="624"/>
      <c r="W45" s="625"/>
      <c r="X45" s="210">
        <v>10</v>
      </c>
      <c r="Y45" s="210" t="s">
        <v>103</v>
      </c>
      <c r="Z45" s="700"/>
      <c r="AA45" s="700"/>
      <c r="AB45" s="592"/>
      <c r="AC45" s="592"/>
      <c r="AD45" s="592"/>
      <c r="AE45" s="267"/>
      <c r="AF45" s="38"/>
    </row>
    <row r="46" spans="1:32" s="55" customFormat="1" ht="13.4" customHeight="1">
      <c r="A46" s="394"/>
      <c r="B46" s="541">
        <v>27</v>
      </c>
      <c r="C46" s="542"/>
      <c r="D46" s="563" t="s">
        <v>2397</v>
      </c>
      <c r="E46" s="564"/>
      <c r="F46" s="564"/>
      <c r="G46" s="564"/>
      <c r="H46" s="564"/>
      <c r="I46" s="564"/>
      <c r="J46" s="564"/>
      <c r="K46" s="564"/>
      <c r="L46" s="564"/>
      <c r="M46" s="564"/>
      <c r="N46" s="564"/>
      <c r="O46" s="564"/>
      <c r="P46" s="564"/>
      <c r="Q46" s="565"/>
      <c r="R46" s="225" t="s">
        <v>2398</v>
      </c>
      <c r="S46" s="546" t="s">
        <v>107</v>
      </c>
      <c r="T46" s="548"/>
      <c r="U46" s="623" t="s">
        <v>102</v>
      </c>
      <c r="V46" s="624"/>
      <c r="W46" s="625"/>
      <c r="X46" s="210">
        <v>2</v>
      </c>
      <c r="Y46" s="210" t="s">
        <v>103</v>
      </c>
      <c r="Z46" s="700"/>
      <c r="AA46" s="700"/>
      <c r="AB46" s="592"/>
      <c r="AC46" s="592"/>
      <c r="AD46" s="592"/>
      <c r="AE46" s="265"/>
      <c r="AF46" s="39"/>
    </row>
    <row r="47" spans="1:32" s="55" customFormat="1" ht="13.4" customHeight="1">
      <c r="A47" s="394"/>
      <c r="B47" s="541">
        <v>28</v>
      </c>
      <c r="C47" s="542"/>
      <c r="D47" s="563" t="s">
        <v>2399</v>
      </c>
      <c r="E47" s="564"/>
      <c r="F47" s="564"/>
      <c r="G47" s="564"/>
      <c r="H47" s="564"/>
      <c r="I47" s="564"/>
      <c r="J47" s="564"/>
      <c r="K47" s="564"/>
      <c r="L47" s="564"/>
      <c r="M47" s="564"/>
      <c r="N47" s="564"/>
      <c r="O47" s="564"/>
      <c r="P47" s="564"/>
      <c r="Q47" s="565"/>
      <c r="R47" s="225" t="s">
        <v>2400</v>
      </c>
      <c r="S47" s="546" t="s">
        <v>1844</v>
      </c>
      <c r="T47" s="548"/>
      <c r="U47" s="623" t="s">
        <v>102</v>
      </c>
      <c r="V47" s="624"/>
      <c r="W47" s="625"/>
      <c r="X47" s="210">
        <v>4</v>
      </c>
      <c r="Y47" s="210" t="s">
        <v>103</v>
      </c>
      <c r="Z47" s="700"/>
      <c r="AA47" s="700"/>
      <c r="AB47" s="592"/>
      <c r="AC47" s="592"/>
      <c r="AD47" s="592"/>
      <c r="AE47" s="265"/>
      <c r="AF47" s="39"/>
    </row>
    <row r="48" spans="1:32" s="57" customFormat="1" ht="16.399999999999999" customHeight="1">
      <c r="A48" s="394"/>
      <c r="B48" s="541">
        <v>29</v>
      </c>
      <c r="C48" s="542"/>
      <c r="D48" s="563" t="s">
        <v>1359</v>
      </c>
      <c r="E48" s="564"/>
      <c r="F48" s="564"/>
      <c r="G48" s="564"/>
      <c r="H48" s="564"/>
      <c r="I48" s="564"/>
      <c r="J48" s="564"/>
      <c r="K48" s="564"/>
      <c r="L48" s="564"/>
      <c r="M48" s="564"/>
      <c r="N48" s="564"/>
      <c r="O48" s="564"/>
      <c r="P48" s="564"/>
      <c r="Q48" s="565"/>
      <c r="R48" s="221" t="s">
        <v>2401</v>
      </c>
      <c r="S48" s="546" t="s">
        <v>107</v>
      </c>
      <c r="T48" s="548"/>
      <c r="U48" s="623" t="s">
        <v>102</v>
      </c>
      <c r="V48" s="624"/>
      <c r="W48" s="625"/>
      <c r="X48" s="210">
        <v>1</v>
      </c>
      <c r="Y48" s="210" t="s">
        <v>103</v>
      </c>
      <c r="Z48" s="700"/>
      <c r="AA48" s="700"/>
      <c r="AB48" s="592"/>
      <c r="AC48" s="592"/>
      <c r="AD48" s="592"/>
      <c r="AE48" s="267"/>
      <c r="AF48" s="39"/>
    </row>
    <row r="49" spans="1:32" s="55" customFormat="1" ht="25.4" customHeight="1">
      <c r="A49" s="394"/>
      <c r="B49" s="541">
        <v>30</v>
      </c>
      <c r="C49" s="542"/>
      <c r="D49" s="563" t="s">
        <v>2402</v>
      </c>
      <c r="E49" s="564"/>
      <c r="F49" s="564"/>
      <c r="G49" s="564"/>
      <c r="H49" s="564"/>
      <c r="I49" s="564"/>
      <c r="J49" s="564"/>
      <c r="K49" s="564"/>
      <c r="L49" s="564"/>
      <c r="M49" s="564"/>
      <c r="N49" s="564"/>
      <c r="O49" s="564"/>
      <c r="P49" s="564"/>
      <c r="Q49" s="565"/>
      <c r="R49" s="221" t="s">
        <v>2403</v>
      </c>
      <c r="S49" s="546" t="s">
        <v>107</v>
      </c>
      <c r="T49" s="548"/>
      <c r="U49" s="623" t="s">
        <v>102</v>
      </c>
      <c r="V49" s="624"/>
      <c r="W49" s="625"/>
      <c r="X49" s="210">
        <v>7</v>
      </c>
      <c r="Y49" s="210" t="s">
        <v>103</v>
      </c>
      <c r="Z49" s="700"/>
      <c r="AA49" s="700"/>
      <c r="AB49" s="592"/>
      <c r="AC49" s="592"/>
      <c r="AD49" s="592"/>
      <c r="AE49" s="265" t="s">
        <v>3020</v>
      </c>
      <c r="AF49" s="39"/>
    </row>
    <row r="50" spans="1:32" s="55" customFormat="1" ht="13.4" customHeight="1">
      <c r="A50" s="20"/>
      <c r="B50" s="676">
        <v>31</v>
      </c>
      <c r="C50" s="677"/>
      <c r="D50" s="694" t="s">
        <v>478</v>
      </c>
      <c r="E50" s="695"/>
      <c r="F50" s="695"/>
      <c r="G50" s="695"/>
      <c r="H50" s="695"/>
      <c r="I50" s="695"/>
      <c r="J50" s="695"/>
      <c r="K50" s="695"/>
      <c r="L50" s="695"/>
      <c r="M50" s="695"/>
      <c r="N50" s="695"/>
      <c r="O50" s="695"/>
      <c r="P50" s="695"/>
      <c r="Q50" s="696"/>
      <c r="R50" s="261" t="s">
        <v>479</v>
      </c>
      <c r="S50" s="681" t="s">
        <v>2404</v>
      </c>
      <c r="T50" s="683"/>
      <c r="U50" s="724" t="s">
        <v>102</v>
      </c>
      <c r="V50" s="725"/>
      <c r="W50" s="726"/>
      <c r="X50" s="269">
        <v>30</v>
      </c>
      <c r="Y50" s="269" t="s">
        <v>103</v>
      </c>
      <c r="Z50" s="730" t="s">
        <v>109</v>
      </c>
      <c r="AA50" s="730"/>
      <c r="AB50" s="717"/>
      <c r="AC50" s="717"/>
      <c r="AD50" s="717"/>
      <c r="AE50" s="321" t="s">
        <v>391</v>
      </c>
      <c r="AF50" s="39"/>
    </row>
    <row r="51" spans="1:32" s="55" customFormat="1" ht="13.4" customHeight="1">
      <c r="A51" s="20"/>
      <c r="B51" s="676">
        <v>32</v>
      </c>
      <c r="C51" s="677"/>
      <c r="D51" s="694" t="s">
        <v>2312</v>
      </c>
      <c r="E51" s="695"/>
      <c r="F51" s="695"/>
      <c r="G51" s="695"/>
      <c r="H51" s="695"/>
      <c r="I51" s="695"/>
      <c r="J51" s="695"/>
      <c r="K51" s="695"/>
      <c r="L51" s="695"/>
      <c r="M51" s="695"/>
      <c r="N51" s="695"/>
      <c r="O51" s="695"/>
      <c r="P51" s="695"/>
      <c r="Q51" s="696"/>
      <c r="R51" s="261" t="s">
        <v>482</v>
      </c>
      <c r="S51" s="681" t="s">
        <v>107</v>
      </c>
      <c r="T51" s="683"/>
      <c r="U51" s="724" t="s">
        <v>102</v>
      </c>
      <c r="V51" s="725"/>
      <c r="W51" s="726"/>
      <c r="X51" s="269">
        <v>5</v>
      </c>
      <c r="Y51" s="269" t="s">
        <v>103</v>
      </c>
      <c r="Z51" s="730" t="s">
        <v>109</v>
      </c>
      <c r="AA51" s="730"/>
      <c r="AB51" s="717"/>
      <c r="AC51" s="717"/>
      <c r="AD51" s="717"/>
      <c r="AE51" s="321" t="s">
        <v>391</v>
      </c>
      <c r="AF51" s="39"/>
    </row>
    <row r="52" spans="1:32" s="26" customFormat="1" ht="13.5" customHeight="1">
      <c r="A52" s="20"/>
      <c r="B52" s="676">
        <v>33</v>
      </c>
      <c r="C52" s="677"/>
      <c r="D52" s="694" t="s">
        <v>483</v>
      </c>
      <c r="E52" s="695"/>
      <c r="F52" s="695"/>
      <c r="G52" s="695"/>
      <c r="H52" s="695"/>
      <c r="I52" s="695"/>
      <c r="J52" s="695"/>
      <c r="K52" s="695"/>
      <c r="L52" s="695"/>
      <c r="M52" s="695"/>
      <c r="N52" s="695"/>
      <c r="O52" s="695"/>
      <c r="P52" s="695"/>
      <c r="Q52" s="696"/>
      <c r="R52" s="261" t="s">
        <v>484</v>
      </c>
      <c r="S52" s="681" t="s">
        <v>1844</v>
      </c>
      <c r="T52" s="683"/>
      <c r="U52" s="724" t="s">
        <v>102</v>
      </c>
      <c r="V52" s="725"/>
      <c r="W52" s="726"/>
      <c r="X52" s="269">
        <v>40</v>
      </c>
      <c r="Y52" s="269" t="s">
        <v>103</v>
      </c>
      <c r="Z52" s="730" t="s">
        <v>109</v>
      </c>
      <c r="AA52" s="730"/>
      <c r="AB52" s="717"/>
      <c r="AC52" s="717"/>
      <c r="AD52" s="717"/>
      <c r="AE52" s="321" t="s">
        <v>399</v>
      </c>
      <c r="AF52" s="38"/>
    </row>
    <row r="53" spans="1:32" s="26" customFormat="1" ht="13.4" customHeight="1">
      <c r="A53" s="20"/>
      <c r="B53" s="541">
        <v>34</v>
      </c>
      <c r="C53" s="542"/>
      <c r="D53" s="563" t="s">
        <v>1364</v>
      </c>
      <c r="E53" s="564"/>
      <c r="F53" s="564"/>
      <c r="G53" s="564"/>
      <c r="H53" s="564"/>
      <c r="I53" s="564"/>
      <c r="J53" s="564"/>
      <c r="K53" s="564"/>
      <c r="L53" s="564"/>
      <c r="M53" s="564"/>
      <c r="N53" s="564"/>
      <c r="O53" s="564"/>
      <c r="P53" s="564"/>
      <c r="Q53" s="565"/>
      <c r="R53" s="229" t="s">
        <v>1365</v>
      </c>
      <c r="S53" s="546" t="s">
        <v>107</v>
      </c>
      <c r="T53" s="548"/>
      <c r="U53" s="623" t="s">
        <v>102</v>
      </c>
      <c r="V53" s="624"/>
      <c r="W53" s="625"/>
      <c r="X53" s="210">
        <v>1</v>
      </c>
      <c r="Y53" s="210" t="s">
        <v>103</v>
      </c>
      <c r="Z53" s="700"/>
      <c r="AA53" s="700"/>
      <c r="AB53" s="592"/>
      <c r="AC53" s="592"/>
      <c r="AD53" s="592"/>
      <c r="AE53" s="265"/>
      <c r="AF53" s="38"/>
    </row>
    <row r="54" spans="1:32" s="26" customFormat="1" ht="13.4" customHeight="1">
      <c r="A54" s="20"/>
      <c r="B54" s="541">
        <v>35</v>
      </c>
      <c r="C54" s="542"/>
      <c r="D54" s="563" t="s">
        <v>418</v>
      </c>
      <c r="E54" s="564"/>
      <c r="F54" s="564"/>
      <c r="G54" s="564"/>
      <c r="H54" s="564"/>
      <c r="I54" s="564"/>
      <c r="J54" s="564"/>
      <c r="K54" s="564"/>
      <c r="L54" s="564"/>
      <c r="M54" s="564"/>
      <c r="N54" s="564"/>
      <c r="O54" s="564"/>
      <c r="P54" s="564"/>
      <c r="Q54" s="565"/>
      <c r="R54" s="229" t="s">
        <v>963</v>
      </c>
      <c r="S54" s="546" t="s">
        <v>107</v>
      </c>
      <c r="T54" s="548"/>
      <c r="U54" s="623" t="s">
        <v>102</v>
      </c>
      <c r="V54" s="624"/>
      <c r="W54" s="625"/>
      <c r="X54" s="210">
        <v>1</v>
      </c>
      <c r="Y54" s="210" t="s">
        <v>103</v>
      </c>
      <c r="Z54" s="700"/>
      <c r="AA54" s="700"/>
      <c r="AB54" s="592"/>
      <c r="AC54" s="592"/>
      <c r="AD54" s="592"/>
      <c r="AE54" s="265"/>
      <c r="AF54" s="38"/>
    </row>
    <row r="55" spans="1:32" s="54" customFormat="1" ht="13.4" customHeight="1">
      <c r="A55" s="20"/>
      <c r="B55" s="541">
        <v>36</v>
      </c>
      <c r="C55" s="542"/>
      <c r="D55" s="563" t="s">
        <v>420</v>
      </c>
      <c r="E55" s="564"/>
      <c r="F55" s="564"/>
      <c r="G55" s="564"/>
      <c r="H55" s="564"/>
      <c r="I55" s="564"/>
      <c r="J55" s="564"/>
      <c r="K55" s="564"/>
      <c r="L55" s="564"/>
      <c r="M55" s="564"/>
      <c r="N55" s="564"/>
      <c r="O55" s="564"/>
      <c r="P55" s="564"/>
      <c r="Q55" s="565"/>
      <c r="R55" s="229" t="s">
        <v>746</v>
      </c>
      <c r="S55" s="546" t="s">
        <v>107</v>
      </c>
      <c r="T55" s="548"/>
      <c r="U55" s="623" t="s">
        <v>102</v>
      </c>
      <c r="V55" s="624"/>
      <c r="W55" s="625"/>
      <c r="X55" s="210">
        <v>2</v>
      </c>
      <c r="Y55" s="210" t="s">
        <v>103</v>
      </c>
      <c r="Z55" s="700"/>
      <c r="AA55" s="700"/>
      <c r="AB55" s="592"/>
      <c r="AC55" s="592"/>
      <c r="AD55" s="592"/>
      <c r="AE55" s="267"/>
      <c r="AF55" s="38"/>
    </row>
    <row r="56" spans="1:32" s="54" customFormat="1" ht="13.4" customHeight="1">
      <c r="A56" s="20"/>
      <c r="B56" s="541">
        <v>37</v>
      </c>
      <c r="C56" s="542"/>
      <c r="D56" s="563" t="s">
        <v>2358</v>
      </c>
      <c r="E56" s="564"/>
      <c r="F56" s="564"/>
      <c r="G56" s="564"/>
      <c r="H56" s="564"/>
      <c r="I56" s="564"/>
      <c r="J56" s="564"/>
      <c r="K56" s="564"/>
      <c r="L56" s="564"/>
      <c r="M56" s="564"/>
      <c r="N56" s="564"/>
      <c r="O56" s="564"/>
      <c r="P56" s="564"/>
      <c r="Q56" s="565"/>
      <c r="R56" s="221" t="s">
        <v>2359</v>
      </c>
      <c r="S56" s="546" t="s">
        <v>1844</v>
      </c>
      <c r="T56" s="548"/>
      <c r="U56" s="623" t="s">
        <v>102</v>
      </c>
      <c r="V56" s="624"/>
      <c r="W56" s="625"/>
      <c r="X56" s="210">
        <v>4</v>
      </c>
      <c r="Y56" s="210" t="s">
        <v>103</v>
      </c>
      <c r="Z56" s="700"/>
      <c r="AA56" s="700"/>
      <c r="AB56" s="592"/>
      <c r="AC56" s="592"/>
      <c r="AD56" s="592"/>
      <c r="AE56" s="267"/>
      <c r="AF56" s="38"/>
    </row>
    <row r="57" spans="1:32" s="55" customFormat="1" ht="13.4" customHeight="1">
      <c r="A57" s="394"/>
      <c r="B57" s="541">
        <v>38</v>
      </c>
      <c r="C57" s="542"/>
      <c r="D57" s="563" t="s">
        <v>2360</v>
      </c>
      <c r="E57" s="564"/>
      <c r="F57" s="564"/>
      <c r="G57" s="564"/>
      <c r="H57" s="564"/>
      <c r="I57" s="564"/>
      <c r="J57" s="564"/>
      <c r="K57" s="564"/>
      <c r="L57" s="564"/>
      <c r="M57" s="564"/>
      <c r="N57" s="564"/>
      <c r="O57" s="564"/>
      <c r="P57" s="564"/>
      <c r="Q57" s="565"/>
      <c r="R57" s="221" t="s">
        <v>2361</v>
      </c>
      <c r="S57" s="546" t="s">
        <v>107</v>
      </c>
      <c r="T57" s="548"/>
      <c r="U57" s="623" t="s">
        <v>2362</v>
      </c>
      <c r="V57" s="624"/>
      <c r="W57" s="625"/>
      <c r="X57" s="210">
        <v>10</v>
      </c>
      <c r="Y57" s="210">
        <v>0</v>
      </c>
      <c r="Z57" s="700"/>
      <c r="AA57" s="700"/>
      <c r="AB57" s="592"/>
      <c r="AC57" s="592"/>
      <c r="AD57" s="592"/>
      <c r="AE57" s="265"/>
      <c r="AF57" s="39"/>
    </row>
    <row r="58" spans="1:32" s="55" customFormat="1" ht="13.4" customHeight="1">
      <c r="A58" s="394"/>
      <c r="B58" s="541">
        <v>39</v>
      </c>
      <c r="C58" s="542"/>
      <c r="D58" s="563" t="s">
        <v>422</v>
      </c>
      <c r="E58" s="564"/>
      <c r="F58" s="564"/>
      <c r="G58" s="564"/>
      <c r="H58" s="564"/>
      <c r="I58" s="564"/>
      <c r="J58" s="564"/>
      <c r="K58" s="564"/>
      <c r="L58" s="564"/>
      <c r="M58" s="564"/>
      <c r="N58" s="564"/>
      <c r="O58" s="564"/>
      <c r="P58" s="564"/>
      <c r="Q58" s="565"/>
      <c r="R58" s="221" t="s">
        <v>747</v>
      </c>
      <c r="S58" s="546" t="s">
        <v>107</v>
      </c>
      <c r="T58" s="548"/>
      <c r="U58" s="623" t="s">
        <v>102</v>
      </c>
      <c r="V58" s="624"/>
      <c r="W58" s="625"/>
      <c r="X58" s="210">
        <v>1</v>
      </c>
      <c r="Y58" s="210" t="s">
        <v>103</v>
      </c>
      <c r="Z58" s="700"/>
      <c r="AA58" s="700"/>
      <c r="AB58" s="592"/>
      <c r="AC58" s="592"/>
      <c r="AD58" s="592"/>
      <c r="AE58" s="265"/>
      <c r="AF58" s="39"/>
    </row>
    <row r="59" spans="1:32" s="26" customFormat="1" ht="13.4" customHeight="1">
      <c r="A59" s="20"/>
      <c r="B59" s="541">
        <v>40</v>
      </c>
      <c r="C59" s="542"/>
      <c r="D59" s="563" t="s">
        <v>2405</v>
      </c>
      <c r="E59" s="564"/>
      <c r="F59" s="564"/>
      <c r="G59" s="564"/>
      <c r="H59" s="564"/>
      <c r="I59" s="564"/>
      <c r="J59" s="564"/>
      <c r="K59" s="564"/>
      <c r="L59" s="564"/>
      <c r="M59" s="564"/>
      <c r="N59" s="564"/>
      <c r="O59" s="564"/>
      <c r="P59" s="564"/>
      <c r="Q59" s="565"/>
      <c r="R59" s="221" t="s">
        <v>1356</v>
      </c>
      <c r="S59" s="546" t="s">
        <v>107</v>
      </c>
      <c r="T59" s="548"/>
      <c r="U59" s="623" t="s">
        <v>102</v>
      </c>
      <c r="V59" s="624"/>
      <c r="W59" s="625"/>
      <c r="X59" s="210">
        <v>7</v>
      </c>
      <c r="Y59" s="210" t="s">
        <v>103</v>
      </c>
      <c r="Z59" s="700"/>
      <c r="AA59" s="700"/>
      <c r="AB59" s="592"/>
      <c r="AC59" s="592"/>
      <c r="AD59" s="592"/>
      <c r="AE59" s="265" t="s">
        <v>3020</v>
      </c>
      <c r="AF59" s="38"/>
    </row>
    <row r="60" spans="1:32" s="26" customFormat="1" ht="13.4" customHeight="1">
      <c r="A60" s="20"/>
      <c r="B60" s="541">
        <v>41</v>
      </c>
      <c r="C60" s="542"/>
      <c r="D60" s="563" t="s">
        <v>430</v>
      </c>
      <c r="E60" s="564"/>
      <c r="F60" s="564"/>
      <c r="G60" s="564"/>
      <c r="H60" s="564"/>
      <c r="I60" s="564"/>
      <c r="J60" s="564"/>
      <c r="K60" s="564"/>
      <c r="L60" s="564"/>
      <c r="M60" s="564"/>
      <c r="N60" s="564"/>
      <c r="O60" s="564"/>
      <c r="P60" s="564"/>
      <c r="Q60" s="565"/>
      <c r="R60" s="221" t="s">
        <v>964</v>
      </c>
      <c r="S60" s="546" t="s">
        <v>107</v>
      </c>
      <c r="T60" s="548"/>
      <c r="U60" s="623" t="s">
        <v>102</v>
      </c>
      <c r="V60" s="624"/>
      <c r="W60" s="625"/>
      <c r="X60" s="210">
        <v>6</v>
      </c>
      <c r="Y60" s="210" t="s">
        <v>103</v>
      </c>
      <c r="Z60" s="700"/>
      <c r="AA60" s="700"/>
      <c r="AB60" s="592"/>
      <c r="AC60" s="592"/>
      <c r="AD60" s="592"/>
      <c r="AE60" s="265"/>
      <c r="AF60" s="38"/>
    </row>
    <row r="61" spans="1:32" s="54" customFormat="1" ht="13.4" customHeight="1">
      <c r="A61" s="20"/>
      <c r="B61" s="541">
        <v>42</v>
      </c>
      <c r="C61" s="542"/>
      <c r="D61" s="563" t="s">
        <v>432</v>
      </c>
      <c r="E61" s="564"/>
      <c r="F61" s="564"/>
      <c r="G61" s="564"/>
      <c r="H61" s="564"/>
      <c r="I61" s="564"/>
      <c r="J61" s="564"/>
      <c r="K61" s="564"/>
      <c r="L61" s="564"/>
      <c r="M61" s="564"/>
      <c r="N61" s="564"/>
      <c r="O61" s="564"/>
      <c r="P61" s="564"/>
      <c r="Q61" s="565"/>
      <c r="R61" s="221" t="s">
        <v>965</v>
      </c>
      <c r="S61" s="546" t="s">
        <v>107</v>
      </c>
      <c r="T61" s="548"/>
      <c r="U61" s="623" t="s">
        <v>102</v>
      </c>
      <c r="V61" s="624"/>
      <c r="W61" s="625"/>
      <c r="X61" s="210">
        <v>2</v>
      </c>
      <c r="Y61" s="210" t="s">
        <v>103</v>
      </c>
      <c r="Z61" s="700"/>
      <c r="AA61" s="700"/>
      <c r="AB61" s="592"/>
      <c r="AC61" s="592"/>
      <c r="AD61" s="592"/>
      <c r="AE61" s="267"/>
      <c r="AF61" s="38"/>
    </row>
    <row r="62" spans="1:32" s="54" customFormat="1">
      <c r="A62" s="20"/>
      <c r="B62" s="541">
        <v>43</v>
      </c>
      <c r="C62" s="542"/>
      <c r="D62" s="543" t="s">
        <v>2367</v>
      </c>
      <c r="E62" s="544"/>
      <c r="F62" s="544"/>
      <c r="G62" s="544"/>
      <c r="H62" s="544"/>
      <c r="I62" s="544"/>
      <c r="J62" s="544"/>
      <c r="K62" s="544"/>
      <c r="L62" s="544"/>
      <c r="M62" s="544"/>
      <c r="N62" s="544"/>
      <c r="O62" s="544"/>
      <c r="P62" s="544"/>
      <c r="Q62" s="545"/>
      <c r="R62" s="221" t="s">
        <v>2368</v>
      </c>
      <c r="S62" s="546" t="s">
        <v>1856</v>
      </c>
      <c r="T62" s="548"/>
      <c r="U62" s="623" t="s">
        <v>102</v>
      </c>
      <c r="V62" s="624"/>
      <c r="W62" s="625"/>
      <c r="X62" s="210">
        <v>4</v>
      </c>
      <c r="Y62" s="210" t="s">
        <v>103</v>
      </c>
      <c r="Z62" s="700"/>
      <c r="AA62" s="700"/>
      <c r="AB62" s="592"/>
      <c r="AC62" s="592"/>
      <c r="AD62" s="592"/>
      <c r="AE62" s="267"/>
      <c r="AF62" s="38"/>
    </row>
    <row r="63" spans="1:32" s="55" customFormat="1">
      <c r="A63" s="394"/>
      <c r="B63" s="541">
        <v>44</v>
      </c>
      <c r="C63" s="542"/>
      <c r="D63" s="543" t="s">
        <v>2369</v>
      </c>
      <c r="E63" s="544"/>
      <c r="F63" s="544"/>
      <c r="G63" s="544"/>
      <c r="H63" s="544"/>
      <c r="I63" s="544"/>
      <c r="J63" s="544"/>
      <c r="K63" s="544"/>
      <c r="L63" s="544"/>
      <c r="M63" s="544"/>
      <c r="N63" s="544"/>
      <c r="O63" s="544"/>
      <c r="P63" s="544"/>
      <c r="Q63" s="545"/>
      <c r="R63" s="221" t="s">
        <v>2370</v>
      </c>
      <c r="S63" s="546" t="s">
        <v>1844</v>
      </c>
      <c r="T63" s="548"/>
      <c r="U63" s="623" t="s">
        <v>102</v>
      </c>
      <c r="V63" s="624"/>
      <c r="W63" s="625"/>
      <c r="X63" s="210">
        <v>10</v>
      </c>
      <c r="Y63" s="210" t="s">
        <v>103</v>
      </c>
      <c r="Z63" s="700"/>
      <c r="AA63" s="700"/>
      <c r="AB63" s="592"/>
      <c r="AC63" s="592"/>
      <c r="AD63" s="592"/>
      <c r="AE63" s="265"/>
      <c r="AF63" s="39"/>
    </row>
    <row r="64" spans="1:32" s="55" customFormat="1" ht="13.4" customHeight="1">
      <c r="A64" s="394"/>
      <c r="B64" s="541">
        <v>45</v>
      </c>
      <c r="C64" s="542"/>
      <c r="D64" s="563" t="s">
        <v>2371</v>
      </c>
      <c r="E64" s="564"/>
      <c r="F64" s="564"/>
      <c r="G64" s="564"/>
      <c r="H64" s="564"/>
      <c r="I64" s="564"/>
      <c r="J64" s="564"/>
      <c r="K64" s="564"/>
      <c r="L64" s="564"/>
      <c r="M64" s="564"/>
      <c r="N64" s="564"/>
      <c r="O64" s="564"/>
      <c r="P64" s="564"/>
      <c r="Q64" s="565"/>
      <c r="R64" s="221" t="s">
        <v>2372</v>
      </c>
      <c r="S64" s="546" t="s">
        <v>107</v>
      </c>
      <c r="T64" s="548"/>
      <c r="U64" s="623" t="s">
        <v>2362</v>
      </c>
      <c r="V64" s="624"/>
      <c r="W64" s="625"/>
      <c r="X64" s="210">
        <v>10</v>
      </c>
      <c r="Y64" s="210">
        <v>0</v>
      </c>
      <c r="Z64" s="700"/>
      <c r="AA64" s="700"/>
      <c r="AB64" s="592"/>
      <c r="AC64" s="592"/>
      <c r="AD64" s="592"/>
      <c r="AE64" s="265"/>
      <c r="AF64" s="39"/>
    </row>
    <row r="65" spans="1:32" s="57" customFormat="1" ht="13.4" customHeight="1">
      <c r="A65" s="394"/>
      <c r="B65" s="541">
        <v>46</v>
      </c>
      <c r="C65" s="542"/>
      <c r="D65" s="563" t="s">
        <v>2375</v>
      </c>
      <c r="E65" s="564"/>
      <c r="F65" s="564"/>
      <c r="G65" s="564"/>
      <c r="H65" s="564"/>
      <c r="I65" s="564"/>
      <c r="J65" s="564"/>
      <c r="K65" s="564"/>
      <c r="L65" s="564"/>
      <c r="M65" s="564"/>
      <c r="N65" s="564"/>
      <c r="O65" s="564"/>
      <c r="P65" s="564"/>
      <c r="Q65" s="565"/>
      <c r="R65" s="221" t="s">
        <v>2376</v>
      </c>
      <c r="S65" s="541" t="s">
        <v>1844</v>
      </c>
      <c r="T65" s="542"/>
      <c r="U65" s="747" t="s">
        <v>102</v>
      </c>
      <c r="V65" s="748"/>
      <c r="W65" s="749"/>
      <c r="X65" s="213">
        <v>10</v>
      </c>
      <c r="Y65" s="213" t="s">
        <v>103</v>
      </c>
      <c r="Z65" s="700"/>
      <c r="AA65" s="700"/>
      <c r="AB65" s="592"/>
      <c r="AC65" s="592"/>
      <c r="AD65" s="592"/>
      <c r="AE65" s="267"/>
      <c r="AF65" s="39"/>
    </row>
    <row r="66" spans="1:32" s="55" customFormat="1" ht="13.4" customHeight="1">
      <c r="A66" s="394"/>
      <c r="B66" s="541">
        <v>47</v>
      </c>
      <c r="C66" s="542"/>
      <c r="D66" s="563" t="s">
        <v>549</v>
      </c>
      <c r="E66" s="564"/>
      <c r="F66" s="564"/>
      <c r="G66" s="564"/>
      <c r="H66" s="564"/>
      <c r="I66" s="564"/>
      <c r="J66" s="564"/>
      <c r="K66" s="564"/>
      <c r="L66" s="564"/>
      <c r="M66" s="564"/>
      <c r="N66" s="564"/>
      <c r="O66" s="564"/>
      <c r="P66" s="564"/>
      <c r="Q66" s="565"/>
      <c r="R66" s="221" t="s">
        <v>550</v>
      </c>
      <c r="S66" s="546" t="s">
        <v>101</v>
      </c>
      <c r="T66" s="548"/>
      <c r="U66" s="623" t="s">
        <v>102</v>
      </c>
      <c r="V66" s="624"/>
      <c r="W66" s="625"/>
      <c r="X66" s="210">
        <v>8</v>
      </c>
      <c r="Y66" s="210" t="s">
        <v>103</v>
      </c>
      <c r="Z66" s="700"/>
      <c r="AA66" s="700"/>
      <c r="AB66" s="592"/>
      <c r="AC66" s="592"/>
      <c r="AD66" s="592"/>
      <c r="AE66" s="265" t="s">
        <v>3020</v>
      </c>
      <c r="AF66" s="39"/>
    </row>
    <row r="67" spans="1:32" s="55" customFormat="1" ht="13.4" customHeight="1">
      <c r="A67" s="394"/>
      <c r="B67" s="541">
        <v>48</v>
      </c>
      <c r="C67" s="542"/>
      <c r="D67" s="563" t="s">
        <v>2406</v>
      </c>
      <c r="E67" s="564"/>
      <c r="F67" s="564"/>
      <c r="G67" s="564"/>
      <c r="H67" s="564"/>
      <c r="I67" s="564"/>
      <c r="J67" s="564"/>
      <c r="K67" s="564"/>
      <c r="L67" s="564"/>
      <c r="M67" s="564"/>
      <c r="N67" s="564"/>
      <c r="O67" s="564"/>
      <c r="P67" s="564"/>
      <c r="Q67" s="565"/>
      <c r="R67" s="221" t="s">
        <v>1369</v>
      </c>
      <c r="S67" s="546" t="s">
        <v>107</v>
      </c>
      <c r="T67" s="548"/>
      <c r="U67" s="623" t="s">
        <v>108</v>
      </c>
      <c r="V67" s="624"/>
      <c r="W67" s="625"/>
      <c r="X67" s="210">
        <v>2</v>
      </c>
      <c r="Y67" s="210">
        <v>0</v>
      </c>
      <c r="Z67" s="700"/>
      <c r="AA67" s="700"/>
      <c r="AB67" s="592"/>
      <c r="AC67" s="592"/>
      <c r="AD67" s="592"/>
      <c r="AE67" s="265"/>
      <c r="AF67" s="39"/>
    </row>
    <row r="68" spans="1:32" s="55" customFormat="1" ht="13.4" customHeight="1">
      <c r="A68" s="394"/>
      <c r="B68" s="541">
        <v>49</v>
      </c>
      <c r="C68" s="542"/>
      <c r="D68" s="563" t="s">
        <v>553</v>
      </c>
      <c r="E68" s="564"/>
      <c r="F68" s="564"/>
      <c r="G68" s="564"/>
      <c r="H68" s="564"/>
      <c r="I68" s="564"/>
      <c r="J68" s="564"/>
      <c r="K68" s="564"/>
      <c r="L68" s="564"/>
      <c r="M68" s="564"/>
      <c r="N68" s="564"/>
      <c r="O68" s="564"/>
      <c r="P68" s="564"/>
      <c r="Q68" s="565"/>
      <c r="R68" s="221" t="s">
        <v>554</v>
      </c>
      <c r="S68" s="546" t="s">
        <v>107</v>
      </c>
      <c r="T68" s="548"/>
      <c r="U68" s="623" t="s">
        <v>108</v>
      </c>
      <c r="V68" s="624"/>
      <c r="W68" s="625"/>
      <c r="X68" s="210">
        <v>8</v>
      </c>
      <c r="Y68" s="210">
        <v>0</v>
      </c>
      <c r="Z68" s="700"/>
      <c r="AA68" s="700"/>
      <c r="AB68" s="592"/>
      <c r="AC68" s="592"/>
      <c r="AD68" s="592"/>
      <c r="AE68" s="265"/>
      <c r="AF68" s="39"/>
    </row>
    <row r="69" spans="1:32" s="26" customFormat="1" ht="13.4" customHeight="1">
      <c r="A69" s="20"/>
      <c r="B69" s="541">
        <v>50</v>
      </c>
      <c r="C69" s="542"/>
      <c r="D69" s="563" t="s">
        <v>560</v>
      </c>
      <c r="E69" s="564"/>
      <c r="F69" s="564"/>
      <c r="G69" s="564"/>
      <c r="H69" s="564"/>
      <c r="I69" s="564"/>
      <c r="J69" s="564"/>
      <c r="K69" s="564"/>
      <c r="L69" s="564"/>
      <c r="M69" s="564"/>
      <c r="N69" s="564"/>
      <c r="O69" s="564"/>
      <c r="P69" s="564"/>
      <c r="Q69" s="565"/>
      <c r="R69" s="221" t="s">
        <v>561</v>
      </c>
      <c r="S69" s="546" t="s">
        <v>107</v>
      </c>
      <c r="T69" s="548"/>
      <c r="U69" s="623" t="s">
        <v>102</v>
      </c>
      <c r="V69" s="624"/>
      <c r="W69" s="625"/>
      <c r="X69" s="210">
        <v>1</v>
      </c>
      <c r="Y69" s="210" t="s">
        <v>103</v>
      </c>
      <c r="Z69" s="700"/>
      <c r="AA69" s="700"/>
      <c r="AB69" s="592"/>
      <c r="AC69" s="592"/>
      <c r="AD69" s="592"/>
      <c r="AE69" s="265"/>
      <c r="AF69" s="38"/>
    </row>
    <row r="70" spans="1:32" s="26" customFormat="1" ht="13.4" customHeight="1">
      <c r="A70" s="20"/>
      <c r="B70" s="541">
        <v>51</v>
      </c>
      <c r="C70" s="542"/>
      <c r="D70" s="563" t="s">
        <v>2377</v>
      </c>
      <c r="E70" s="564"/>
      <c r="F70" s="564"/>
      <c r="G70" s="564"/>
      <c r="H70" s="564"/>
      <c r="I70" s="564"/>
      <c r="J70" s="564"/>
      <c r="K70" s="564"/>
      <c r="L70" s="564"/>
      <c r="M70" s="564"/>
      <c r="N70" s="564"/>
      <c r="O70" s="564"/>
      <c r="P70" s="564"/>
      <c r="Q70" s="565"/>
      <c r="R70" s="221" t="s">
        <v>2378</v>
      </c>
      <c r="S70" s="541" t="s">
        <v>1844</v>
      </c>
      <c r="T70" s="542"/>
      <c r="U70" s="747" t="s">
        <v>102</v>
      </c>
      <c r="V70" s="748"/>
      <c r="W70" s="749"/>
      <c r="X70" s="213">
        <v>20</v>
      </c>
      <c r="Y70" s="213" t="s">
        <v>103</v>
      </c>
      <c r="Z70" s="700"/>
      <c r="AA70" s="700"/>
      <c r="AB70" s="592"/>
      <c r="AC70" s="592"/>
      <c r="AD70" s="592"/>
      <c r="AE70" s="265"/>
      <c r="AF70" s="38"/>
    </row>
    <row r="71" spans="1:32" s="26" customFormat="1" ht="13.4" customHeight="1">
      <c r="A71" s="20"/>
      <c r="B71" s="541">
        <v>52</v>
      </c>
      <c r="C71" s="542"/>
      <c r="D71" s="563" t="s">
        <v>2407</v>
      </c>
      <c r="E71" s="564"/>
      <c r="F71" s="564"/>
      <c r="G71" s="564"/>
      <c r="H71" s="564"/>
      <c r="I71" s="564"/>
      <c r="J71" s="564"/>
      <c r="K71" s="564"/>
      <c r="L71" s="564"/>
      <c r="M71" s="564"/>
      <c r="N71" s="564"/>
      <c r="O71" s="564"/>
      <c r="P71" s="564"/>
      <c r="Q71" s="565"/>
      <c r="R71" s="221" t="s">
        <v>1371</v>
      </c>
      <c r="S71" s="546" t="s">
        <v>107</v>
      </c>
      <c r="T71" s="548"/>
      <c r="U71" s="623" t="s">
        <v>108</v>
      </c>
      <c r="V71" s="624"/>
      <c r="W71" s="625"/>
      <c r="X71" s="210">
        <v>8</v>
      </c>
      <c r="Y71" s="210">
        <v>0</v>
      </c>
      <c r="Z71" s="700"/>
      <c r="AA71" s="700"/>
      <c r="AB71" s="592"/>
      <c r="AC71" s="592"/>
      <c r="AD71" s="592"/>
      <c r="AE71" s="265"/>
      <c r="AF71" s="38"/>
    </row>
    <row r="72" spans="1:32" s="54" customFormat="1" ht="13.4" customHeight="1">
      <c r="A72" s="20"/>
      <c r="B72" s="541">
        <v>53</v>
      </c>
      <c r="C72" s="542"/>
      <c r="D72" s="563" t="s">
        <v>564</v>
      </c>
      <c r="E72" s="564"/>
      <c r="F72" s="564"/>
      <c r="G72" s="564"/>
      <c r="H72" s="564"/>
      <c r="I72" s="564"/>
      <c r="J72" s="564"/>
      <c r="K72" s="564"/>
      <c r="L72" s="564"/>
      <c r="M72" s="564"/>
      <c r="N72" s="564"/>
      <c r="O72" s="564"/>
      <c r="P72" s="564"/>
      <c r="Q72" s="565"/>
      <c r="R72" s="221" t="s">
        <v>565</v>
      </c>
      <c r="S72" s="546" t="s">
        <v>107</v>
      </c>
      <c r="T72" s="548"/>
      <c r="U72" s="623" t="s">
        <v>102</v>
      </c>
      <c r="V72" s="624"/>
      <c r="W72" s="625"/>
      <c r="X72" s="210">
        <v>1</v>
      </c>
      <c r="Y72" s="210" t="s">
        <v>103</v>
      </c>
      <c r="Z72" s="700"/>
      <c r="AA72" s="700"/>
      <c r="AB72" s="592"/>
      <c r="AC72" s="592"/>
      <c r="AD72" s="592"/>
      <c r="AE72" s="267"/>
      <c r="AF72" s="38"/>
    </row>
    <row r="73" spans="1:32" s="54" customFormat="1" ht="13.4" customHeight="1">
      <c r="A73" s="20"/>
      <c r="B73" s="541">
        <v>54</v>
      </c>
      <c r="C73" s="542"/>
      <c r="D73" s="563" t="s">
        <v>2379</v>
      </c>
      <c r="E73" s="564"/>
      <c r="F73" s="564"/>
      <c r="G73" s="564"/>
      <c r="H73" s="564"/>
      <c r="I73" s="564"/>
      <c r="J73" s="564"/>
      <c r="K73" s="564"/>
      <c r="L73" s="564"/>
      <c r="M73" s="564"/>
      <c r="N73" s="564"/>
      <c r="O73" s="564"/>
      <c r="P73" s="564"/>
      <c r="Q73" s="565"/>
      <c r="R73" s="221" t="s">
        <v>2380</v>
      </c>
      <c r="S73" s="541" t="s">
        <v>1844</v>
      </c>
      <c r="T73" s="542"/>
      <c r="U73" s="747" t="s">
        <v>102</v>
      </c>
      <c r="V73" s="748"/>
      <c r="W73" s="749"/>
      <c r="X73" s="213">
        <v>8</v>
      </c>
      <c r="Y73" s="213" t="s">
        <v>103</v>
      </c>
      <c r="Z73" s="700"/>
      <c r="AA73" s="700"/>
      <c r="AB73" s="592"/>
      <c r="AC73" s="592"/>
      <c r="AD73" s="592"/>
      <c r="AE73" s="267"/>
      <c r="AF73" s="38"/>
    </row>
    <row r="74" spans="1:32" s="55" customFormat="1" ht="13.4" customHeight="1">
      <c r="A74" s="394"/>
      <c r="B74" s="541">
        <v>55</v>
      </c>
      <c r="C74" s="542"/>
      <c r="D74" s="563" t="s">
        <v>566</v>
      </c>
      <c r="E74" s="564"/>
      <c r="F74" s="564"/>
      <c r="G74" s="564"/>
      <c r="H74" s="564"/>
      <c r="I74" s="564"/>
      <c r="J74" s="564"/>
      <c r="K74" s="564"/>
      <c r="L74" s="564"/>
      <c r="M74" s="564"/>
      <c r="N74" s="564"/>
      <c r="O74" s="564"/>
      <c r="P74" s="564"/>
      <c r="Q74" s="565"/>
      <c r="R74" s="221" t="s">
        <v>567</v>
      </c>
      <c r="S74" s="546" t="s">
        <v>107</v>
      </c>
      <c r="T74" s="548"/>
      <c r="U74" s="623" t="s">
        <v>108</v>
      </c>
      <c r="V74" s="624"/>
      <c r="W74" s="625"/>
      <c r="X74" s="210">
        <v>3</v>
      </c>
      <c r="Y74" s="210">
        <v>0</v>
      </c>
      <c r="Z74" s="700"/>
      <c r="AA74" s="700"/>
      <c r="AB74" s="592"/>
      <c r="AC74" s="592"/>
      <c r="AD74" s="592"/>
      <c r="AE74" s="265"/>
      <c r="AF74" s="39"/>
    </row>
    <row r="75" spans="1:32" s="55" customFormat="1" ht="13.4" customHeight="1">
      <c r="A75" s="394"/>
      <c r="B75" s="541">
        <v>56</v>
      </c>
      <c r="C75" s="542"/>
      <c r="D75" s="563" t="s">
        <v>568</v>
      </c>
      <c r="E75" s="564"/>
      <c r="F75" s="564"/>
      <c r="G75" s="564"/>
      <c r="H75" s="564"/>
      <c r="I75" s="564"/>
      <c r="J75" s="564"/>
      <c r="K75" s="564"/>
      <c r="L75" s="564"/>
      <c r="M75" s="564"/>
      <c r="N75" s="564"/>
      <c r="O75" s="564"/>
      <c r="P75" s="564"/>
      <c r="Q75" s="565"/>
      <c r="R75" s="221" t="s">
        <v>569</v>
      </c>
      <c r="S75" s="546" t="s">
        <v>107</v>
      </c>
      <c r="T75" s="548"/>
      <c r="U75" s="623" t="s">
        <v>108</v>
      </c>
      <c r="V75" s="624"/>
      <c r="W75" s="625"/>
      <c r="X75" s="210">
        <v>6</v>
      </c>
      <c r="Y75" s="210">
        <v>0</v>
      </c>
      <c r="Z75" s="700"/>
      <c r="AA75" s="700"/>
      <c r="AB75" s="592"/>
      <c r="AC75" s="592"/>
      <c r="AD75" s="592"/>
      <c r="AE75" s="265"/>
      <c r="AF75" s="39"/>
    </row>
    <row r="76" spans="1:32" s="26" customFormat="1">
      <c r="A76" s="20"/>
      <c r="B76" s="59"/>
      <c r="C76" s="59"/>
      <c r="D76" s="40"/>
      <c r="E76" s="40"/>
      <c r="F76" s="40"/>
      <c r="G76" s="40"/>
      <c r="H76" s="40"/>
      <c r="I76" s="40"/>
      <c r="J76" s="40"/>
      <c r="K76" s="40"/>
      <c r="L76" s="40"/>
      <c r="M76" s="40"/>
      <c r="N76" s="40"/>
      <c r="O76" s="40"/>
      <c r="P76" s="40"/>
      <c r="Q76" s="40"/>
      <c r="R76" s="246"/>
      <c r="S76" s="123"/>
      <c r="T76" s="123"/>
      <c r="U76" s="123"/>
      <c r="V76" s="123"/>
      <c r="W76" s="123"/>
      <c r="X76" s="120"/>
      <c r="Y76" s="120"/>
      <c r="Z76" s="120"/>
      <c r="AA76" s="120"/>
      <c r="AB76" s="41"/>
      <c r="AC76" s="41"/>
      <c r="AD76" s="41"/>
      <c r="AE76" s="114"/>
      <c r="AF76" s="38"/>
    </row>
    <row r="77" spans="1:32">
      <c r="A77" s="25"/>
      <c r="R77" s="247"/>
      <c r="AF77" s="29"/>
    </row>
    <row r="78" spans="1:32">
      <c r="A78" s="25"/>
      <c r="B78" s="27" t="s">
        <v>908</v>
      </c>
      <c r="R78" s="247"/>
      <c r="AF78" s="29"/>
    </row>
    <row r="79" spans="1:32">
      <c r="A79" s="25"/>
      <c r="R79" s="247"/>
      <c r="AF79" s="29"/>
    </row>
    <row r="80" spans="1:32">
      <c r="A80" s="25"/>
      <c r="R80" s="214"/>
      <c r="AF80" s="29"/>
    </row>
    <row r="81" spans="1:32">
      <c r="A81" s="25"/>
      <c r="R81" s="214"/>
      <c r="AF81" s="29"/>
    </row>
    <row r="82" spans="1:32">
      <c r="A82" s="25"/>
      <c r="R82" s="214"/>
      <c r="AF82" s="29"/>
    </row>
    <row r="83" spans="1:32">
      <c r="A83" s="25"/>
      <c r="R83" s="214"/>
      <c r="AF83" s="29"/>
    </row>
    <row r="84" spans="1:32">
      <c r="A84" s="25"/>
      <c r="R84" s="214"/>
      <c r="AF84" s="29"/>
    </row>
    <row r="85" spans="1:32">
      <c r="A85" s="25"/>
      <c r="R85" s="214"/>
      <c r="AF85" s="29"/>
    </row>
    <row r="86" spans="1:32">
      <c r="A86" s="25"/>
      <c r="AF86" s="29"/>
    </row>
    <row r="87" spans="1:32">
      <c r="A87" s="25"/>
      <c r="AF87" s="29"/>
    </row>
    <row r="88" spans="1:32">
      <c r="A88" s="21"/>
      <c r="B88" s="22"/>
      <c r="C88" s="22"/>
      <c r="D88" s="61"/>
      <c r="E88" s="61"/>
      <c r="F88" s="61"/>
      <c r="G88" s="61"/>
      <c r="H88" s="61"/>
      <c r="I88" s="61"/>
      <c r="J88" s="61"/>
      <c r="K88" s="61"/>
      <c r="L88" s="61"/>
      <c r="M88" s="61"/>
      <c r="N88" s="61"/>
      <c r="O88" s="61"/>
      <c r="P88" s="61"/>
      <c r="Q88" s="61"/>
      <c r="R88" s="245"/>
      <c r="S88" s="22"/>
      <c r="T88" s="22"/>
      <c r="U88" s="22"/>
      <c r="V88" s="22"/>
      <c r="W88" s="22"/>
      <c r="X88" s="22"/>
      <c r="Y88" s="22"/>
      <c r="Z88" s="22"/>
      <c r="AA88" s="22"/>
      <c r="AB88" s="22"/>
      <c r="AC88" s="22"/>
      <c r="AD88" s="22"/>
      <c r="AE88" s="245"/>
      <c r="AF88" s="62"/>
    </row>
    <row r="101" spans="1:7">
      <c r="A101" t="s">
        <v>909</v>
      </c>
      <c r="B101" t="s">
        <v>910</v>
      </c>
      <c r="C101" t="s">
        <v>911</v>
      </c>
      <c r="D101" t="s">
        <v>912</v>
      </c>
      <c r="E101" t="s">
        <v>913</v>
      </c>
      <c r="F101" t="s">
        <v>914</v>
      </c>
      <c r="G101" t="s">
        <v>98</v>
      </c>
    </row>
    <row r="102" spans="1:7">
      <c r="A102" t="s">
        <v>340</v>
      </c>
      <c r="B102" t="s">
        <v>915</v>
      </c>
      <c r="C102" s="3" t="s">
        <v>82</v>
      </c>
      <c r="D102" t="s">
        <v>916</v>
      </c>
      <c r="E102" t="s">
        <v>917</v>
      </c>
      <c r="F102" t="s">
        <v>918</v>
      </c>
      <c r="G102" t="s">
        <v>919</v>
      </c>
    </row>
    <row r="103" spans="1:7">
      <c r="A103" t="s">
        <v>920</v>
      </c>
      <c r="B103" t="s">
        <v>921</v>
      </c>
      <c r="C103" s="3" t="s">
        <v>922</v>
      </c>
      <c r="D103" t="s">
        <v>923</v>
      </c>
      <c r="E103" t="s">
        <v>924</v>
      </c>
      <c r="F103" t="s">
        <v>925</v>
      </c>
      <c r="G103" t="s">
        <v>926</v>
      </c>
    </row>
    <row r="104" spans="1:7">
      <c r="A104" t="s">
        <v>927</v>
      </c>
      <c r="B104"/>
      <c r="C104" s="3" t="s">
        <v>928</v>
      </c>
      <c r="D104"/>
      <c r="E104" t="s">
        <v>929</v>
      </c>
      <c r="F104" t="s">
        <v>930</v>
      </c>
      <c r="G104"/>
    </row>
    <row r="105" spans="1:7">
      <c r="A105"/>
      <c r="B105"/>
      <c r="C105" s="3" t="s">
        <v>931</v>
      </c>
      <c r="D105"/>
      <c r="E105" t="s">
        <v>932</v>
      </c>
      <c r="F105" t="s">
        <v>933</v>
      </c>
      <c r="G105"/>
    </row>
    <row r="106" spans="1:7">
      <c r="A106"/>
      <c r="B106"/>
      <c r="C106" s="3" t="s">
        <v>230</v>
      </c>
      <c r="D106"/>
      <c r="E106"/>
      <c r="F106" t="s">
        <v>934</v>
      </c>
      <c r="G106"/>
    </row>
    <row r="107" spans="1:7">
      <c r="A107"/>
      <c r="B107"/>
      <c r="C107" s="3" t="s">
        <v>177</v>
      </c>
      <c r="D107"/>
      <c r="E107"/>
      <c r="F107" t="s">
        <v>935</v>
      </c>
      <c r="G107"/>
    </row>
    <row r="108" spans="1:7">
      <c r="A108"/>
      <c r="B108"/>
      <c r="C108"/>
      <c r="D108"/>
      <c r="E108"/>
      <c r="F108" t="s">
        <v>936</v>
      </c>
      <c r="G108"/>
    </row>
    <row r="109" spans="1:7">
      <c r="A109"/>
      <c r="B109"/>
      <c r="C109"/>
      <c r="D109"/>
      <c r="E109"/>
      <c r="F109" t="s">
        <v>937</v>
      </c>
      <c r="G109"/>
    </row>
    <row r="110" spans="1:7">
      <c r="A110"/>
      <c r="B110"/>
      <c r="C110"/>
      <c r="D110"/>
      <c r="E110"/>
      <c r="F110" t="s">
        <v>938</v>
      </c>
      <c r="G110"/>
    </row>
    <row r="111" spans="1:7">
      <c r="A111"/>
      <c r="B111"/>
      <c r="C111"/>
      <c r="D111"/>
      <c r="E111"/>
      <c r="F111" t="s">
        <v>939</v>
      </c>
      <c r="G111"/>
    </row>
    <row r="112" spans="1:7">
      <c r="A112"/>
      <c r="B112"/>
      <c r="C112"/>
      <c r="D112"/>
      <c r="E112"/>
      <c r="F112" t="s">
        <v>940</v>
      </c>
      <c r="G112"/>
    </row>
    <row r="113" spans="1:7">
      <c r="A113"/>
      <c r="B113"/>
      <c r="C113"/>
      <c r="D113"/>
      <c r="E113"/>
      <c r="F113" t="s">
        <v>941</v>
      </c>
      <c r="G113"/>
    </row>
    <row r="114" spans="1:7">
      <c r="A114"/>
      <c r="B114"/>
      <c r="C114"/>
      <c r="D114"/>
      <c r="E114"/>
      <c r="F114" t="s">
        <v>942</v>
      </c>
      <c r="G114"/>
    </row>
    <row r="115" spans="1:7">
      <c r="A115"/>
      <c r="B115"/>
      <c r="C115"/>
      <c r="D115"/>
      <c r="E115"/>
      <c r="F115" t="s">
        <v>943</v>
      </c>
      <c r="G115"/>
    </row>
    <row r="116" spans="1:7">
      <c r="A116"/>
      <c r="B116"/>
      <c r="C116"/>
      <c r="D116"/>
      <c r="E116"/>
      <c r="F116" t="s">
        <v>944</v>
      </c>
      <c r="G116"/>
    </row>
    <row r="117" spans="1:7">
      <c r="A117"/>
      <c r="B117"/>
      <c r="C117"/>
      <c r="D117"/>
      <c r="E117"/>
      <c r="F117" t="s">
        <v>945</v>
      </c>
      <c r="G117"/>
    </row>
  </sheetData>
  <mergeCells count="354">
    <mergeCell ref="F4:M4"/>
    <mergeCell ref="F6:H6"/>
    <mergeCell ref="I6:O6"/>
    <mergeCell ref="P6:S6"/>
    <mergeCell ref="F8:L8"/>
    <mergeCell ref="F10:L10"/>
    <mergeCell ref="Q10:Y10"/>
    <mergeCell ref="AE18:AE19"/>
    <mergeCell ref="B20:C20"/>
    <mergeCell ref="D20:Q20"/>
    <mergeCell ref="S20:T20"/>
    <mergeCell ref="U20:W20"/>
    <mergeCell ref="Z20:AA20"/>
    <mergeCell ref="F12:S12"/>
    <mergeCell ref="F14:S14"/>
    <mergeCell ref="F16:S16"/>
    <mergeCell ref="B18:C19"/>
    <mergeCell ref="D18:Q19"/>
    <mergeCell ref="S18:T19"/>
    <mergeCell ref="AB20:AD20"/>
    <mergeCell ref="B21:C21"/>
    <mergeCell ref="D21:Q21"/>
    <mergeCell ref="S21:T21"/>
    <mergeCell ref="U21:W21"/>
    <mergeCell ref="Z21:AA21"/>
    <mergeCell ref="AB21:AD21"/>
    <mergeCell ref="U18:W19"/>
    <mergeCell ref="X18:Y19"/>
    <mergeCell ref="Z18:AA19"/>
    <mergeCell ref="AB18:AD19"/>
    <mergeCell ref="B23:C23"/>
    <mergeCell ref="D23:Q23"/>
    <mergeCell ref="S23:T23"/>
    <mergeCell ref="U23:W23"/>
    <mergeCell ref="Z23:AA23"/>
    <mergeCell ref="AB23:AD23"/>
    <mergeCell ref="B22:C22"/>
    <mergeCell ref="D22:Q22"/>
    <mergeCell ref="S22:T22"/>
    <mergeCell ref="U22:W22"/>
    <mergeCell ref="Z22:AA22"/>
    <mergeCell ref="AB22:AD22"/>
    <mergeCell ref="B25:C25"/>
    <mergeCell ref="D25:Q25"/>
    <mergeCell ref="S25:T25"/>
    <mergeCell ref="U25:W25"/>
    <mergeCell ref="Z25:AA25"/>
    <mergeCell ref="AB25:AD25"/>
    <mergeCell ref="B24:C24"/>
    <mergeCell ref="D24:Q24"/>
    <mergeCell ref="S24:T24"/>
    <mergeCell ref="U24:W24"/>
    <mergeCell ref="Z24:AA24"/>
    <mergeCell ref="AB24:AD24"/>
    <mergeCell ref="B27:C27"/>
    <mergeCell ref="D27:Q27"/>
    <mergeCell ref="S27:T27"/>
    <mergeCell ref="U27:W27"/>
    <mergeCell ref="Z27:AA27"/>
    <mergeCell ref="AB27:AD27"/>
    <mergeCell ref="B26:C26"/>
    <mergeCell ref="D26:Q26"/>
    <mergeCell ref="S26:T26"/>
    <mergeCell ref="U26:W26"/>
    <mergeCell ref="Z26:AA26"/>
    <mergeCell ref="AB26:AD26"/>
    <mergeCell ref="B29:C29"/>
    <mergeCell ref="D29:Q29"/>
    <mergeCell ref="S29:T29"/>
    <mergeCell ref="U29:W29"/>
    <mergeCell ref="Z29:AA29"/>
    <mergeCell ref="AB29:AD29"/>
    <mergeCell ref="B28:C28"/>
    <mergeCell ref="D28:Q28"/>
    <mergeCell ref="S28:T28"/>
    <mergeCell ref="U28:W28"/>
    <mergeCell ref="Z28:AA28"/>
    <mergeCell ref="AB28:AD28"/>
    <mergeCell ref="B31:C31"/>
    <mergeCell ref="D31:Q31"/>
    <mergeCell ref="S31:T31"/>
    <mergeCell ref="U31:W31"/>
    <mergeCell ref="Z31:AA31"/>
    <mergeCell ref="AB31:AD31"/>
    <mergeCell ref="B30:C30"/>
    <mergeCell ref="D30:Q30"/>
    <mergeCell ref="S30:T30"/>
    <mergeCell ref="U30:W30"/>
    <mergeCell ref="Z30:AA30"/>
    <mergeCell ref="AB30:AD30"/>
    <mergeCell ref="B33:C33"/>
    <mergeCell ref="D33:Q33"/>
    <mergeCell ref="S33:T33"/>
    <mergeCell ref="U33:W33"/>
    <mergeCell ref="Z33:AA33"/>
    <mergeCell ref="AB33:AD33"/>
    <mergeCell ref="B32:C32"/>
    <mergeCell ref="D32:Q32"/>
    <mergeCell ref="S32:T32"/>
    <mergeCell ref="U32:W32"/>
    <mergeCell ref="Z32:AA32"/>
    <mergeCell ref="AB32:AD32"/>
    <mergeCell ref="B35:C35"/>
    <mergeCell ref="D35:Q35"/>
    <mergeCell ref="S35:T35"/>
    <mergeCell ref="U35:W35"/>
    <mergeCell ref="Z35:AA35"/>
    <mergeCell ref="AB35:AD35"/>
    <mergeCell ref="B34:C34"/>
    <mergeCell ref="D34:Q34"/>
    <mergeCell ref="S34:T34"/>
    <mergeCell ref="U34:W34"/>
    <mergeCell ref="Z34:AA34"/>
    <mergeCell ref="AB34:AD34"/>
    <mergeCell ref="B37:C37"/>
    <mergeCell ref="D37:Q37"/>
    <mergeCell ref="S37:T37"/>
    <mergeCell ref="U37:W37"/>
    <mergeCell ref="Z37:AA37"/>
    <mergeCell ref="AB37:AD37"/>
    <mergeCell ref="B36:C36"/>
    <mergeCell ref="D36:Q36"/>
    <mergeCell ref="S36:T36"/>
    <mergeCell ref="U36:W36"/>
    <mergeCell ref="Z36:AA36"/>
    <mergeCell ref="AB36:AD36"/>
    <mergeCell ref="B39:C39"/>
    <mergeCell ref="D39:Q39"/>
    <mergeCell ref="S39:T39"/>
    <mergeCell ref="U39:W39"/>
    <mergeCell ref="Z39:AA39"/>
    <mergeCell ref="AB39:AD39"/>
    <mergeCell ref="B38:C38"/>
    <mergeCell ref="D38:Q38"/>
    <mergeCell ref="S38:T38"/>
    <mergeCell ref="U38:W38"/>
    <mergeCell ref="Z38:AA38"/>
    <mergeCell ref="AB38:AD38"/>
    <mergeCell ref="B41:C41"/>
    <mergeCell ref="D41:Q41"/>
    <mergeCell ref="S41:T41"/>
    <mergeCell ref="U41:W41"/>
    <mergeCell ref="Z41:AA41"/>
    <mergeCell ref="AB41:AD41"/>
    <mergeCell ref="B40:C40"/>
    <mergeCell ref="D40:Q40"/>
    <mergeCell ref="S40:T40"/>
    <mergeCell ref="U40:W40"/>
    <mergeCell ref="Z40:AA40"/>
    <mergeCell ref="AB40:AD40"/>
    <mergeCell ref="B43:C43"/>
    <mergeCell ref="D43:Q43"/>
    <mergeCell ref="S43:T43"/>
    <mergeCell ref="U43:W43"/>
    <mergeCell ref="Z43:AA43"/>
    <mergeCell ref="AB43:AD43"/>
    <mergeCell ref="B42:C42"/>
    <mergeCell ref="D42:Q42"/>
    <mergeCell ref="S42:T42"/>
    <mergeCell ref="U42:W42"/>
    <mergeCell ref="Z42:AA42"/>
    <mergeCell ref="AB42:AD42"/>
    <mergeCell ref="B45:C45"/>
    <mergeCell ref="D45:Q45"/>
    <mergeCell ref="S45:T45"/>
    <mergeCell ref="U45:W45"/>
    <mergeCell ref="Z45:AA45"/>
    <mergeCell ref="AB45:AD45"/>
    <mergeCell ref="B44:C44"/>
    <mergeCell ref="D44:Q44"/>
    <mergeCell ref="S44:T44"/>
    <mergeCell ref="U44:W44"/>
    <mergeCell ref="Z44:AA44"/>
    <mergeCell ref="AB44:AD44"/>
    <mergeCell ref="B47:C47"/>
    <mergeCell ref="D47:Q47"/>
    <mergeCell ref="S47:T47"/>
    <mergeCell ref="U47:W47"/>
    <mergeCell ref="Z47:AA47"/>
    <mergeCell ref="AB47:AD47"/>
    <mergeCell ref="B46:C46"/>
    <mergeCell ref="D46:Q46"/>
    <mergeCell ref="S46:T46"/>
    <mergeCell ref="U46:W46"/>
    <mergeCell ref="Z46:AA46"/>
    <mergeCell ref="AB46:AD46"/>
    <mergeCell ref="B49:C49"/>
    <mergeCell ref="D49:Q49"/>
    <mergeCell ref="S49:T49"/>
    <mergeCell ref="U49:W49"/>
    <mergeCell ref="Z49:AA49"/>
    <mergeCell ref="AB49:AD49"/>
    <mergeCell ref="B48:C48"/>
    <mergeCell ref="D48:Q48"/>
    <mergeCell ref="S48:T48"/>
    <mergeCell ref="U48:W48"/>
    <mergeCell ref="Z48:AA48"/>
    <mergeCell ref="AB48:AD48"/>
    <mergeCell ref="B51:C51"/>
    <mergeCell ref="D51:Q51"/>
    <mergeCell ref="S51:T51"/>
    <mergeCell ref="U51:W51"/>
    <mergeCell ref="Z51:AA51"/>
    <mergeCell ref="AB51:AD51"/>
    <mergeCell ref="B50:C50"/>
    <mergeCell ref="D50:Q50"/>
    <mergeCell ref="S50:T50"/>
    <mergeCell ref="U50:W50"/>
    <mergeCell ref="Z50:AA50"/>
    <mergeCell ref="AB50:AD50"/>
    <mergeCell ref="B53:C53"/>
    <mergeCell ref="D53:Q53"/>
    <mergeCell ref="S53:T53"/>
    <mergeCell ref="U53:W53"/>
    <mergeCell ref="Z53:AA53"/>
    <mergeCell ref="AB53:AD53"/>
    <mergeCell ref="B52:C52"/>
    <mergeCell ref="D52:Q52"/>
    <mergeCell ref="S52:T52"/>
    <mergeCell ref="U52:W52"/>
    <mergeCell ref="Z52:AA52"/>
    <mergeCell ref="AB52:AD52"/>
    <mergeCell ref="B55:C55"/>
    <mergeCell ref="D55:Q55"/>
    <mergeCell ref="S55:T55"/>
    <mergeCell ref="U55:W55"/>
    <mergeCell ref="Z55:AA55"/>
    <mergeCell ref="AB55:AD55"/>
    <mergeCell ref="B54:C54"/>
    <mergeCell ref="D54:Q54"/>
    <mergeCell ref="S54:T54"/>
    <mergeCell ref="U54:W54"/>
    <mergeCell ref="Z54:AA54"/>
    <mergeCell ref="AB54:AD54"/>
    <mergeCell ref="B57:C57"/>
    <mergeCell ref="D57:Q57"/>
    <mergeCell ref="S57:T57"/>
    <mergeCell ref="U57:W57"/>
    <mergeCell ref="Z57:AA57"/>
    <mergeCell ref="AB57:AD57"/>
    <mergeCell ref="B56:C56"/>
    <mergeCell ref="D56:Q56"/>
    <mergeCell ref="S56:T56"/>
    <mergeCell ref="U56:W56"/>
    <mergeCell ref="Z56:AA56"/>
    <mergeCell ref="AB56:AD56"/>
    <mergeCell ref="B59:C59"/>
    <mergeCell ref="D59:Q59"/>
    <mergeCell ref="S59:T59"/>
    <mergeCell ref="U59:W59"/>
    <mergeCell ref="Z59:AA59"/>
    <mergeCell ref="AB59:AD59"/>
    <mergeCell ref="B58:C58"/>
    <mergeCell ref="D58:Q58"/>
    <mergeCell ref="S58:T58"/>
    <mergeCell ref="U58:W58"/>
    <mergeCell ref="Z58:AA58"/>
    <mergeCell ref="AB58:AD58"/>
    <mergeCell ref="B61:C61"/>
    <mergeCell ref="D61:Q61"/>
    <mergeCell ref="S61:T61"/>
    <mergeCell ref="U61:W61"/>
    <mergeCell ref="Z61:AA61"/>
    <mergeCell ref="AB61:AD61"/>
    <mergeCell ref="B60:C60"/>
    <mergeCell ref="D60:Q60"/>
    <mergeCell ref="S60:T60"/>
    <mergeCell ref="U60:W60"/>
    <mergeCell ref="Z60:AA60"/>
    <mergeCell ref="AB60:AD60"/>
    <mergeCell ref="B63:C63"/>
    <mergeCell ref="D63:Q63"/>
    <mergeCell ref="S63:T63"/>
    <mergeCell ref="U63:W63"/>
    <mergeCell ref="Z63:AA63"/>
    <mergeCell ref="AB63:AD63"/>
    <mergeCell ref="B62:C62"/>
    <mergeCell ref="D62:Q62"/>
    <mergeCell ref="S62:T62"/>
    <mergeCell ref="U62:W62"/>
    <mergeCell ref="Z62:AA62"/>
    <mergeCell ref="AB62:AD62"/>
    <mergeCell ref="B65:C65"/>
    <mergeCell ref="D65:Q65"/>
    <mergeCell ref="S65:T65"/>
    <mergeCell ref="U65:W65"/>
    <mergeCell ref="Z65:AA65"/>
    <mergeCell ref="AB65:AD65"/>
    <mergeCell ref="B64:C64"/>
    <mergeCell ref="D64:Q64"/>
    <mergeCell ref="S64:T64"/>
    <mergeCell ref="U64:W64"/>
    <mergeCell ref="Z64:AA64"/>
    <mergeCell ref="AB64:AD64"/>
    <mergeCell ref="B67:C67"/>
    <mergeCell ref="D67:Q67"/>
    <mergeCell ref="S67:T67"/>
    <mergeCell ref="U67:W67"/>
    <mergeCell ref="Z67:AA67"/>
    <mergeCell ref="AB67:AD67"/>
    <mergeCell ref="B66:C66"/>
    <mergeCell ref="D66:Q66"/>
    <mergeCell ref="S66:T66"/>
    <mergeCell ref="U66:W66"/>
    <mergeCell ref="Z66:AA66"/>
    <mergeCell ref="AB66:AD66"/>
    <mergeCell ref="B69:C69"/>
    <mergeCell ref="D69:Q69"/>
    <mergeCell ref="S69:T69"/>
    <mergeCell ref="U69:W69"/>
    <mergeCell ref="Z69:AA69"/>
    <mergeCell ref="AB69:AD69"/>
    <mergeCell ref="B68:C68"/>
    <mergeCell ref="D68:Q68"/>
    <mergeCell ref="S68:T68"/>
    <mergeCell ref="U68:W68"/>
    <mergeCell ref="Z68:AA68"/>
    <mergeCell ref="AB68:AD68"/>
    <mergeCell ref="B71:C71"/>
    <mergeCell ref="D71:Q71"/>
    <mergeCell ref="S71:T71"/>
    <mergeCell ref="U71:W71"/>
    <mergeCell ref="Z71:AA71"/>
    <mergeCell ref="AB71:AD71"/>
    <mergeCell ref="B70:C70"/>
    <mergeCell ref="D70:Q70"/>
    <mergeCell ref="S70:T70"/>
    <mergeCell ref="U70:W70"/>
    <mergeCell ref="Z70:AA70"/>
    <mergeCell ref="AB70:AD70"/>
    <mergeCell ref="B73:C73"/>
    <mergeCell ref="D73:Q73"/>
    <mergeCell ref="S73:T73"/>
    <mergeCell ref="U73:W73"/>
    <mergeCell ref="Z73:AA73"/>
    <mergeCell ref="AB73:AD73"/>
    <mergeCell ref="B72:C72"/>
    <mergeCell ref="D72:Q72"/>
    <mergeCell ref="S72:T72"/>
    <mergeCell ref="U72:W72"/>
    <mergeCell ref="Z72:AA72"/>
    <mergeCell ref="AB72:AD72"/>
    <mergeCell ref="B75:C75"/>
    <mergeCell ref="D75:Q75"/>
    <mergeCell ref="S75:T75"/>
    <mergeCell ref="U75:W75"/>
    <mergeCell ref="Z75:AA75"/>
    <mergeCell ref="AB75:AD75"/>
    <mergeCell ref="B74:C74"/>
    <mergeCell ref="D74:Q74"/>
    <mergeCell ref="S74:T74"/>
    <mergeCell ref="U74:W74"/>
    <mergeCell ref="Z74:AA74"/>
    <mergeCell ref="AB74:AD74"/>
  </mergeCells>
  <phoneticPr fontId="24"/>
  <conditionalFormatting sqref="AE66">
    <cfRule type="expression" dxfId="11" priority="3">
      <formula>$AN66="□"</formula>
    </cfRule>
  </conditionalFormatting>
  <conditionalFormatting sqref="AE59">
    <cfRule type="expression" dxfId="10" priority="2">
      <formula>$AN59="□"</formula>
    </cfRule>
  </conditionalFormatting>
  <conditionalFormatting sqref="AE49">
    <cfRule type="expression" dxfId="9" priority="1">
      <formula>$AN49="□"</formula>
    </cfRule>
  </conditionalFormatting>
  <dataValidations count="8">
    <dataValidation type="list" allowBlank="1" showInputMessage="1" showErrorMessage="1" sqref="I6:O6" xr:uid="{2082CC0D-B1DF-4426-AECD-0A18BFB33DAA}">
      <formula1>"1,2,3,4,5,6,7,8,9,10,11,12,13,14,15,16,17,18,19,20,21,22,23,24"</formula1>
    </dataValidation>
    <dataValidation type="list" allowBlank="1" showInputMessage="1" showErrorMessage="1" sqref="F12:S12 F14:S14 F16:S16" xr:uid="{1548B4AF-D55A-43E0-BA6E-C2814CB5E191}">
      <formula1>$F$102:$F$117</formula1>
    </dataValidation>
    <dataValidation type="list" allowBlank="1" showInputMessage="1" showErrorMessage="1" sqref="F8:L8" xr:uid="{F753572A-37EB-441F-AF5C-DF50030422AC}">
      <formula1>$B$102:$B$103</formula1>
    </dataValidation>
    <dataValidation type="list" allowBlank="1" showInputMessage="1" showErrorMessage="1" sqref="F4:M4" xr:uid="{FD09D258-A367-4B33-B9C5-284F7D2B776A}">
      <formula1>$A$102:$A$104</formula1>
    </dataValidation>
    <dataValidation type="list" allowBlank="1" showInputMessage="1" showErrorMessage="1" sqref="Q10:Y10" xr:uid="{FA4ECF19-4131-4DE2-8A24-2D2E1B48A27A}">
      <formula1>$E$102:$E$105</formula1>
    </dataValidation>
    <dataValidation type="list" allowBlank="1" showInputMessage="1" showErrorMessage="1" sqref="AB20:AD75" xr:uid="{1462EA84-4405-43A9-BADB-EB359A00DB42}">
      <formula1>$C$102:$C$107</formula1>
    </dataValidation>
    <dataValidation type="list" allowBlank="1" showInputMessage="1" showErrorMessage="1" sqref="F10:L10" xr:uid="{75D4D258-9EA2-469E-86AE-275C02AC1316}">
      <formula1>"する,しない"</formula1>
    </dataValidation>
    <dataValidation type="list" allowBlank="1" showInputMessage="1" showErrorMessage="1" sqref="Z20:AA75" xr:uid="{EAEAD7B2-6662-4C01-BFCC-0D77A3BFFFFF}">
      <formula1>"○,×"</formula1>
    </dataValidation>
  </dataValidations>
  <pageMargins left="0.19685039370078741" right="0.19685039370078741" top="0.39370078740157483" bottom="0.39370078740157483" header="0.19685039370078741" footer="0.19685039370078741"/>
  <pageSetup paperSize="9" scale="84" fitToHeight="0" orientation="landscape" r:id="rId1"/>
  <headerFooter alignWithMargins="0">
    <oddFooter>&amp;C&amp;P</oddFooter>
  </headerFooter>
  <rowBreaks count="1" manualBreakCount="1">
    <brk id="47" max="27"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4EEBBF-D51F-432A-B6D2-8F56EB3B9DB6}">
  <sheetPr codeName="Sheet13">
    <pageSetUpPr fitToPage="1"/>
  </sheetPr>
  <dimension ref="A1:AE208"/>
  <sheetViews>
    <sheetView showGridLines="0" view="pageBreakPreview" zoomScaleNormal="100" zoomScaleSheetLayoutView="100" workbookViewId="0"/>
  </sheetViews>
  <sheetFormatPr defaultColWidth="9" defaultRowHeight="13"/>
  <cols>
    <col min="1" max="3" width="2.6328125" style="16" customWidth="1"/>
    <col min="4" max="4" width="3.6328125" style="49" customWidth="1"/>
    <col min="5" max="17" width="2.6328125" style="49" customWidth="1"/>
    <col min="18" max="18" width="6.90625" style="55" hidden="1" customWidth="1"/>
    <col min="19" max="19" width="2.90625" style="16" customWidth="1"/>
    <col min="20" max="20" width="2.6328125" style="16" customWidth="1"/>
    <col min="21" max="21" width="7.90625" style="16" bestFit="1" customWidth="1"/>
    <col min="22" max="22" width="3.90625" style="16" bestFit="1" customWidth="1"/>
    <col min="23" max="23" width="4.453125" style="16" customWidth="1"/>
    <col min="24" max="26" width="2.6328125" style="16" customWidth="1"/>
    <col min="27" max="27" width="5.90625" style="16" customWidth="1"/>
    <col min="28" max="28" width="2.6328125" style="16" customWidth="1"/>
    <col min="29" max="29" width="81.453125" style="55" bestFit="1" customWidth="1"/>
    <col min="30" max="30" width="5.36328125" style="16" customWidth="1"/>
    <col min="31" max="31" width="9" style="16"/>
    <col min="32" max="16384" width="9" style="3"/>
  </cols>
  <sheetData>
    <row r="1" spans="1:31" customFormat="1" ht="39" customHeight="1">
      <c r="A1" s="79"/>
      <c r="B1" s="80" t="s">
        <v>2408</v>
      </c>
      <c r="C1" s="80"/>
      <c r="D1" s="80"/>
      <c r="E1" s="80"/>
      <c r="F1" s="80"/>
      <c r="G1" s="80"/>
      <c r="H1" s="80"/>
      <c r="I1" s="80"/>
      <c r="J1" s="80"/>
      <c r="K1" s="80"/>
      <c r="L1" s="80"/>
      <c r="M1" s="80"/>
      <c r="N1" s="80"/>
      <c r="O1" s="80"/>
      <c r="P1" s="80"/>
      <c r="Q1" s="80"/>
      <c r="R1" s="217"/>
      <c r="S1" s="81"/>
      <c r="T1" s="80"/>
      <c r="U1" s="80"/>
      <c r="V1" s="80"/>
      <c r="W1" s="80"/>
      <c r="X1" s="323"/>
      <c r="Y1" s="323"/>
      <c r="Z1" s="323"/>
      <c r="AA1" s="323"/>
      <c r="AB1" s="323"/>
      <c r="AC1" s="355"/>
      <c r="AD1" s="356"/>
      <c r="AE1" s="71"/>
    </row>
    <row r="2" spans="1:31" s="1" customFormat="1" ht="24.75" customHeight="1">
      <c r="A2" s="83"/>
      <c r="B2" s="84"/>
      <c r="C2" s="85" t="s">
        <v>2409</v>
      </c>
      <c r="D2" s="85"/>
      <c r="E2" s="86"/>
      <c r="F2" s="86"/>
      <c r="G2" s="86"/>
      <c r="H2" s="86"/>
      <c r="I2" s="86"/>
      <c r="J2" s="86"/>
      <c r="K2" s="86"/>
      <c r="L2" s="86"/>
      <c r="M2" s="86"/>
      <c r="N2" s="86"/>
      <c r="O2" s="86"/>
      <c r="P2" s="86"/>
      <c r="Q2" s="86"/>
      <c r="R2" s="86"/>
      <c r="S2" s="86"/>
      <c r="T2" s="86"/>
      <c r="U2" s="86"/>
      <c r="V2" s="86"/>
      <c r="W2" s="86"/>
      <c r="X2" s="324"/>
      <c r="Y2" s="324"/>
      <c r="Z2" s="324"/>
      <c r="AA2" s="324"/>
      <c r="AB2" s="324"/>
      <c r="AC2" s="357"/>
      <c r="AD2" s="358"/>
      <c r="AE2" s="26"/>
    </row>
    <row r="3" spans="1:31" ht="6" customHeight="1">
      <c r="A3" s="42"/>
      <c r="B3" s="43"/>
      <c r="C3" s="43"/>
      <c r="D3" s="44"/>
      <c r="E3" s="44"/>
      <c r="F3" s="44"/>
      <c r="G3" s="44"/>
      <c r="H3" s="44"/>
      <c r="I3" s="44"/>
      <c r="J3" s="44"/>
      <c r="K3" s="44"/>
      <c r="L3" s="44"/>
      <c r="M3" s="44"/>
      <c r="N3" s="44"/>
      <c r="O3" s="44"/>
      <c r="P3" s="44"/>
      <c r="Q3" s="44"/>
      <c r="R3" s="243"/>
      <c r="S3" s="45"/>
      <c r="T3" s="45"/>
      <c r="U3" s="45"/>
      <c r="V3" s="45"/>
      <c r="W3" s="45"/>
      <c r="X3" s="45"/>
      <c r="Y3" s="45"/>
      <c r="Z3" s="45"/>
      <c r="AA3" s="45"/>
      <c r="AB3" s="43"/>
      <c r="AC3" s="273"/>
      <c r="AD3" s="29"/>
    </row>
    <row r="4" spans="1:31">
      <c r="A4" s="42"/>
      <c r="B4" s="7" t="s">
        <v>339</v>
      </c>
      <c r="C4" s="8"/>
      <c r="D4" s="9"/>
      <c r="E4" s="9"/>
      <c r="F4" s="612" t="s">
        <v>340</v>
      </c>
      <c r="G4" s="613"/>
      <c r="H4" s="613"/>
      <c r="I4" s="613"/>
      <c r="J4" s="613"/>
      <c r="K4" s="613"/>
      <c r="L4" s="613"/>
      <c r="M4" s="614"/>
      <c r="N4" s="110"/>
      <c r="O4" s="9"/>
      <c r="P4" s="9"/>
      <c r="Q4" s="9"/>
      <c r="R4" s="9"/>
      <c r="S4" s="9"/>
      <c r="T4" s="9"/>
      <c r="U4" s="9"/>
      <c r="V4" s="9"/>
      <c r="W4" s="9"/>
      <c r="X4" s="250"/>
      <c r="Y4" s="45"/>
      <c r="Z4" s="45"/>
      <c r="AA4" s="45"/>
      <c r="AB4" s="43"/>
      <c r="AC4" s="273"/>
      <c r="AD4" s="29"/>
    </row>
    <row r="5" spans="1:31" s="1" customFormat="1" ht="13.5" customHeight="1">
      <c r="A5" s="6"/>
      <c r="B5" s="8"/>
      <c r="C5" s="8"/>
      <c r="D5" s="9"/>
      <c r="E5" s="9"/>
      <c r="F5" s="9"/>
      <c r="G5" s="9"/>
      <c r="H5" s="9"/>
      <c r="I5" s="9"/>
      <c r="J5" s="9"/>
      <c r="K5" s="9"/>
      <c r="L5" s="9"/>
      <c r="M5" s="9"/>
      <c r="N5" s="9"/>
      <c r="O5" s="9"/>
      <c r="P5" s="9"/>
      <c r="Q5" s="9"/>
      <c r="R5" s="9"/>
      <c r="S5" s="9"/>
      <c r="T5" s="9"/>
      <c r="U5" s="9"/>
      <c r="V5" s="9"/>
      <c r="W5" s="9"/>
      <c r="X5" s="250"/>
      <c r="Y5" s="45"/>
      <c r="Z5" s="45"/>
      <c r="AA5" s="45"/>
      <c r="AB5" s="43"/>
      <c r="AC5" s="273"/>
      <c r="AD5" s="48"/>
      <c r="AE5" s="26"/>
    </row>
    <row r="6" spans="1:31" s="1" customFormat="1" ht="13.5" customHeight="1">
      <c r="A6" s="6"/>
      <c r="B6" s="91" t="s">
        <v>341</v>
      </c>
      <c r="C6" s="91"/>
      <c r="D6" s="91"/>
      <c r="E6" s="91"/>
      <c r="F6" s="615">
        <v>20</v>
      </c>
      <c r="G6" s="751"/>
      <c r="H6" s="604"/>
      <c r="I6" s="605"/>
      <c r="J6" s="706" t="s">
        <v>1793</v>
      </c>
      <c r="K6" s="703"/>
      <c r="L6" s="703"/>
      <c r="M6" s="91"/>
      <c r="N6" s="616" t="s">
        <v>344</v>
      </c>
      <c r="O6" s="616"/>
      <c r="P6" s="615">
        <v>20</v>
      </c>
      <c r="Q6" s="615"/>
      <c r="R6" s="377"/>
      <c r="S6" s="604"/>
      <c r="T6" s="605"/>
      <c r="U6" s="379" t="s">
        <v>1793</v>
      </c>
      <c r="V6" s="255" t="s">
        <v>2410</v>
      </c>
      <c r="X6" s="26"/>
      <c r="Y6" s="47"/>
      <c r="Z6" s="47"/>
      <c r="AA6" s="255"/>
      <c r="AB6" s="43"/>
      <c r="AC6" s="273"/>
      <c r="AD6" s="48"/>
      <c r="AE6" s="26"/>
    </row>
    <row r="7" spans="1:31">
      <c r="A7" s="5"/>
      <c r="B7" s="7"/>
      <c r="C7" s="7"/>
      <c r="D7" s="7"/>
      <c r="E7" s="7"/>
      <c r="F7" s="78"/>
      <c r="G7" s="78"/>
      <c r="H7" s="78"/>
      <c r="I7" s="110"/>
      <c r="J7" s="110"/>
      <c r="K7" s="7"/>
      <c r="L7" s="110"/>
      <c r="M7" s="110"/>
      <c r="N7" s="110"/>
      <c r="O7" s="7"/>
      <c r="P7" s="1"/>
      <c r="Q7" s="110"/>
      <c r="R7" s="110"/>
      <c r="S7" s="78"/>
      <c r="T7" s="78"/>
      <c r="U7" s="78"/>
      <c r="V7" s="110"/>
      <c r="W7" s="110"/>
      <c r="X7" s="47"/>
      <c r="Y7" s="45"/>
      <c r="Z7" s="45"/>
      <c r="AA7" s="45"/>
      <c r="AB7" s="43"/>
      <c r="AD7" s="29"/>
    </row>
    <row r="8" spans="1:31" ht="13.5" customHeight="1">
      <c r="A8" s="5"/>
      <c r="B8" s="7" t="s">
        <v>41</v>
      </c>
      <c r="C8" s="94"/>
      <c r="D8" s="94"/>
      <c r="E8" s="94"/>
      <c r="F8" s="609"/>
      <c r="G8" s="610"/>
      <c r="H8" s="610"/>
      <c r="I8" s="610"/>
      <c r="J8" s="610"/>
      <c r="K8" s="610"/>
      <c r="L8" s="611"/>
      <c r="M8" s="1"/>
      <c r="N8" s="7" t="s">
        <v>947</v>
      </c>
      <c r="O8" s="1"/>
      <c r="P8" s="1"/>
      <c r="Q8" s="609"/>
      <c r="R8" s="610"/>
      <c r="S8" s="610"/>
      <c r="T8" s="610"/>
      <c r="U8" s="610"/>
      <c r="V8" s="610"/>
      <c r="W8" s="611"/>
      <c r="X8" s="47"/>
      <c r="Y8" s="45"/>
      <c r="Z8" s="45"/>
      <c r="AA8" s="45"/>
      <c r="AB8" s="43"/>
      <c r="AD8" s="29"/>
    </row>
    <row r="9" spans="1:31" ht="14.25" customHeight="1">
      <c r="A9" s="25"/>
      <c r="B9" s="7"/>
      <c r="C9" s="94"/>
      <c r="D9" s="94"/>
      <c r="E9" s="94"/>
      <c r="F9" s="97"/>
      <c r="G9" s="97"/>
      <c r="H9" s="97"/>
      <c r="I9" s="97"/>
      <c r="J9" s="97"/>
      <c r="K9" s="97"/>
      <c r="L9" s="97"/>
      <c r="M9" s="1"/>
      <c r="N9" s="7"/>
      <c r="O9" s="1"/>
      <c r="P9" s="1"/>
      <c r="Q9" s="97"/>
      <c r="R9" s="97"/>
      <c r="S9" s="97"/>
      <c r="T9" s="97"/>
      <c r="U9" s="97"/>
      <c r="V9" s="97"/>
      <c r="W9" s="1"/>
      <c r="X9" s="47"/>
      <c r="Y9" s="45"/>
      <c r="Z9" s="45"/>
      <c r="AA9" s="45"/>
      <c r="AB9" s="43"/>
      <c r="AC9" s="55" t="s">
        <v>348</v>
      </c>
      <c r="AD9" s="370"/>
    </row>
    <row r="10" spans="1:31" ht="14">
      <c r="A10" s="25"/>
      <c r="B10" s="7" t="s">
        <v>349</v>
      </c>
      <c r="C10" s="1"/>
      <c r="D10" s="1"/>
      <c r="E10" s="1"/>
      <c r="F10" s="606"/>
      <c r="G10" s="607"/>
      <c r="H10" s="607"/>
      <c r="I10" s="607"/>
      <c r="J10" s="607"/>
      <c r="K10" s="607"/>
      <c r="L10" s="607"/>
      <c r="M10" s="607"/>
      <c r="N10" s="607"/>
      <c r="O10" s="607"/>
      <c r="P10" s="607"/>
      <c r="Q10" s="607"/>
      <c r="R10" s="607"/>
      <c r="S10" s="608"/>
      <c r="T10" s="1"/>
      <c r="U10" s="1"/>
      <c r="V10" s="97"/>
      <c r="W10" s="1"/>
      <c r="X10" s="47"/>
      <c r="Y10" s="45"/>
      <c r="Z10" s="45"/>
      <c r="AA10" s="45"/>
      <c r="AB10" s="43"/>
      <c r="AC10" s="55" t="s">
        <v>350</v>
      </c>
      <c r="AD10" s="370"/>
    </row>
    <row r="11" spans="1:31">
      <c r="A11" s="25"/>
      <c r="B11" s="7"/>
      <c r="C11" s="1"/>
      <c r="D11" s="1"/>
      <c r="E11" s="1"/>
      <c r="F11" s="1"/>
      <c r="G11" s="1"/>
      <c r="H11" s="1"/>
      <c r="I11" s="1"/>
      <c r="J11" s="1"/>
      <c r="K11" s="1"/>
      <c r="L11" s="1"/>
      <c r="M11" s="1"/>
      <c r="N11" s="1"/>
      <c r="O11" s="1"/>
      <c r="P11" s="1"/>
      <c r="Q11" s="1"/>
      <c r="R11" s="1"/>
      <c r="S11" s="1"/>
      <c r="T11" s="1"/>
      <c r="U11" s="1"/>
      <c r="V11" s="97"/>
      <c r="W11" s="1"/>
      <c r="X11" s="47"/>
      <c r="Y11" s="45"/>
      <c r="Z11" s="45"/>
      <c r="AA11" s="45"/>
      <c r="AB11" s="43"/>
      <c r="AC11" s="55" t="s">
        <v>351</v>
      </c>
      <c r="AD11" s="29"/>
    </row>
    <row r="12" spans="1:31" ht="13.5" customHeight="1">
      <c r="A12" s="25"/>
      <c r="B12" s="1"/>
      <c r="C12" s="1"/>
      <c r="D12" s="1"/>
      <c r="E12" s="1"/>
      <c r="F12" s="606"/>
      <c r="G12" s="607"/>
      <c r="H12" s="607"/>
      <c r="I12" s="607"/>
      <c r="J12" s="607"/>
      <c r="K12" s="607"/>
      <c r="L12" s="607"/>
      <c r="M12" s="607"/>
      <c r="N12" s="607"/>
      <c r="O12" s="607"/>
      <c r="P12" s="607"/>
      <c r="Q12" s="607"/>
      <c r="R12" s="607"/>
      <c r="S12" s="608"/>
      <c r="T12" s="1"/>
      <c r="U12" s="1"/>
      <c r="V12" s="97"/>
      <c r="W12" s="1"/>
      <c r="X12" s="47"/>
      <c r="Y12" s="45"/>
      <c r="Z12" s="45"/>
      <c r="AA12" s="45"/>
      <c r="AB12" s="43"/>
      <c r="AC12" s="55" t="s">
        <v>352</v>
      </c>
      <c r="AD12" s="29"/>
    </row>
    <row r="13" spans="1:31" s="1" customFormat="1" ht="15" customHeight="1">
      <c r="A13" s="20"/>
      <c r="B13" s="7"/>
      <c r="C13" s="94"/>
      <c r="D13" s="94"/>
      <c r="E13" s="94"/>
      <c r="F13" s="97"/>
      <c r="G13" s="97"/>
      <c r="H13" s="97"/>
      <c r="I13" s="97"/>
      <c r="J13" s="97"/>
      <c r="K13" s="97"/>
      <c r="L13" s="97"/>
      <c r="N13" s="7"/>
      <c r="Q13" s="97"/>
      <c r="R13" s="97"/>
      <c r="S13" s="97"/>
      <c r="T13" s="97"/>
      <c r="U13" s="97"/>
      <c r="V13" s="97"/>
      <c r="X13" s="47"/>
      <c r="Y13" s="45"/>
      <c r="Z13" s="45"/>
      <c r="AA13" s="45"/>
      <c r="AB13" s="43"/>
      <c r="AC13" s="26"/>
      <c r="AD13" s="48"/>
      <c r="AE13" s="26"/>
    </row>
    <row r="14" spans="1:31" s="1" customFormat="1" ht="15" customHeight="1">
      <c r="A14" s="20"/>
      <c r="B14" s="7"/>
      <c r="C14" s="94"/>
      <c r="D14" s="94"/>
      <c r="E14" s="94"/>
      <c r="F14" s="606"/>
      <c r="G14" s="607"/>
      <c r="H14" s="607"/>
      <c r="I14" s="607"/>
      <c r="J14" s="607"/>
      <c r="K14" s="607"/>
      <c r="L14" s="607"/>
      <c r="M14" s="607"/>
      <c r="N14" s="607"/>
      <c r="O14" s="607"/>
      <c r="P14" s="607"/>
      <c r="Q14" s="607"/>
      <c r="R14" s="607"/>
      <c r="S14" s="608"/>
      <c r="T14" s="97"/>
      <c r="U14" s="97"/>
      <c r="V14" s="97"/>
      <c r="X14" s="47"/>
      <c r="Y14" s="45"/>
      <c r="Z14" s="45"/>
      <c r="AA14" s="45"/>
      <c r="AB14" s="43"/>
      <c r="AC14" s="55"/>
      <c r="AD14" s="48"/>
      <c r="AE14" s="26"/>
    </row>
    <row r="15" spans="1:31" s="1" customFormat="1">
      <c r="A15" s="20"/>
      <c r="B15" s="43"/>
      <c r="C15" s="43"/>
      <c r="D15" s="44"/>
      <c r="E15" s="44"/>
      <c r="F15" s="44"/>
      <c r="G15" s="44"/>
      <c r="H15" s="44"/>
      <c r="I15" s="44"/>
      <c r="J15" s="44"/>
      <c r="K15" s="44"/>
      <c r="L15" s="44"/>
      <c r="M15" s="44"/>
      <c r="N15" s="44"/>
      <c r="O15" s="44"/>
      <c r="P15" s="44"/>
      <c r="Q15" s="44"/>
      <c r="R15" s="243"/>
      <c r="S15" s="45"/>
      <c r="T15" s="45"/>
      <c r="U15" s="45"/>
      <c r="V15" s="45"/>
      <c r="W15" s="45"/>
      <c r="X15" s="45"/>
      <c r="Y15" s="45"/>
      <c r="Z15" s="45"/>
      <c r="AA15" s="45"/>
      <c r="AB15" s="43"/>
      <c r="AC15" s="26" t="s">
        <v>375</v>
      </c>
      <c r="AD15" s="48"/>
      <c r="AE15" s="26"/>
    </row>
    <row r="16" spans="1:31" s="1" customFormat="1" ht="10.5" customHeight="1">
      <c r="A16" s="20"/>
      <c r="B16" s="43"/>
      <c r="C16" s="43"/>
      <c r="D16" s="44"/>
      <c r="E16" s="44"/>
      <c r="F16" s="44"/>
      <c r="G16" s="44"/>
      <c r="H16" s="44"/>
      <c r="I16" s="44"/>
      <c r="J16" s="44"/>
      <c r="K16" s="44"/>
      <c r="L16" s="44"/>
      <c r="M16" s="44"/>
      <c r="N16" s="44"/>
      <c r="O16" s="44"/>
      <c r="P16" s="44"/>
      <c r="Q16" s="44"/>
      <c r="R16" s="243"/>
      <c r="S16" s="45"/>
      <c r="T16" s="45"/>
      <c r="U16" s="45"/>
      <c r="V16" s="45"/>
      <c r="W16" s="45"/>
      <c r="X16" s="45"/>
      <c r="Y16" s="45"/>
      <c r="Z16" s="45"/>
      <c r="AA16" s="45"/>
      <c r="AB16" s="43"/>
      <c r="AC16" s="55"/>
      <c r="AD16" s="48"/>
      <c r="AE16" s="26"/>
    </row>
    <row r="17" spans="1:31" ht="21" customHeight="1">
      <c r="A17" s="51"/>
      <c r="B17" s="583" t="s">
        <v>73</v>
      </c>
      <c r="C17" s="573"/>
      <c r="D17" s="572" t="s">
        <v>94</v>
      </c>
      <c r="E17" s="572"/>
      <c r="F17" s="572"/>
      <c r="G17" s="572"/>
      <c r="H17" s="572"/>
      <c r="I17" s="572"/>
      <c r="J17" s="572"/>
      <c r="K17" s="572"/>
      <c r="L17" s="572"/>
      <c r="M17" s="572"/>
      <c r="N17" s="572"/>
      <c r="O17" s="572"/>
      <c r="P17" s="572"/>
      <c r="Q17" s="572"/>
      <c r="R17" s="226" t="s">
        <v>383</v>
      </c>
      <c r="S17" s="572" t="s">
        <v>138</v>
      </c>
      <c r="T17" s="572"/>
      <c r="U17" s="581" t="s">
        <v>959</v>
      </c>
      <c r="V17" s="572" t="s">
        <v>97</v>
      </c>
      <c r="W17" s="572"/>
      <c r="X17" s="572" t="s">
        <v>98</v>
      </c>
      <c r="Y17" s="572"/>
      <c r="Z17" s="583" t="s">
        <v>75</v>
      </c>
      <c r="AA17" s="583"/>
      <c r="AB17" s="583"/>
      <c r="AC17" s="581" t="s">
        <v>159</v>
      </c>
      <c r="AD17" s="37"/>
    </row>
    <row r="18" spans="1:31" ht="12.75" customHeight="1">
      <c r="A18" s="51"/>
      <c r="B18" s="573"/>
      <c r="C18" s="573"/>
      <c r="D18" s="572"/>
      <c r="E18" s="572"/>
      <c r="F18" s="572"/>
      <c r="G18" s="572"/>
      <c r="H18" s="572"/>
      <c r="I18" s="572"/>
      <c r="J18" s="572"/>
      <c r="K18" s="572"/>
      <c r="L18" s="572"/>
      <c r="M18" s="572"/>
      <c r="N18" s="572"/>
      <c r="O18" s="572"/>
      <c r="P18" s="572"/>
      <c r="Q18" s="572"/>
      <c r="R18" s="227"/>
      <c r="S18" s="572"/>
      <c r="T18" s="572"/>
      <c r="U18" s="582"/>
      <c r="V18" s="572"/>
      <c r="W18" s="572"/>
      <c r="X18" s="572"/>
      <c r="Y18" s="572"/>
      <c r="Z18" s="583"/>
      <c r="AA18" s="583"/>
      <c r="AB18" s="583"/>
      <c r="AC18" s="582"/>
      <c r="AD18" s="37"/>
    </row>
    <row r="19" spans="1:31" s="1" customFormat="1" ht="13.4" customHeight="1">
      <c r="A19" s="20"/>
      <c r="B19" s="541">
        <v>1</v>
      </c>
      <c r="C19" s="542"/>
      <c r="D19" s="563" t="s">
        <v>2411</v>
      </c>
      <c r="E19" s="564"/>
      <c r="F19" s="564"/>
      <c r="G19" s="564"/>
      <c r="H19" s="564"/>
      <c r="I19" s="564"/>
      <c r="J19" s="564"/>
      <c r="K19" s="564"/>
      <c r="L19" s="564"/>
      <c r="M19" s="564"/>
      <c r="N19" s="564"/>
      <c r="O19" s="564"/>
      <c r="P19" s="564"/>
      <c r="Q19" s="565"/>
      <c r="R19" s="219" t="s">
        <v>441</v>
      </c>
      <c r="S19" s="546" t="s">
        <v>1847</v>
      </c>
      <c r="T19" s="548"/>
      <c r="U19" s="408" t="s">
        <v>102</v>
      </c>
      <c r="V19" s="210">
        <v>46</v>
      </c>
      <c r="W19" s="210" t="s">
        <v>103</v>
      </c>
      <c r="X19" s="700"/>
      <c r="Y19" s="700"/>
      <c r="Z19" s="592"/>
      <c r="AA19" s="592"/>
      <c r="AB19" s="592"/>
      <c r="AC19" s="265"/>
      <c r="AD19" s="38"/>
      <c r="AE19" s="26"/>
    </row>
    <row r="20" spans="1:31" s="1" customFormat="1" ht="13.4" customHeight="1">
      <c r="A20" s="20"/>
      <c r="B20" s="541">
        <v>2</v>
      </c>
      <c r="C20" s="542"/>
      <c r="D20" s="563" t="s">
        <v>1805</v>
      </c>
      <c r="E20" s="564"/>
      <c r="F20" s="564"/>
      <c r="G20" s="564"/>
      <c r="H20" s="564"/>
      <c r="I20" s="564"/>
      <c r="J20" s="564"/>
      <c r="K20" s="564"/>
      <c r="L20" s="564"/>
      <c r="M20" s="564"/>
      <c r="N20" s="564"/>
      <c r="O20" s="564"/>
      <c r="P20" s="564"/>
      <c r="Q20" s="565"/>
      <c r="R20" s="221" t="s">
        <v>1806</v>
      </c>
      <c r="S20" s="546" t="s">
        <v>107</v>
      </c>
      <c r="T20" s="548"/>
      <c r="U20" s="408" t="s">
        <v>102</v>
      </c>
      <c r="V20" s="210">
        <v>3</v>
      </c>
      <c r="W20" s="210" t="s">
        <v>103</v>
      </c>
      <c r="X20" s="700"/>
      <c r="Y20" s="700"/>
      <c r="Z20" s="592"/>
      <c r="AA20" s="592"/>
      <c r="AB20" s="592"/>
      <c r="AC20" s="265"/>
      <c r="AD20" s="38"/>
      <c r="AE20" s="26"/>
    </row>
    <row r="21" spans="1:31" s="13" customFormat="1" ht="13.4" customHeight="1">
      <c r="A21" s="20"/>
      <c r="B21" s="541">
        <v>3</v>
      </c>
      <c r="C21" s="542"/>
      <c r="D21" s="563" t="s">
        <v>1366</v>
      </c>
      <c r="E21" s="564"/>
      <c r="F21" s="564"/>
      <c r="G21" s="564"/>
      <c r="H21" s="564"/>
      <c r="I21" s="564"/>
      <c r="J21" s="564"/>
      <c r="K21" s="564"/>
      <c r="L21" s="564"/>
      <c r="M21" s="564"/>
      <c r="N21" s="564"/>
      <c r="O21" s="564"/>
      <c r="P21" s="564"/>
      <c r="Q21" s="565"/>
      <c r="R21" s="221" t="s">
        <v>516</v>
      </c>
      <c r="S21" s="546" t="s">
        <v>107</v>
      </c>
      <c r="T21" s="548"/>
      <c r="U21" s="408" t="s">
        <v>102</v>
      </c>
      <c r="V21" s="210">
        <v>6</v>
      </c>
      <c r="W21" s="210" t="s">
        <v>103</v>
      </c>
      <c r="X21" s="700"/>
      <c r="Y21" s="700"/>
      <c r="Z21" s="592"/>
      <c r="AA21" s="592"/>
      <c r="AB21" s="592"/>
      <c r="AC21" s="267"/>
      <c r="AD21" s="38"/>
      <c r="AE21" s="54"/>
    </row>
    <row r="22" spans="1:31" s="13" customFormat="1" ht="13.4" customHeight="1">
      <c r="A22" s="20"/>
      <c r="B22" s="552">
        <v>4</v>
      </c>
      <c r="C22" s="553"/>
      <c r="D22" s="566" t="s">
        <v>1804</v>
      </c>
      <c r="E22" s="567"/>
      <c r="F22" s="567"/>
      <c r="G22" s="567"/>
      <c r="H22" s="567"/>
      <c r="I22" s="567"/>
      <c r="J22" s="567"/>
      <c r="K22" s="567"/>
      <c r="L22" s="567"/>
      <c r="M22" s="567"/>
      <c r="N22" s="567"/>
      <c r="O22" s="567"/>
      <c r="P22" s="567"/>
      <c r="Q22" s="568"/>
      <c r="R22" s="230" t="s">
        <v>444</v>
      </c>
      <c r="S22" s="557" t="s">
        <v>107</v>
      </c>
      <c r="T22" s="559"/>
      <c r="U22" s="409" t="s">
        <v>108</v>
      </c>
      <c r="V22" s="275">
        <v>1</v>
      </c>
      <c r="W22" s="275">
        <v>0</v>
      </c>
      <c r="X22" s="750" t="s">
        <v>109</v>
      </c>
      <c r="Y22" s="750"/>
      <c r="Z22" s="593"/>
      <c r="AA22" s="593"/>
      <c r="AB22" s="593"/>
      <c r="AC22" s="321" t="s">
        <v>391</v>
      </c>
      <c r="AD22" s="38"/>
      <c r="AE22" s="54"/>
    </row>
    <row r="23" spans="1:31" s="26" customFormat="1">
      <c r="A23" s="20"/>
      <c r="B23" s="541">
        <v>5</v>
      </c>
      <c r="C23" s="542"/>
      <c r="D23" s="543" t="s">
        <v>112</v>
      </c>
      <c r="E23" s="544"/>
      <c r="F23" s="544"/>
      <c r="G23" s="544"/>
      <c r="H23" s="544"/>
      <c r="I23" s="544"/>
      <c r="J23" s="544"/>
      <c r="K23" s="544"/>
      <c r="L23" s="544"/>
      <c r="M23" s="544"/>
      <c r="N23" s="544"/>
      <c r="O23" s="544"/>
      <c r="P23" s="544"/>
      <c r="Q23" s="545"/>
      <c r="R23" s="244" t="s">
        <v>448</v>
      </c>
      <c r="S23" s="546" t="s">
        <v>1847</v>
      </c>
      <c r="T23" s="548"/>
      <c r="U23" s="408" t="s">
        <v>102</v>
      </c>
      <c r="V23" s="210">
        <v>64</v>
      </c>
      <c r="W23" s="210" t="s">
        <v>103</v>
      </c>
      <c r="X23" s="700"/>
      <c r="Y23" s="700"/>
      <c r="Z23" s="592"/>
      <c r="AA23" s="592"/>
      <c r="AB23" s="592"/>
      <c r="AC23" s="265"/>
      <c r="AD23" s="48"/>
    </row>
    <row r="24" spans="1:31" s="26" customFormat="1">
      <c r="A24" s="20"/>
      <c r="B24" s="541">
        <v>6</v>
      </c>
      <c r="C24" s="542"/>
      <c r="D24" s="543" t="s">
        <v>113</v>
      </c>
      <c r="E24" s="544"/>
      <c r="F24" s="544"/>
      <c r="G24" s="544"/>
      <c r="H24" s="544"/>
      <c r="I24" s="544"/>
      <c r="J24" s="544"/>
      <c r="K24" s="544"/>
      <c r="L24" s="544"/>
      <c r="M24" s="544"/>
      <c r="N24" s="544"/>
      <c r="O24" s="544"/>
      <c r="P24" s="544"/>
      <c r="Q24" s="545"/>
      <c r="R24" s="244" t="s">
        <v>449</v>
      </c>
      <c r="S24" s="546" t="s">
        <v>101</v>
      </c>
      <c r="T24" s="548"/>
      <c r="U24" s="408" t="s">
        <v>102</v>
      </c>
      <c r="V24" s="210">
        <v>64</v>
      </c>
      <c r="W24" s="210" t="s">
        <v>103</v>
      </c>
      <c r="X24" s="700"/>
      <c r="Y24" s="700"/>
      <c r="Z24" s="592"/>
      <c r="AA24" s="592"/>
      <c r="AB24" s="592"/>
      <c r="AC24" s="265"/>
      <c r="AD24" s="48"/>
    </row>
    <row r="25" spans="1:31" s="54" customFormat="1">
      <c r="A25" s="20"/>
      <c r="B25" s="541">
        <v>7</v>
      </c>
      <c r="C25" s="542"/>
      <c r="D25" s="543" t="s">
        <v>114</v>
      </c>
      <c r="E25" s="544"/>
      <c r="F25" s="544"/>
      <c r="G25" s="544"/>
      <c r="H25" s="544"/>
      <c r="I25" s="544"/>
      <c r="J25" s="544"/>
      <c r="K25" s="544"/>
      <c r="L25" s="544"/>
      <c r="M25" s="544"/>
      <c r="N25" s="544"/>
      <c r="O25" s="544"/>
      <c r="P25" s="544"/>
      <c r="Q25" s="545"/>
      <c r="R25" s="244" t="s">
        <v>450</v>
      </c>
      <c r="S25" s="546" t="s">
        <v>1847</v>
      </c>
      <c r="T25" s="548"/>
      <c r="U25" s="408" t="s">
        <v>102</v>
      </c>
      <c r="V25" s="210">
        <v>64</v>
      </c>
      <c r="W25" s="210" t="s">
        <v>103</v>
      </c>
      <c r="X25" s="700"/>
      <c r="Y25" s="700"/>
      <c r="Z25" s="592"/>
      <c r="AA25" s="592"/>
      <c r="AB25" s="592"/>
      <c r="AC25" s="267"/>
      <c r="AD25" s="38"/>
    </row>
    <row r="26" spans="1:31" s="34" customFormat="1" ht="13.4" customHeight="1">
      <c r="A26" s="394"/>
      <c r="B26" s="676">
        <v>8</v>
      </c>
      <c r="C26" s="677"/>
      <c r="D26" s="694" t="s">
        <v>2280</v>
      </c>
      <c r="E26" s="695"/>
      <c r="F26" s="695"/>
      <c r="G26" s="695"/>
      <c r="H26" s="695"/>
      <c r="I26" s="695"/>
      <c r="J26" s="695"/>
      <c r="K26" s="695"/>
      <c r="L26" s="695"/>
      <c r="M26" s="695"/>
      <c r="N26" s="695"/>
      <c r="O26" s="695"/>
      <c r="P26" s="695"/>
      <c r="Q26" s="696"/>
      <c r="R26" s="259" t="s">
        <v>447</v>
      </c>
      <c r="S26" s="681" t="s">
        <v>107</v>
      </c>
      <c r="T26" s="683"/>
      <c r="U26" s="416" t="s">
        <v>108</v>
      </c>
      <c r="V26" s="269">
        <v>3</v>
      </c>
      <c r="W26" s="269">
        <v>0</v>
      </c>
      <c r="X26" s="730" t="s">
        <v>109</v>
      </c>
      <c r="Y26" s="730"/>
      <c r="Z26" s="717"/>
      <c r="AA26" s="717"/>
      <c r="AB26" s="717"/>
      <c r="AC26" s="321" t="s">
        <v>391</v>
      </c>
      <c r="AD26" s="39"/>
      <c r="AE26" s="55"/>
    </row>
    <row r="27" spans="1:31" s="34" customFormat="1">
      <c r="A27" s="394"/>
      <c r="B27" s="541">
        <v>9</v>
      </c>
      <c r="C27" s="542"/>
      <c r="D27" s="543" t="s">
        <v>2281</v>
      </c>
      <c r="E27" s="544"/>
      <c r="F27" s="544"/>
      <c r="G27" s="544"/>
      <c r="H27" s="544"/>
      <c r="I27" s="544"/>
      <c r="J27" s="544"/>
      <c r="K27" s="544"/>
      <c r="L27" s="544"/>
      <c r="M27" s="544"/>
      <c r="N27" s="544"/>
      <c r="O27" s="544"/>
      <c r="P27" s="544"/>
      <c r="Q27" s="545"/>
      <c r="R27" s="222" t="s">
        <v>518</v>
      </c>
      <c r="S27" s="546" t="s">
        <v>101</v>
      </c>
      <c r="T27" s="548"/>
      <c r="U27" s="408" t="s">
        <v>102</v>
      </c>
      <c r="V27" s="210">
        <v>3</v>
      </c>
      <c r="W27" s="210" t="s">
        <v>103</v>
      </c>
      <c r="X27" s="700"/>
      <c r="Y27" s="700"/>
      <c r="Z27" s="592"/>
      <c r="AA27" s="592"/>
      <c r="AB27" s="592"/>
      <c r="AC27" s="265"/>
      <c r="AD27" s="39"/>
      <c r="AE27" s="55"/>
    </row>
    <row r="28" spans="1:31" s="34" customFormat="1" ht="13.4" customHeight="1">
      <c r="A28" s="394"/>
      <c r="B28" s="541">
        <v>10</v>
      </c>
      <c r="C28" s="542"/>
      <c r="D28" s="563" t="s">
        <v>2282</v>
      </c>
      <c r="E28" s="564"/>
      <c r="F28" s="564"/>
      <c r="G28" s="564"/>
      <c r="H28" s="564"/>
      <c r="I28" s="564"/>
      <c r="J28" s="564"/>
      <c r="K28" s="564"/>
      <c r="L28" s="564"/>
      <c r="M28" s="564"/>
      <c r="N28" s="564"/>
      <c r="O28" s="564"/>
      <c r="P28" s="564"/>
      <c r="Q28" s="565"/>
      <c r="R28" s="221" t="s">
        <v>2283</v>
      </c>
      <c r="S28" s="546" t="s">
        <v>1844</v>
      </c>
      <c r="T28" s="548"/>
      <c r="U28" s="408" t="s">
        <v>102</v>
      </c>
      <c r="V28" s="210">
        <v>10</v>
      </c>
      <c r="W28" s="210" t="s">
        <v>103</v>
      </c>
      <c r="X28" s="700"/>
      <c r="Y28" s="700"/>
      <c r="Z28" s="592"/>
      <c r="AA28" s="592"/>
      <c r="AB28" s="592"/>
      <c r="AC28" s="265"/>
      <c r="AD28" s="39"/>
      <c r="AE28" s="55"/>
    </row>
    <row r="29" spans="1:31" s="1" customFormat="1">
      <c r="A29" s="20"/>
      <c r="B29" s="541">
        <v>11</v>
      </c>
      <c r="C29" s="542"/>
      <c r="D29" s="543" t="s">
        <v>2284</v>
      </c>
      <c r="E29" s="544"/>
      <c r="F29" s="544"/>
      <c r="G29" s="544"/>
      <c r="H29" s="544"/>
      <c r="I29" s="544"/>
      <c r="J29" s="544"/>
      <c r="K29" s="544"/>
      <c r="L29" s="544"/>
      <c r="M29" s="544"/>
      <c r="N29" s="544"/>
      <c r="O29" s="544"/>
      <c r="P29" s="544"/>
      <c r="Q29" s="545"/>
      <c r="R29" s="222" t="s">
        <v>520</v>
      </c>
      <c r="S29" s="546" t="s">
        <v>101</v>
      </c>
      <c r="T29" s="548"/>
      <c r="U29" s="408" t="s">
        <v>102</v>
      </c>
      <c r="V29" s="210">
        <v>3</v>
      </c>
      <c r="W29" s="210" t="s">
        <v>103</v>
      </c>
      <c r="X29" s="700"/>
      <c r="Y29" s="700"/>
      <c r="Z29" s="592"/>
      <c r="AA29" s="592"/>
      <c r="AB29" s="592"/>
      <c r="AC29" s="265"/>
      <c r="AD29" s="38"/>
      <c r="AE29" s="26"/>
    </row>
    <row r="30" spans="1:31" s="1" customFormat="1" ht="13.4" customHeight="1">
      <c r="A30" s="20"/>
      <c r="B30" s="541">
        <v>12</v>
      </c>
      <c r="C30" s="542"/>
      <c r="D30" s="563" t="s">
        <v>2285</v>
      </c>
      <c r="E30" s="564"/>
      <c r="F30" s="564"/>
      <c r="G30" s="564"/>
      <c r="H30" s="564"/>
      <c r="I30" s="564"/>
      <c r="J30" s="564"/>
      <c r="K30" s="564"/>
      <c r="L30" s="564"/>
      <c r="M30" s="564"/>
      <c r="N30" s="564"/>
      <c r="O30" s="564"/>
      <c r="P30" s="564"/>
      <c r="Q30" s="565"/>
      <c r="R30" s="221" t="s">
        <v>2286</v>
      </c>
      <c r="S30" s="546" t="s">
        <v>1844</v>
      </c>
      <c r="T30" s="548"/>
      <c r="U30" s="408" t="s">
        <v>102</v>
      </c>
      <c r="V30" s="210">
        <v>10</v>
      </c>
      <c r="W30" s="210" t="s">
        <v>103</v>
      </c>
      <c r="X30" s="700"/>
      <c r="Y30" s="700"/>
      <c r="Z30" s="592"/>
      <c r="AA30" s="592"/>
      <c r="AB30" s="592"/>
      <c r="AC30" s="265"/>
      <c r="AD30" s="38"/>
      <c r="AE30" s="26"/>
    </row>
    <row r="31" spans="1:31" s="1" customFormat="1" ht="13.4" customHeight="1">
      <c r="A31" s="20"/>
      <c r="B31" s="676">
        <v>13</v>
      </c>
      <c r="C31" s="677"/>
      <c r="D31" s="694" t="s">
        <v>1835</v>
      </c>
      <c r="E31" s="695"/>
      <c r="F31" s="695"/>
      <c r="G31" s="695"/>
      <c r="H31" s="695"/>
      <c r="I31" s="695"/>
      <c r="J31" s="695"/>
      <c r="K31" s="695"/>
      <c r="L31" s="695"/>
      <c r="M31" s="695"/>
      <c r="N31" s="695"/>
      <c r="O31" s="695"/>
      <c r="P31" s="695"/>
      <c r="Q31" s="696"/>
      <c r="R31" s="259" t="s">
        <v>522</v>
      </c>
      <c r="S31" s="681" t="s">
        <v>107</v>
      </c>
      <c r="T31" s="683"/>
      <c r="U31" s="416" t="s">
        <v>108</v>
      </c>
      <c r="V31" s="269">
        <v>3</v>
      </c>
      <c r="W31" s="269">
        <v>0</v>
      </c>
      <c r="X31" s="730" t="s">
        <v>109</v>
      </c>
      <c r="Y31" s="730"/>
      <c r="Z31" s="717"/>
      <c r="AA31" s="717"/>
      <c r="AB31" s="717"/>
      <c r="AC31" s="321" t="s">
        <v>391</v>
      </c>
      <c r="AD31" s="38"/>
      <c r="AE31" s="26"/>
    </row>
    <row r="32" spans="1:31" s="13" customFormat="1">
      <c r="A32" s="20"/>
      <c r="B32" s="541">
        <v>14</v>
      </c>
      <c r="C32" s="542"/>
      <c r="D32" s="543" t="s">
        <v>2287</v>
      </c>
      <c r="E32" s="544"/>
      <c r="F32" s="544"/>
      <c r="G32" s="544"/>
      <c r="H32" s="544"/>
      <c r="I32" s="544"/>
      <c r="J32" s="544"/>
      <c r="K32" s="544"/>
      <c r="L32" s="544"/>
      <c r="M32" s="544"/>
      <c r="N32" s="544"/>
      <c r="O32" s="544"/>
      <c r="P32" s="544"/>
      <c r="Q32" s="545"/>
      <c r="R32" s="222" t="s">
        <v>524</v>
      </c>
      <c r="S32" s="546" t="s">
        <v>101</v>
      </c>
      <c r="T32" s="548"/>
      <c r="U32" s="408" t="s">
        <v>102</v>
      </c>
      <c r="V32" s="210">
        <v>3</v>
      </c>
      <c r="W32" s="210" t="s">
        <v>103</v>
      </c>
      <c r="X32" s="700"/>
      <c r="Y32" s="700"/>
      <c r="Z32" s="592"/>
      <c r="AA32" s="592"/>
      <c r="AB32" s="592"/>
      <c r="AC32" s="267"/>
      <c r="AD32" s="38"/>
      <c r="AE32" s="54"/>
    </row>
    <row r="33" spans="1:31" s="13" customFormat="1" ht="13.4" customHeight="1">
      <c r="A33" s="20"/>
      <c r="B33" s="541">
        <v>15</v>
      </c>
      <c r="C33" s="542"/>
      <c r="D33" s="563" t="s">
        <v>2288</v>
      </c>
      <c r="E33" s="564"/>
      <c r="F33" s="564"/>
      <c r="G33" s="564"/>
      <c r="H33" s="564"/>
      <c r="I33" s="564"/>
      <c r="J33" s="564"/>
      <c r="K33" s="564"/>
      <c r="L33" s="564"/>
      <c r="M33" s="564"/>
      <c r="N33" s="564"/>
      <c r="O33" s="564"/>
      <c r="P33" s="564"/>
      <c r="Q33" s="565"/>
      <c r="R33" s="221" t="s">
        <v>2289</v>
      </c>
      <c r="S33" s="546" t="s">
        <v>1844</v>
      </c>
      <c r="T33" s="548"/>
      <c r="U33" s="408" t="s">
        <v>102</v>
      </c>
      <c r="V33" s="210">
        <v>10</v>
      </c>
      <c r="W33" s="210" t="s">
        <v>103</v>
      </c>
      <c r="X33" s="700"/>
      <c r="Y33" s="700"/>
      <c r="Z33" s="592"/>
      <c r="AA33" s="592"/>
      <c r="AB33" s="592"/>
      <c r="AC33" s="267"/>
      <c r="AD33" s="38"/>
      <c r="AE33" s="54"/>
    </row>
    <row r="34" spans="1:31" s="34" customFormat="1">
      <c r="A34" s="394"/>
      <c r="B34" s="541">
        <v>16</v>
      </c>
      <c r="C34" s="542"/>
      <c r="D34" s="543" t="s">
        <v>2290</v>
      </c>
      <c r="E34" s="544"/>
      <c r="F34" s="544"/>
      <c r="G34" s="544"/>
      <c r="H34" s="544"/>
      <c r="I34" s="544"/>
      <c r="J34" s="544"/>
      <c r="K34" s="544"/>
      <c r="L34" s="544"/>
      <c r="M34" s="544"/>
      <c r="N34" s="544"/>
      <c r="O34" s="544"/>
      <c r="P34" s="544"/>
      <c r="Q34" s="545"/>
      <c r="R34" s="222" t="s">
        <v>526</v>
      </c>
      <c r="S34" s="546" t="s">
        <v>101</v>
      </c>
      <c r="T34" s="548"/>
      <c r="U34" s="408" t="s">
        <v>102</v>
      </c>
      <c r="V34" s="210">
        <v>3</v>
      </c>
      <c r="W34" s="210" t="s">
        <v>103</v>
      </c>
      <c r="X34" s="700"/>
      <c r="Y34" s="700"/>
      <c r="Z34" s="592"/>
      <c r="AA34" s="592"/>
      <c r="AB34" s="592"/>
      <c r="AC34" s="265"/>
      <c r="AD34" s="39"/>
      <c r="AE34" s="55"/>
    </row>
    <row r="35" spans="1:31" s="1" customFormat="1">
      <c r="A35" s="20"/>
      <c r="B35" s="541">
        <v>17</v>
      </c>
      <c r="C35" s="542"/>
      <c r="D35" s="563" t="s">
        <v>2291</v>
      </c>
      <c r="E35" s="564"/>
      <c r="F35" s="564"/>
      <c r="G35" s="564"/>
      <c r="H35" s="564"/>
      <c r="I35" s="564"/>
      <c r="J35" s="564"/>
      <c r="K35" s="564"/>
      <c r="L35" s="564"/>
      <c r="M35" s="564"/>
      <c r="N35" s="564"/>
      <c r="O35" s="564"/>
      <c r="P35" s="564"/>
      <c r="Q35" s="565"/>
      <c r="R35" s="221" t="s">
        <v>2292</v>
      </c>
      <c r="S35" s="546" t="s">
        <v>1844</v>
      </c>
      <c r="T35" s="548"/>
      <c r="U35" s="408" t="s">
        <v>102</v>
      </c>
      <c r="V35" s="210">
        <v>10</v>
      </c>
      <c r="W35" s="210" t="s">
        <v>103</v>
      </c>
      <c r="X35" s="700"/>
      <c r="Y35" s="700"/>
      <c r="Z35" s="592"/>
      <c r="AA35" s="592"/>
      <c r="AB35" s="592"/>
      <c r="AC35" s="265"/>
      <c r="AD35" s="38"/>
      <c r="AE35" s="26"/>
    </row>
    <row r="36" spans="1:31" s="1" customFormat="1" ht="13.4" customHeight="1">
      <c r="A36" s="20"/>
      <c r="B36" s="541">
        <v>18</v>
      </c>
      <c r="C36" s="542"/>
      <c r="D36" s="563" t="s">
        <v>1808</v>
      </c>
      <c r="E36" s="564"/>
      <c r="F36" s="564"/>
      <c r="G36" s="564"/>
      <c r="H36" s="564"/>
      <c r="I36" s="564"/>
      <c r="J36" s="564"/>
      <c r="K36" s="564"/>
      <c r="L36" s="564"/>
      <c r="M36" s="564"/>
      <c r="N36" s="564"/>
      <c r="O36" s="564"/>
      <c r="P36" s="564"/>
      <c r="Q36" s="565"/>
      <c r="R36" s="221" t="s">
        <v>1809</v>
      </c>
      <c r="S36" s="546" t="s">
        <v>1847</v>
      </c>
      <c r="T36" s="548"/>
      <c r="U36" s="408" t="s">
        <v>102</v>
      </c>
      <c r="V36" s="210">
        <v>8</v>
      </c>
      <c r="W36" s="210" t="s">
        <v>103</v>
      </c>
      <c r="X36" s="700"/>
      <c r="Y36" s="700"/>
      <c r="Z36" s="592"/>
      <c r="AA36" s="592"/>
      <c r="AB36" s="592"/>
      <c r="AC36" s="265" t="s">
        <v>3020</v>
      </c>
      <c r="AD36" s="38"/>
      <c r="AE36" s="26"/>
    </row>
    <row r="37" spans="1:31" s="13" customFormat="1" ht="13.4" customHeight="1">
      <c r="A37" s="20"/>
      <c r="B37" s="541">
        <v>19</v>
      </c>
      <c r="C37" s="542"/>
      <c r="D37" s="563" t="s">
        <v>420</v>
      </c>
      <c r="E37" s="564"/>
      <c r="F37" s="564"/>
      <c r="G37" s="564"/>
      <c r="H37" s="564"/>
      <c r="I37" s="564"/>
      <c r="J37" s="564"/>
      <c r="K37" s="564"/>
      <c r="L37" s="564"/>
      <c r="M37" s="564"/>
      <c r="N37" s="564"/>
      <c r="O37" s="564"/>
      <c r="P37" s="564"/>
      <c r="Q37" s="565"/>
      <c r="R37" s="221" t="s">
        <v>746</v>
      </c>
      <c r="S37" s="546" t="s">
        <v>107</v>
      </c>
      <c r="T37" s="548"/>
      <c r="U37" s="408" t="s">
        <v>102</v>
      </c>
      <c r="V37" s="210">
        <v>2</v>
      </c>
      <c r="W37" s="210" t="s">
        <v>103</v>
      </c>
      <c r="X37" s="700"/>
      <c r="Y37" s="700"/>
      <c r="Z37" s="592"/>
      <c r="AA37" s="592"/>
      <c r="AB37" s="592"/>
      <c r="AC37" s="267"/>
      <c r="AD37" s="38"/>
      <c r="AE37" s="54"/>
    </row>
    <row r="38" spans="1:31" s="13" customFormat="1" ht="13.4" customHeight="1">
      <c r="A38" s="20"/>
      <c r="B38" s="541">
        <v>20</v>
      </c>
      <c r="C38" s="542"/>
      <c r="D38" s="563" t="s">
        <v>2358</v>
      </c>
      <c r="E38" s="564"/>
      <c r="F38" s="564"/>
      <c r="G38" s="564"/>
      <c r="H38" s="564"/>
      <c r="I38" s="564"/>
      <c r="J38" s="564"/>
      <c r="K38" s="564"/>
      <c r="L38" s="564"/>
      <c r="M38" s="564"/>
      <c r="N38" s="564"/>
      <c r="O38" s="564"/>
      <c r="P38" s="564"/>
      <c r="Q38" s="565"/>
      <c r="R38" s="221" t="s">
        <v>2359</v>
      </c>
      <c r="S38" s="546" t="s">
        <v>1844</v>
      </c>
      <c r="T38" s="548"/>
      <c r="U38" s="408" t="s">
        <v>102</v>
      </c>
      <c r="V38" s="210">
        <v>4</v>
      </c>
      <c r="W38" s="210" t="s">
        <v>103</v>
      </c>
      <c r="X38" s="700"/>
      <c r="Y38" s="700"/>
      <c r="Z38" s="592"/>
      <c r="AA38" s="592"/>
      <c r="AB38" s="592"/>
      <c r="AC38" s="267"/>
      <c r="AD38" s="38"/>
      <c r="AE38" s="54"/>
    </row>
    <row r="39" spans="1:31" s="34" customFormat="1" ht="13.4" customHeight="1">
      <c r="A39" s="394"/>
      <c r="B39" s="541">
        <v>21</v>
      </c>
      <c r="C39" s="542"/>
      <c r="D39" s="563" t="s">
        <v>2360</v>
      </c>
      <c r="E39" s="564"/>
      <c r="F39" s="564"/>
      <c r="G39" s="564"/>
      <c r="H39" s="564"/>
      <c r="I39" s="564"/>
      <c r="J39" s="564"/>
      <c r="K39" s="564"/>
      <c r="L39" s="564"/>
      <c r="M39" s="564"/>
      <c r="N39" s="564"/>
      <c r="O39" s="564"/>
      <c r="P39" s="564"/>
      <c r="Q39" s="565"/>
      <c r="R39" s="221" t="s">
        <v>2361</v>
      </c>
      <c r="S39" s="546" t="s">
        <v>107</v>
      </c>
      <c r="T39" s="548"/>
      <c r="U39" s="408" t="s">
        <v>2412</v>
      </c>
      <c r="V39" s="210">
        <v>10</v>
      </c>
      <c r="W39" s="210">
        <v>0</v>
      </c>
      <c r="X39" s="700"/>
      <c r="Y39" s="700"/>
      <c r="Z39" s="592"/>
      <c r="AA39" s="592"/>
      <c r="AB39" s="592"/>
      <c r="AC39" s="265"/>
      <c r="AD39" s="39"/>
      <c r="AE39" s="55"/>
    </row>
    <row r="40" spans="1:31" s="34" customFormat="1" ht="13.4" customHeight="1">
      <c r="A40" s="394"/>
      <c r="B40" s="541">
        <v>22</v>
      </c>
      <c r="C40" s="542"/>
      <c r="D40" s="563" t="s">
        <v>1810</v>
      </c>
      <c r="E40" s="564"/>
      <c r="F40" s="564"/>
      <c r="G40" s="564"/>
      <c r="H40" s="564"/>
      <c r="I40" s="564"/>
      <c r="J40" s="564"/>
      <c r="K40" s="564"/>
      <c r="L40" s="564"/>
      <c r="M40" s="564"/>
      <c r="N40" s="564"/>
      <c r="O40" s="564"/>
      <c r="P40" s="564"/>
      <c r="Q40" s="565"/>
      <c r="R40" s="229" t="s">
        <v>1811</v>
      </c>
      <c r="S40" s="546" t="s">
        <v>107</v>
      </c>
      <c r="T40" s="548"/>
      <c r="U40" s="408" t="s">
        <v>102</v>
      </c>
      <c r="V40" s="210">
        <v>1</v>
      </c>
      <c r="W40" s="210" t="s">
        <v>103</v>
      </c>
      <c r="X40" s="700"/>
      <c r="Y40" s="700"/>
      <c r="Z40" s="592"/>
      <c r="AA40" s="592"/>
      <c r="AB40" s="592"/>
      <c r="AC40" s="265"/>
      <c r="AD40" s="39"/>
      <c r="AE40" s="55"/>
    </row>
    <row r="41" spans="1:31" s="35" customFormat="1" ht="13.4" customHeight="1">
      <c r="A41" s="394"/>
      <c r="B41" s="541">
        <v>23</v>
      </c>
      <c r="C41" s="542"/>
      <c r="D41" s="563" t="s">
        <v>2413</v>
      </c>
      <c r="E41" s="564"/>
      <c r="F41" s="564"/>
      <c r="G41" s="564"/>
      <c r="H41" s="564"/>
      <c r="I41" s="564"/>
      <c r="J41" s="564"/>
      <c r="K41" s="564"/>
      <c r="L41" s="564"/>
      <c r="M41" s="564"/>
      <c r="N41" s="564"/>
      <c r="O41" s="564"/>
      <c r="P41" s="564"/>
      <c r="Q41" s="565"/>
      <c r="R41" s="225" t="s">
        <v>2414</v>
      </c>
      <c r="S41" s="541" t="s">
        <v>1844</v>
      </c>
      <c r="T41" s="542"/>
      <c r="U41" s="418" t="s">
        <v>102</v>
      </c>
      <c r="V41" s="213">
        <v>3</v>
      </c>
      <c r="W41" s="213" t="s">
        <v>103</v>
      </c>
      <c r="X41" s="700"/>
      <c r="Y41" s="700"/>
      <c r="Z41" s="592"/>
      <c r="AA41" s="592"/>
      <c r="AB41" s="592"/>
      <c r="AC41" s="267"/>
      <c r="AD41" s="39"/>
      <c r="AE41" s="57"/>
    </row>
    <row r="42" spans="1:31" s="34" customFormat="1" ht="13.4" customHeight="1">
      <c r="A42" s="20"/>
      <c r="B42" s="676">
        <v>24</v>
      </c>
      <c r="C42" s="677"/>
      <c r="D42" s="694" t="s">
        <v>1812</v>
      </c>
      <c r="E42" s="695"/>
      <c r="F42" s="695"/>
      <c r="G42" s="695"/>
      <c r="H42" s="695"/>
      <c r="I42" s="695"/>
      <c r="J42" s="695"/>
      <c r="K42" s="695"/>
      <c r="L42" s="695"/>
      <c r="M42" s="695"/>
      <c r="N42" s="695"/>
      <c r="O42" s="695"/>
      <c r="P42" s="695"/>
      <c r="Q42" s="696"/>
      <c r="R42" s="262" t="s">
        <v>1813</v>
      </c>
      <c r="S42" s="681" t="s">
        <v>107</v>
      </c>
      <c r="T42" s="683"/>
      <c r="U42" s="416" t="s">
        <v>102</v>
      </c>
      <c r="V42" s="269">
        <v>8</v>
      </c>
      <c r="W42" s="269" t="s">
        <v>103</v>
      </c>
      <c r="X42" s="730" t="s">
        <v>109</v>
      </c>
      <c r="Y42" s="730"/>
      <c r="Z42" s="717"/>
      <c r="AA42" s="717"/>
      <c r="AB42" s="717"/>
      <c r="AC42" s="350" t="s">
        <v>2415</v>
      </c>
      <c r="AD42" s="39"/>
      <c r="AE42" s="55"/>
    </row>
    <row r="43" spans="1:31" s="34" customFormat="1">
      <c r="A43" s="394"/>
      <c r="B43" s="541">
        <v>25</v>
      </c>
      <c r="C43" s="542"/>
      <c r="D43" s="543" t="s">
        <v>3046</v>
      </c>
      <c r="E43" s="544"/>
      <c r="F43" s="544"/>
      <c r="G43" s="544"/>
      <c r="H43" s="544"/>
      <c r="I43" s="544"/>
      <c r="J43" s="544"/>
      <c r="K43" s="544"/>
      <c r="L43" s="544"/>
      <c r="M43" s="544"/>
      <c r="N43" s="544"/>
      <c r="O43" s="544"/>
      <c r="P43" s="544"/>
      <c r="Q43" s="545"/>
      <c r="R43" s="229" t="s">
        <v>1815</v>
      </c>
      <c r="S43" s="546" t="s">
        <v>107</v>
      </c>
      <c r="T43" s="548"/>
      <c r="U43" s="408" t="s">
        <v>102</v>
      </c>
      <c r="V43" s="210">
        <v>1</v>
      </c>
      <c r="W43" s="210" t="s">
        <v>103</v>
      </c>
      <c r="X43" s="700"/>
      <c r="Y43" s="700"/>
      <c r="Z43" s="592"/>
      <c r="AA43" s="592"/>
      <c r="AB43" s="592"/>
      <c r="AC43" s="265"/>
      <c r="AD43" s="39"/>
      <c r="AE43" s="55"/>
    </row>
    <row r="44" spans="1:31" s="34" customFormat="1">
      <c r="A44" s="20"/>
      <c r="B44" s="676">
        <v>26</v>
      </c>
      <c r="C44" s="677"/>
      <c r="D44" s="678" t="s">
        <v>1816</v>
      </c>
      <c r="E44" s="679"/>
      <c r="F44" s="679"/>
      <c r="G44" s="679"/>
      <c r="H44" s="679"/>
      <c r="I44" s="679"/>
      <c r="J44" s="679"/>
      <c r="K44" s="679"/>
      <c r="L44" s="679"/>
      <c r="M44" s="679"/>
      <c r="N44" s="679"/>
      <c r="O44" s="679"/>
      <c r="P44" s="679"/>
      <c r="Q44" s="680"/>
      <c r="R44" s="374" t="s">
        <v>1817</v>
      </c>
      <c r="S44" s="681" t="s">
        <v>107</v>
      </c>
      <c r="T44" s="683"/>
      <c r="U44" s="416" t="s">
        <v>102</v>
      </c>
      <c r="V44" s="269">
        <v>11</v>
      </c>
      <c r="W44" s="269" t="s">
        <v>103</v>
      </c>
      <c r="X44" s="730" t="s">
        <v>109</v>
      </c>
      <c r="Y44" s="730"/>
      <c r="Z44" s="717"/>
      <c r="AA44" s="717"/>
      <c r="AB44" s="717"/>
      <c r="AC44" s="350" t="s">
        <v>416</v>
      </c>
      <c r="AD44" s="39"/>
      <c r="AE44" s="55"/>
    </row>
    <row r="45" spans="1:31" s="1" customFormat="1">
      <c r="A45" s="20"/>
      <c r="B45" s="541">
        <v>27</v>
      </c>
      <c r="C45" s="542"/>
      <c r="D45" s="543" t="s">
        <v>1818</v>
      </c>
      <c r="E45" s="544"/>
      <c r="F45" s="544"/>
      <c r="G45" s="544"/>
      <c r="H45" s="544"/>
      <c r="I45" s="544"/>
      <c r="J45" s="544"/>
      <c r="K45" s="544"/>
      <c r="L45" s="544"/>
      <c r="M45" s="544"/>
      <c r="N45" s="544"/>
      <c r="O45" s="544"/>
      <c r="P45" s="544"/>
      <c r="Q45" s="545"/>
      <c r="R45" s="225" t="s">
        <v>1819</v>
      </c>
      <c r="S45" s="546" t="s">
        <v>107</v>
      </c>
      <c r="T45" s="548"/>
      <c r="U45" s="408" t="s">
        <v>102</v>
      </c>
      <c r="V45" s="210">
        <v>3</v>
      </c>
      <c r="W45" s="210" t="s">
        <v>103</v>
      </c>
      <c r="X45" s="700"/>
      <c r="Y45" s="700"/>
      <c r="Z45" s="592"/>
      <c r="AA45" s="592"/>
      <c r="AB45" s="592"/>
      <c r="AC45" s="265"/>
      <c r="AD45" s="38"/>
      <c r="AE45" s="26"/>
    </row>
    <row r="46" spans="1:31" s="1" customFormat="1">
      <c r="A46" s="20"/>
      <c r="B46" s="541">
        <v>28</v>
      </c>
      <c r="C46" s="542"/>
      <c r="D46" s="543" t="s">
        <v>1820</v>
      </c>
      <c r="E46" s="544"/>
      <c r="F46" s="544"/>
      <c r="G46" s="544"/>
      <c r="H46" s="544"/>
      <c r="I46" s="544"/>
      <c r="J46" s="544"/>
      <c r="K46" s="544"/>
      <c r="L46" s="544"/>
      <c r="M46" s="544"/>
      <c r="N46" s="544"/>
      <c r="O46" s="544"/>
      <c r="P46" s="544"/>
      <c r="Q46" s="545"/>
      <c r="R46" s="225" t="s">
        <v>1821</v>
      </c>
      <c r="S46" s="546" t="s">
        <v>107</v>
      </c>
      <c r="T46" s="548"/>
      <c r="U46" s="408" t="s">
        <v>102</v>
      </c>
      <c r="V46" s="210">
        <v>8</v>
      </c>
      <c r="W46" s="210" t="s">
        <v>103</v>
      </c>
      <c r="X46" s="700"/>
      <c r="Y46" s="700"/>
      <c r="Z46" s="592"/>
      <c r="AA46" s="592"/>
      <c r="AB46" s="592"/>
      <c r="AC46" s="265"/>
      <c r="AD46" s="38"/>
      <c r="AE46" s="26"/>
    </row>
    <row r="47" spans="1:31" s="1" customFormat="1" ht="13.4" customHeight="1">
      <c r="A47" s="20"/>
      <c r="B47" s="541">
        <v>29</v>
      </c>
      <c r="C47" s="542"/>
      <c r="D47" s="563" t="s">
        <v>2416</v>
      </c>
      <c r="E47" s="564"/>
      <c r="F47" s="564"/>
      <c r="G47" s="564"/>
      <c r="H47" s="564"/>
      <c r="I47" s="564"/>
      <c r="J47" s="564"/>
      <c r="K47" s="564"/>
      <c r="L47" s="564"/>
      <c r="M47" s="564"/>
      <c r="N47" s="564"/>
      <c r="O47" s="564"/>
      <c r="P47" s="564"/>
      <c r="Q47" s="565"/>
      <c r="R47" s="221" t="s">
        <v>2417</v>
      </c>
      <c r="S47" s="541" t="s">
        <v>107</v>
      </c>
      <c r="T47" s="542"/>
      <c r="U47" s="418" t="s">
        <v>102</v>
      </c>
      <c r="V47" s="213">
        <v>6</v>
      </c>
      <c r="W47" s="213" t="s">
        <v>103</v>
      </c>
      <c r="X47" s="700"/>
      <c r="Y47" s="700"/>
      <c r="Z47" s="592"/>
      <c r="AA47" s="592"/>
      <c r="AB47" s="592"/>
      <c r="AC47" s="265"/>
      <c r="AD47" s="38"/>
      <c r="AE47" s="26"/>
    </row>
    <row r="48" spans="1:31" s="1" customFormat="1" ht="13.4" customHeight="1">
      <c r="A48" s="20"/>
      <c r="B48" s="541">
        <v>30</v>
      </c>
      <c r="C48" s="542"/>
      <c r="D48" s="563" t="s">
        <v>2418</v>
      </c>
      <c r="E48" s="564"/>
      <c r="F48" s="564"/>
      <c r="G48" s="564"/>
      <c r="H48" s="564"/>
      <c r="I48" s="564"/>
      <c r="J48" s="564"/>
      <c r="K48" s="564"/>
      <c r="L48" s="564"/>
      <c r="M48" s="564"/>
      <c r="N48" s="564"/>
      <c r="O48" s="564"/>
      <c r="P48" s="564"/>
      <c r="Q48" s="565"/>
      <c r="R48" s="221" t="s">
        <v>1839</v>
      </c>
      <c r="S48" s="546" t="s">
        <v>107</v>
      </c>
      <c r="T48" s="548"/>
      <c r="U48" s="406" t="s">
        <v>102</v>
      </c>
      <c r="V48" s="210">
        <v>4</v>
      </c>
      <c r="W48" s="210" t="s">
        <v>103</v>
      </c>
      <c r="X48" s="700"/>
      <c r="Y48" s="700"/>
      <c r="Z48" s="592"/>
      <c r="AA48" s="592"/>
      <c r="AB48" s="592"/>
      <c r="AC48" s="265"/>
      <c r="AD48" s="38"/>
      <c r="AE48" s="26"/>
    </row>
    <row r="49" spans="1:31" s="13" customFormat="1">
      <c r="A49" s="20"/>
      <c r="B49" s="541">
        <v>31</v>
      </c>
      <c r="C49" s="542"/>
      <c r="D49" s="543" t="s">
        <v>3047</v>
      </c>
      <c r="E49" s="544"/>
      <c r="F49" s="544"/>
      <c r="G49" s="544"/>
      <c r="H49" s="544"/>
      <c r="I49" s="544"/>
      <c r="J49" s="544"/>
      <c r="K49" s="544"/>
      <c r="L49" s="544"/>
      <c r="M49" s="544"/>
      <c r="N49" s="544"/>
      <c r="O49" s="544"/>
      <c r="P49" s="544"/>
      <c r="Q49" s="545"/>
      <c r="R49" s="225" t="s">
        <v>1825</v>
      </c>
      <c r="S49" s="546" t="s">
        <v>107</v>
      </c>
      <c r="T49" s="548"/>
      <c r="U49" s="408" t="s">
        <v>102</v>
      </c>
      <c r="V49" s="210">
        <v>10</v>
      </c>
      <c r="W49" s="210" t="s">
        <v>103</v>
      </c>
      <c r="X49" s="700"/>
      <c r="Y49" s="700"/>
      <c r="Z49" s="592"/>
      <c r="AA49" s="592"/>
      <c r="AB49" s="592"/>
      <c r="AC49" s="265" t="s">
        <v>3020</v>
      </c>
      <c r="AD49" s="38"/>
      <c r="AE49" s="54"/>
    </row>
    <row r="50" spans="1:31" s="1" customFormat="1">
      <c r="A50" s="20"/>
      <c r="B50" s="541">
        <v>32</v>
      </c>
      <c r="C50" s="542"/>
      <c r="D50" s="543" t="s">
        <v>3048</v>
      </c>
      <c r="E50" s="544"/>
      <c r="F50" s="544"/>
      <c r="G50" s="544"/>
      <c r="H50" s="544"/>
      <c r="I50" s="544"/>
      <c r="J50" s="544"/>
      <c r="K50" s="544"/>
      <c r="L50" s="544"/>
      <c r="M50" s="544"/>
      <c r="N50" s="544"/>
      <c r="O50" s="544"/>
      <c r="P50" s="544"/>
      <c r="Q50" s="545"/>
      <c r="R50" s="225" t="s">
        <v>550</v>
      </c>
      <c r="S50" s="546" t="s">
        <v>101</v>
      </c>
      <c r="T50" s="548"/>
      <c r="U50" s="406" t="s">
        <v>102</v>
      </c>
      <c r="V50" s="210">
        <v>8</v>
      </c>
      <c r="W50" s="210" t="s">
        <v>103</v>
      </c>
      <c r="X50" s="700"/>
      <c r="Y50" s="700"/>
      <c r="Z50" s="592"/>
      <c r="AA50" s="592"/>
      <c r="AB50" s="592"/>
      <c r="AC50" s="265" t="s">
        <v>3020</v>
      </c>
      <c r="AD50" s="371"/>
      <c r="AE50" s="26"/>
    </row>
    <row r="51" spans="1:31" s="1" customFormat="1">
      <c r="A51" s="20"/>
      <c r="B51" s="541">
        <v>33</v>
      </c>
      <c r="C51" s="542"/>
      <c r="D51" s="543" t="s">
        <v>1829</v>
      </c>
      <c r="E51" s="544"/>
      <c r="F51" s="544"/>
      <c r="G51" s="544"/>
      <c r="H51" s="544"/>
      <c r="I51" s="544"/>
      <c r="J51" s="544"/>
      <c r="K51" s="544"/>
      <c r="L51" s="544"/>
      <c r="M51" s="544"/>
      <c r="N51" s="544"/>
      <c r="O51" s="544"/>
      <c r="P51" s="544"/>
      <c r="Q51" s="545"/>
      <c r="R51" s="225" t="s">
        <v>1830</v>
      </c>
      <c r="S51" s="546" t="s">
        <v>107</v>
      </c>
      <c r="T51" s="548"/>
      <c r="U51" s="406" t="s">
        <v>102</v>
      </c>
      <c r="V51" s="210">
        <v>2</v>
      </c>
      <c r="W51" s="210" t="s">
        <v>103</v>
      </c>
      <c r="X51" s="700"/>
      <c r="Y51" s="700"/>
      <c r="Z51" s="592"/>
      <c r="AA51" s="592"/>
      <c r="AB51" s="592"/>
      <c r="AC51" s="267"/>
      <c r="AD51" s="371"/>
      <c r="AE51" s="26"/>
    </row>
    <row r="52" spans="1:31" s="13" customFormat="1">
      <c r="A52" s="20"/>
      <c r="B52" s="541">
        <v>34</v>
      </c>
      <c r="C52" s="542"/>
      <c r="D52" s="543" t="s">
        <v>1831</v>
      </c>
      <c r="E52" s="544"/>
      <c r="F52" s="544"/>
      <c r="G52" s="544"/>
      <c r="H52" s="544"/>
      <c r="I52" s="544"/>
      <c r="J52" s="544"/>
      <c r="K52" s="544"/>
      <c r="L52" s="544"/>
      <c r="M52" s="544"/>
      <c r="N52" s="544"/>
      <c r="O52" s="544"/>
      <c r="P52" s="544"/>
      <c r="Q52" s="545"/>
      <c r="R52" s="229" t="s">
        <v>1832</v>
      </c>
      <c r="S52" s="546" t="s">
        <v>107</v>
      </c>
      <c r="T52" s="548"/>
      <c r="U52" s="408" t="s">
        <v>102</v>
      </c>
      <c r="V52" s="210">
        <v>1</v>
      </c>
      <c r="W52" s="210" t="s">
        <v>103</v>
      </c>
      <c r="X52" s="700"/>
      <c r="Y52" s="700"/>
      <c r="Z52" s="592"/>
      <c r="AA52" s="592"/>
      <c r="AB52" s="592"/>
      <c r="AC52" s="267"/>
      <c r="AD52" s="38"/>
      <c r="AE52" s="54"/>
    </row>
    <row r="53" spans="1:31" s="34" customFormat="1">
      <c r="A53" s="394"/>
      <c r="B53" s="541">
        <v>35</v>
      </c>
      <c r="C53" s="542"/>
      <c r="D53" s="543" t="s">
        <v>2419</v>
      </c>
      <c r="E53" s="544"/>
      <c r="F53" s="544"/>
      <c r="G53" s="544"/>
      <c r="H53" s="544"/>
      <c r="I53" s="544"/>
      <c r="J53" s="544"/>
      <c r="K53" s="544"/>
      <c r="L53" s="544"/>
      <c r="M53" s="544"/>
      <c r="N53" s="544"/>
      <c r="O53" s="544"/>
      <c r="P53" s="544"/>
      <c r="Q53" s="545"/>
      <c r="R53" s="229" t="s">
        <v>2420</v>
      </c>
      <c r="S53" s="546" t="s">
        <v>1856</v>
      </c>
      <c r="T53" s="548"/>
      <c r="U53" s="408" t="s">
        <v>710</v>
      </c>
      <c r="V53" s="210">
        <v>7</v>
      </c>
      <c r="W53" s="210">
        <v>3</v>
      </c>
      <c r="X53" s="700"/>
      <c r="Y53" s="700"/>
      <c r="Z53" s="592"/>
      <c r="AA53" s="592"/>
      <c r="AB53" s="592"/>
      <c r="AC53" s="265"/>
      <c r="AD53" s="39"/>
      <c r="AE53" s="55"/>
    </row>
    <row r="54" spans="1:31" s="1" customFormat="1">
      <c r="A54" s="20"/>
      <c r="B54" s="541">
        <v>36</v>
      </c>
      <c r="C54" s="542"/>
      <c r="D54" s="543" t="s">
        <v>2421</v>
      </c>
      <c r="E54" s="544"/>
      <c r="F54" s="544"/>
      <c r="G54" s="544"/>
      <c r="H54" s="544"/>
      <c r="I54" s="544"/>
      <c r="J54" s="544"/>
      <c r="K54" s="544"/>
      <c r="L54" s="544"/>
      <c r="M54" s="544"/>
      <c r="N54" s="544"/>
      <c r="O54" s="544"/>
      <c r="P54" s="544"/>
      <c r="Q54" s="545"/>
      <c r="R54" s="229" t="s">
        <v>2422</v>
      </c>
      <c r="S54" s="546" t="s">
        <v>1856</v>
      </c>
      <c r="T54" s="548"/>
      <c r="U54" s="408" t="s">
        <v>710</v>
      </c>
      <c r="V54" s="210">
        <v>7</v>
      </c>
      <c r="W54" s="210">
        <v>3</v>
      </c>
      <c r="X54" s="700"/>
      <c r="Y54" s="700"/>
      <c r="Z54" s="592"/>
      <c r="AA54" s="592"/>
      <c r="AB54" s="592"/>
      <c r="AC54" s="265"/>
      <c r="AD54" s="38"/>
      <c r="AE54" s="26"/>
    </row>
    <row r="55" spans="1:31" s="1" customFormat="1" ht="13.4" customHeight="1">
      <c r="A55" s="20"/>
      <c r="B55" s="541">
        <v>37</v>
      </c>
      <c r="C55" s="542"/>
      <c r="D55" s="563" t="s">
        <v>2423</v>
      </c>
      <c r="E55" s="564"/>
      <c r="F55" s="564"/>
      <c r="G55" s="564"/>
      <c r="H55" s="564"/>
      <c r="I55" s="564"/>
      <c r="J55" s="564"/>
      <c r="K55" s="564"/>
      <c r="L55" s="564"/>
      <c r="M55" s="564"/>
      <c r="N55" s="564"/>
      <c r="O55" s="564"/>
      <c r="P55" s="564"/>
      <c r="Q55" s="565"/>
      <c r="R55" s="221" t="s">
        <v>2424</v>
      </c>
      <c r="S55" s="546" t="s">
        <v>1856</v>
      </c>
      <c r="T55" s="548"/>
      <c r="U55" s="408" t="s">
        <v>710</v>
      </c>
      <c r="V55" s="210">
        <v>7</v>
      </c>
      <c r="W55" s="210">
        <v>3</v>
      </c>
      <c r="X55" s="700"/>
      <c r="Y55" s="700"/>
      <c r="Z55" s="592"/>
      <c r="AA55" s="592"/>
      <c r="AB55" s="592"/>
      <c r="AC55" s="265"/>
      <c r="AD55" s="38"/>
      <c r="AE55" s="26"/>
    </row>
    <row r="56" spans="1:31" s="13" customFormat="1" ht="13.4" customHeight="1">
      <c r="A56" s="20"/>
      <c r="B56" s="541">
        <v>38</v>
      </c>
      <c r="C56" s="542"/>
      <c r="D56" s="563" t="s">
        <v>2425</v>
      </c>
      <c r="E56" s="564"/>
      <c r="F56" s="564"/>
      <c r="G56" s="564"/>
      <c r="H56" s="564"/>
      <c r="I56" s="564"/>
      <c r="J56" s="564"/>
      <c r="K56" s="564"/>
      <c r="L56" s="564"/>
      <c r="M56" s="564"/>
      <c r="N56" s="564"/>
      <c r="O56" s="564"/>
      <c r="P56" s="564"/>
      <c r="Q56" s="565"/>
      <c r="R56" s="221" t="s">
        <v>2426</v>
      </c>
      <c r="S56" s="546" t="s">
        <v>1856</v>
      </c>
      <c r="T56" s="548"/>
      <c r="U56" s="408" t="s">
        <v>710</v>
      </c>
      <c r="V56" s="210">
        <v>7</v>
      </c>
      <c r="W56" s="210">
        <v>3</v>
      </c>
      <c r="X56" s="700"/>
      <c r="Y56" s="700"/>
      <c r="Z56" s="592"/>
      <c r="AA56" s="592"/>
      <c r="AB56" s="592"/>
      <c r="AC56" s="267"/>
      <c r="AD56" s="38"/>
      <c r="AE56" s="54"/>
    </row>
    <row r="57" spans="1:31" s="13" customFormat="1" ht="13.4" customHeight="1">
      <c r="A57" s="20"/>
      <c r="B57" s="541">
        <v>39</v>
      </c>
      <c r="C57" s="542"/>
      <c r="D57" s="563" t="s">
        <v>2427</v>
      </c>
      <c r="E57" s="564"/>
      <c r="F57" s="564"/>
      <c r="G57" s="564"/>
      <c r="H57" s="564"/>
      <c r="I57" s="564"/>
      <c r="J57" s="564"/>
      <c r="K57" s="564"/>
      <c r="L57" s="564"/>
      <c r="M57" s="564"/>
      <c r="N57" s="564"/>
      <c r="O57" s="564"/>
      <c r="P57" s="564"/>
      <c r="Q57" s="565"/>
      <c r="R57" s="221" t="s">
        <v>2428</v>
      </c>
      <c r="S57" s="546" t="s">
        <v>1856</v>
      </c>
      <c r="T57" s="548"/>
      <c r="U57" s="408" t="s">
        <v>710</v>
      </c>
      <c r="V57" s="210">
        <v>7</v>
      </c>
      <c r="W57" s="210">
        <v>3</v>
      </c>
      <c r="X57" s="700"/>
      <c r="Y57" s="700"/>
      <c r="Z57" s="592"/>
      <c r="AA57" s="592"/>
      <c r="AB57" s="592"/>
      <c r="AC57" s="267"/>
      <c r="AD57" s="38"/>
      <c r="AE57" s="54"/>
    </row>
    <row r="58" spans="1:31" s="34" customFormat="1" ht="13.4" customHeight="1">
      <c r="A58" s="394"/>
      <c r="B58" s="541">
        <v>40</v>
      </c>
      <c r="C58" s="542"/>
      <c r="D58" s="563" t="s">
        <v>2429</v>
      </c>
      <c r="E58" s="564"/>
      <c r="F58" s="564"/>
      <c r="G58" s="564"/>
      <c r="H58" s="564"/>
      <c r="I58" s="564"/>
      <c r="J58" s="564"/>
      <c r="K58" s="564"/>
      <c r="L58" s="564"/>
      <c r="M58" s="564"/>
      <c r="N58" s="564"/>
      <c r="O58" s="564"/>
      <c r="P58" s="564"/>
      <c r="Q58" s="565"/>
      <c r="R58" s="221" t="s">
        <v>2430</v>
      </c>
      <c r="S58" s="546" t="s">
        <v>1856</v>
      </c>
      <c r="T58" s="548"/>
      <c r="U58" s="408" t="s">
        <v>710</v>
      </c>
      <c r="V58" s="210">
        <v>7</v>
      </c>
      <c r="W58" s="210">
        <v>3</v>
      </c>
      <c r="X58" s="700"/>
      <c r="Y58" s="700"/>
      <c r="Z58" s="592"/>
      <c r="AA58" s="592"/>
      <c r="AB58" s="592"/>
      <c r="AC58" s="265"/>
      <c r="AD58" s="39"/>
      <c r="AE58" s="55"/>
    </row>
    <row r="59" spans="1:31" s="34" customFormat="1" ht="13.4" customHeight="1">
      <c r="A59" s="394"/>
      <c r="B59" s="541">
        <v>41</v>
      </c>
      <c r="C59" s="542"/>
      <c r="D59" s="563" t="s">
        <v>2431</v>
      </c>
      <c r="E59" s="564"/>
      <c r="F59" s="564"/>
      <c r="G59" s="564"/>
      <c r="H59" s="564"/>
      <c r="I59" s="564"/>
      <c r="J59" s="564"/>
      <c r="K59" s="564"/>
      <c r="L59" s="564"/>
      <c r="M59" s="564"/>
      <c r="N59" s="564"/>
      <c r="O59" s="564"/>
      <c r="P59" s="564"/>
      <c r="Q59" s="565"/>
      <c r="R59" s="221" t="s">
        <v>2432</v>
      </c>
      <c r="S59" s="546" t="s">
        <v>1856</v>
      </c>
      <c r="T59" s="548"/>
      <c r="U59" s="408" t="s">
        <v>710</v>
      </c>
      <c r="V59" s="210">
        <v>7</v>
      </c>
      <c r="W59" s="210">
        <v>3</v>
      </c>
      <c r="X59" s="700"/>
      <c r="Y59" s="700"/>
      <c r="Z59" s="592"/>
      <c r="AA59" s="592"/>
      <c r="AB59" s="592"/>
      <c r="AC59" s="265"/>
      <c r="AD59" s="39"/>
      <c r="AE59" s="55"/>
    </row>
    <row r="60" spans="1:31" s="35" customFormat="1" ht="13.4" customHeight="1">
      <c r="A60" s="394"/>
      <c r="B60" s="541">
        <v>42</v>
      </c>
      <c r="C60" s="542"/>
      <c r="D60" s="563" t="s">
        <v>2433</v>
      </c>
      <c r="E60" s="564"/>
      <c r="F60" s="564"/>
      <c r="G60" s="564"/>
      <c r="H60" s="564"/>
      <c r="I60" s="564"/>
      <c r="J60" s="564"/>
      <c r="K60" s="564"/>
      <c r="L60" s="564"/>
      <c r="M60" s="564"/>
      <c r="N60" s="564"/>
      <c r="O60" s="564"/>
      <c r="P60" s="564"/>
      <c r="Q60" s="565"/>
      <c r="R60" s="221" t="s">
        <v>2434</v>
      </c>
      <c r="S60" s="546" t="s">
        <v>1847</v>
      </c>
      <c r="T60" s="548"/>
      <c r="U60" s="408" t="s">
        <v>102</v>
      </c>
      <c r="V60" s="210">
        <v>1</v>
      </c>
      <c r="W60" s="210" t="s">
        <v>103</v>
      </c>
      <c r="X60" s="700"/>
      <c r="Y60" s="700"/>
      <c r="Z60" s="592"/>
      <c r="AA60" s="592"/>
      <c r="AB60" s="592"/>
      <c r="AC60" s="267"/>
      <c r="AD60" s="39"/>
      <c r="AE60" s="57"/>
    </row>
    <row r="61" spans="1:31" s="34" customFormat="1" ht="13.4" customHeight="1">
      <c r="A61" s="394"/>
      <c r="B61" s="541">
        <v>43</v>
      </c>
      <c r="C61" s="542"/>
      <c r="D61" s="563" t="s">
        <v>2435</v>
      </c>
      <c r="E61" s="564"/>
      <c r="F61" s="564"/>
      <c r="G61" s="564"/>
      <c r="H61" s="564"/>
      <c r="I61" s="564"/>
      <c r="J61" s="564"/>
      <c r="K61" s="564"/>
      <c r="L61" s="564"/>
      <c r="M61" s="564"/>
      <c r="N61" s="564"/>
      <c r="O61" s="564"/>
      <c r="P61" s="564"/>
      <c r="Q61" s="565"/>
      <c r="R61" s="221" t="s">
        <v>2436</v>
      </c>
      <c r="S61" s="546" t="s">
        <v>1856</v>
      </c>
      <c r="T61" s="548"/>
      <c r="U61" s="408" t="s">
        <v>102</v>
      </c>
      <c r="V61" s="210">
        <v>1</v>
      </c>
      <c r="W61" s="210" t="s">
        <v>103</v>
      </c>
      <c r="X61" s="700"/>
      <c r="Y61" s="700"/>
      <c r="Z61" s="592"/>
      <c r="AA61" s="592"/>
      <c r="AB61" s="592"/>
      <c r="AC61" s="265"/>
      <c r="AD61" s="39"/>
      <c r="AE61" s="55"/>
    </row>
    <row r="62" spans="1:31" s="34" customFormat="1" ht="13.4" customHeight="1">
      <c r="A62" s="394"/>
      <c r="B62" s="541">
        <v>44</v>
      </c>
      <c r="C62" s="542"/>
      <c r="D62" s="563" t="s">
        <v>2437</v>
      </c>
      <c r="E62" s="564"/>
      <c r="F62" s="564"/>
      <c r="G62" s="564"/>
      <c r="H62" s="564"/>
      <c r="I62" s="564"/>
      <c r="J62" s="564"/>
      <c r="K62" s="564"/>
      <c r="L62" s="564"/>
      <c r="M62" s="564"/>
      <c r="N62" s="564"/>
      <c r="O62" s="564"/>
      <c r="P62" s="564"/>
      <c r="Q62" s="565"/>
      <c r="R62" s="221" t="s">
        <v>2438</v>
      </c>
      <c r="S62" s="546" t="s">
        <v>1847</v>
      </c>
      <c r="T62" s="548"/>
      <c r="U62" s="408" t="s">
        <v>102</v>
      </c>
      <c r="V62" s="210">
        <v>1</v>
      </c>
      <c r="W62" s="210" t="s">
        <v>103</v>
      </c>
      <c r="X62" s="700"/>
      <c r="Y62" s="700"/>
      <c r="Z62" s="592"/>
      <c r="AA62" s="592"/>
      <c r="AB62" s="592"/>
      <c r="AC62" s="265"/>
      <c r="AD62" s="39"/>
      <c r="AE62" s="55"/>
    </row>
    <row r="63" spans="1:31" s="34" customFormat="1" ht="13.4" customHeight="1">
      <c r="A63" s="394"/>
      <c r="B63" s="541">
        <v>45</v>
      </c>
      <c r="C63" s="542"/>
      <c r="D63" s="563" t="s">
        <v>2439</v>
      </c>
      <c r="E63" s="564"/>
      <c r="F63" s="564"/>
      <c r="G63" s="564"/>
      <c r="H63" s="564"/>
      <c r="I63" s="564"/>
      <c r="J63" s="564"/>
      <c r="K63" s="564"/>
      <c r="L63" s="564"/>
      <c r="M63" s="564"/>
      <c r="N63" s="564"/>
      <c r="O63" s="564"/>
      <c r="P63" s="564"/>
      <c r="Q63" s="565"/>
      <c r="R63" s="221" t="s">
        <v>2440</v>
      </c>
      <c r="S63" s="546" t="s">
        <v>1856</v>
      </c>
      <c r="T63" s="548"/>
      <c r="U63" s="408" t="s">
        <v>102</v>
      </c>
      <c r="V63" s="210">
        <v>1</v>
      </c>
      <c r="W63" s="210" t="s">
        <v>103</v>
      </c>
      <c r="X63" s="700"/>
      <c r="Y63" s="700"/>
      <c r="Z63" s="592"/>
      <c r="AA63" s="592"/>
      <c r="AB63" s="592"/>
      <c r="AC63" s="265"/>
      <c r="AD63" s="39"/>
      <c r="AE63" s="55"/>
    </row>
    <row r="64" spans="1:31" s="1" customFormat="1" ht="13.4" customHeight="1">
      <c r="A64" s="20"/>
      <c r="B64" s="541">
        <v>46</v>
      </c>
      <c r="C64" s="542"/>
      <c r="D64" s="563" t="s">
        <v>2441</v>
      </c>
      <c r="E64" s="564"/>
      <c r="F64" s="564"/>
      <c r="G64" s="564"/>
      <c r="H64" s="564"/>
      <c r="I64" s="564"/>
      <c r="J64" s="564"/>
      <c r="K64" s="564"/>
      <c r="L64" s="564"/>
      <c r="M64" s="564"/>
      <c r="N64" s="564"/>
      <c r="O64" s="564"/>
      <c r="P64" s="564"/>
      <c r="Q64" s="565"/>
      <c r="R64" s="221" t="s">
        <v>2442</v>
      </c>
      <c r="S64" s="546" t="s">
        <v>1847</v>
      </c>
      <c r="T64" s="548"/>
      <c r="U64" s="408" t="s">
        <v>102</v>
      </c>
      <c r="V64" s="210">
        <v>1</v>
      </c>
      <c r="W64" s="210" t="s">
        <v>103</v>
      </c>
      <c r="X64" s="700"/>
      <c r="Y64" s="700"/>
      <c r="Z64" s="592"/>
      <c r="AA64" s="592"/>
      <c r="AB64" s="592"/>
      <c r="AC64" s="265"/>
      <c r="AD64" s="38"/>
      <c r="AE64" s="26"/>
    </row>
    <row r="65" spans="1:31" s="1" customFormat="1" ht="13.4" customHeight="1">
      <c r="A65" s="20"/>
      <c r="B65" s="541">
        <v>47</v>
      </c>
      <c r="C65" s="542"/>
      <c r="D65" s="563" t="s">
        <v>2443</v>
      </c>
      <c r="E65" s="564"/>
      <c r="F65" s="564"/>
      <c r="G65" s="564"/>
      <c r="H65" s="564"/>
      <c r="I65" s="564"/>
      <c r="J65" s="564"/>
      <c r="K65" s="564"/>
      <c r="L65" s="564"/>
      <c r="M65" s="564"/>
      <c r="N65" s="564"/>
      <c r="O65" s="564"/>
      <c r="P65" s="564"/>
      <c r="Q65" s="565"/>
      <c r="R65" s="221" t="s">
        <v>2444</v>
      </c>
      <c r="S65" s="546" t="s">
        <v>1856</v>
      </c>
      <c r="T65" s="548"/>
      <c r="U65" s="408" t="s">
        <v>102</v>
      </c>
      <c r="V65" s="210">
        <v>1</v>
      </c>
      <c r="W65" s="210" t="s">
        <v>103</v>
      </c>
      <c r="X65" s="700"/>
      <c r="Y65" s="700"/>
      <c r="Z65" s="592"/>
      <c r="AA65" s="592"/>
      <c r="AB65" s="592"/>
      <c r="AC65" s="265"/>
      <c r="AD65" s="38"/>
      <c r="AE65" s="26"/>
    </row>
    <row r="66" spans="1:31" s="13" customFormat="1" ht="13.4" customHeight="1">
      <c r="A66" s="20"/>
      <c r="B66" s="541">
        <v>48</v>
      </c>
      <c r="C66" s="542"/>
      <c r="D66" s="563" t="s">
        <v>2445</v>
      </c>
      <c r="E66" s="564"/>
      <c r="F66" s="564"/>
      <c r="G66" s="564"/>
      <c r="H66" s="564"/>
      <c r="I66" s="564"/>
      <c r="J66" s="564"/>
      <c r="K66" s="564"/>
      <c r="L66" s="564"/>
      <c r="M66" s="564"/>
      <c r="N66" s="564"/>
      <c r="O66" s="564"/>
      <c r="P66" s="564"/>
      <c r="Q66" s="565"/>
      <c r="R66" s="221" t="s">
        <v>2446</v>
      </c>
      <c r="S66" s="546" t="s">
        <v>1856</v>
      </c>
      <c r="T66" s="548"/>
      <c r="U66" s="408" t="s">
        <v>710</v>
      </c>
      <c r="V66" s="210">
        <v>7</v>
      </c>
      <c r="W66" s="210">
        <v>3</v>
      </c>
      <c r="X66" s="700"/>
      <c r="Y66" s="700"/>
      <c r="Z66" s="592"/>
      <c r="AA66" s="592"/>
      <c r="AB66" s="592"/>
      <c r="AC66" s="267"/>
      <c r="AD66" s="38"/>
      <c r="AE66" s="54"/>
    </row>
    <row r="67" spans="1:31" s="13" customFormat="1" ht="13.4" customHeight="1">
      <c r="A67" s="20"/>
      <c r="B67" s="541">
        <v>49</v>
      </c>
      <c r="C67" s="542"/>
      <c r="D67" s="563" t="s">
        <v>2447</v>
      </c>
      <c r="E67" s="564"/>
      <c r="F67" s="564"/>
      <c r="G67" s="564"/>
      <c r="H67" s="564"/>
      <c r="I67" s="564"/>
      <c r="J67" s="564"/>
      <c r="K67" s="564"/>
      <c r="L67" s="564"/>
      <c r="M67" s="564"/>
      <c r="N67" s="564"/>
      <c r="O67" s="564"/>
      <c r="P67" s="564"/>
      <c r="Q67" s="565"/>
      <c r="R67" s="221" t="s">
        <v>2448</v>
      </c>
      <c r="S67" s="546" t="s">
        <v>1856</v>
      </c>
      <c r="T67" s="548"/>
      <c r="U67" s="408" t="s">
        <v>710</v>
      </c>
      <c r="V67" s="210">
        <v>7</v>
      </c>
      <c r="W67" s="210">
        <v>3</v>
      </c>
      <c r="X67" s="700"/>
      <c r="Y67" s="700"/>
      <c r="Z67" s="592"/>
      <c r="AA67" s="592"/>
      <c r="AB67" s="592"/>
      <c r="AC67" s="267"/>
      <c r="AD67" s="38"/>
      <c r="AE67" s="54"/>
    </row>
    <row r="68" spans="1:31" s="34" customFormat="1" ht="13.4" customHeight="1">
      <c r="A68" s="394"/>
      <c r="B68" s="541">
        <v>50</v>
      </c>
      <c r="C68" s="542"/>
      <c r="D68" s="563" t="s">
        <v>2449</v>
      </c>
      <c r="E68" s="564"/>
      <c r="F68" s="564"/>
      <c r="G68" s="564"/>
      <c r="H68" s="564"/>
      <c r="I68" s="564"/>
      <c r="J68" s="564"/>
      <c r="K68" s="564"/>
      <c r="L68" s="564"/>
      <c r="M68" s="564"/>
      <c r="N68" s="564"/>
      <c r="O68" s="564"/>
      <c r="P68" s="564"/>
      <c r="Q68" s="565"/>
      <c r="R68" s="221" t="s">
        <v>2450</v>
      </c>
      <c r="S68" s="546" t="s">
        <v>1856</v>
      </c>
      <c r="T68" s="548"/>
      <c r="U68" s="408" t="s">
        <v>710</v>
      </c>
      <c r="V68" s="210">
        <v>7</v>
      </c>
      <c r="W68" s="210">
        <v>3</v>
      </c>
      <c r="X68" s="700"/>
      <c r="Y68" s="700"/>
      <c r="Z68" s="592"/>
      <c r="AA68" s="592"/>
      <c r="AB68" s="592"/>
      <c r="AC68" s="265"/>
      <c r="AD68" s="39"/>
      <c r="AE68" s="55"/>
    </row>
    <row r="69" spans="1:31" s="34" customFormat="1" ht="13.4" customHeight="1">
      <c r="A69" s="394"/>
      <c r="B69" s="541">
        <v>51</v>
      </c>
      <c r="C69" s="542"/>
      <c r="D69" s="563" t="s">
        <v>2451</v>
      </c>
      <c r="E69" s="564"/>
      <c r="F69" s="564"/>
      <c r="G69" s="564"/>
      <c r="H69" s="564"/>
      <c r="I69" s="564"/>
      <c r="J69" s="564"/>
      <c r="K69" s="564"/>
      <c r="L69" s="564"/>
      <c r="M69" s="564"/>
      <c r="N69" s="564"/>
      <c r="O69" s="564"/>
      <c r="P69" s="564"/>
      <c r="Q69" s="565"/>
      <c r="R69" s="221" t="s">
        <v>2452</v>
      </c>
      <c r="S69" s="546" t="s">
        <v>1856</v>
      </c>
      <c r="T69" s="548"/>
      <c r="U69" s="408" t="s">
        <v>710</v>
      </c>
      <c r="V69" s="210">
        <v>7</v>
      </c>
      <c r="W69" s="210">
        <v>3</v>
      </c>
      <c r="X69" s="700"/>
      <c r="Y69" s="700"/>
      <c r="Z69" s="592"/>
      <c r="AA69" s="592"/>
      <c r="AB69" s="592"/>
      <c r="AC69" s="265"/>
      <c r="AD69" s="39"/>
      <c r="AE69" s="55"/>
    </row>
    <row r="70" spans="1:31" s="35" customFormat="1" ht="13.4" customHeight="1">
      <c r="A70" s="394"/>
      <c r="B70" s="541">
        <v>52</v>
      </c>
      <c r="C70" s="542"/>
      <c r="D70" s="563" t="s">
        <v>2453</v>
      </c>
      <c r="E70" s="564"/>
      <c r="F70" s="564"/>
      <c r="G70" s="564"/>
      <c r="H70" s="564"/>
      <c r="I70" s="564"/>
      <c r="J70" s="564"/>
      <c r="K70" s="564"/>
      <c r="L70" s="564"/>
      <c r="M70" s="564"/>
      <c r="N70" s="564"/>
      <c r="O70" s="564"/>
      <c r="P70" s="564"/>
      <c r="Q70" s="565"/>
      <c r="R70" s="221" t="s">
        <v>2454</v>
      </c>
      <c r="S70" s="546" t="s">
        <v>1856</v>
      </c>
      <c r="T70" s="548"/>
      <c r="U70" s="408" t="s">
        <v>710</v>
      </c>
      <c r="V70" s="210">
        <v>7</v>
      </c>
      <c r="W70" s="210">
        <v>3</v>
      </c>
      <c r="X70" s="700"/>
      <c r="Y70" s="700"/>
      <c r="Z70" s="592"/>
      <c r="AA70" s="592"/>
      <c r="AB70" s="592"/>
      <c r="AC70" s="267"/>
      <c r="AD70" s="39"/>
      <c r="AE70" s="57"/>
    </row>
    <row r="71" spans="1:31" s="34" customFormat="1" ht="13.4" customHeight="1">
      <c r="A71" s="394"/>
      <c r="B71" s="541">
        <v>53</v>
      </c>
      <c r="C71" s="542"/>
      <c r="D71" s="563" t="s">
        <v>2455</v>
      </c>
      <c r="E71" s="564"/>
      <c r="F71" s="564"/>
      <c r="G71" s="564"/>
      <c r="H71" s="564"/>
      <c r="I71" s="564"/>
      <c r="J71" s="564"/>
      <c r="K71" s="564"/>
      <c r="L71" s="564"/>
      <c r="M71" s="564"/>
      <c r="N71" s="564"/>
      <c r="O71" s="564"/>
      <c r="P71" s="564"/>
      <c r="Q71" s="565"/>
      <c r="R71" s="221" t="s">
        <v>2456</v>
      </c>
      <c r="S71" s="546" t="s">
        <v>1856</v>
      </c>
      <c r="T71" s="548"/>
      <c r="U71" s="408" t="s">
        <v>710</v>
      </c>
      <c r="V71" s="210">
        <v>7</v>
      </c>
      <c r="W71" s="210">
        <v>3</v>
      </c>
      <c r="X71" s="700"/>
      <c r="Y71" s="700"/>
      <c r="Z71" s="592"/>
      <c r="AA71" s="592"/>
      <c r="AB71" s="592"/>
      <c r="AC71" s="265"/>
      <c r="AD71" s="39"/>
      <c r="AE71" s="55"/>
    </row>
    <row r="72" spans="1:31" s="34" customFormat="1" ht="13.4" customHeight="1">
      <c r="A72" s="394"/>
      <c r="B72" s="541">
        <v>54</v>
      </c>
      <c r="C72" s="542"/>
      <c r="D72" s="563" t="s">
        <v>2457</v>
      </c>
      <c r="E72" s="564"/>
      <c r="F72" s="564"/>
      <c r="G72" s="564"/>
      <c r="H72" s="564"/>
      <c r="I72" s="564"/>
      <c r="J72" s="564"/>
      <c r="K72" s="564"/>
      <c r="L72" s="564"/>
      <c r="M72" s="564"/>
      <c r="N72" s="564"/>
      <c r="O72" s="564"/>
      <c r="P72" s="564"/>
      <c r="Q72" s="565"/>
      <c r="R72" s="221" t="s">
        <v>2458</v>
      </c>
      <c r="S72" s="546" t="s">
        <v>1856</v>
      </c>
      <c r="T72" s="548"/>
      <c r="U72" s="408" t="s">
        <v>710</v>
      </c>
      <c r="V72" s="210">
        <v>7</v>
      </c>
      <c r="W72" s="210">
        <v>3</v>
      </c>
      <c r="X72" s="700"/>
      <c r="Y72" s="700"/>
      <c r="Z72" s="592"/>
      <c r="AA72" s="592"/>
      <c r="AB72" s="592"/>
      <c r="AC72" s="265"/>
      <c r="AD72" s="39"/>
      <c r="AE72" s="55"/>
    </row>
    <row r="73" spans="1:31" s="34" customFormat="1" ht="13.4" customHeight="1">
      <c r="A73" s="394"/>
      <c r="B73" s="541">
        <v>55</v>
      </c>
      <c r="C73" s="542"/>
      <c r="D73" s="563" t="s">
        <v>2459</v>
      </c>
      <c r="E73" s="564"/>
      <c r="F73" s="564"/>
      <c r="G73" s="564"/>
      <c r="H73" s="564"/>
      <c r="I73" s="564"/>
      <c r="J73" s="564"/>
      <c r="K73" s="564"/>
      <c r="L73" s="564"/>
      <c r="M73" s="564"/>
      <c r="N73" s="564"/>
      <c r="O73" s="564"/>
      <c r="P73" s="564"/>
      <c r="Q73" s="565"/>
      <c r="R73" s="221" t="s">
        <v>2460</v>
      </c>
      <c r="S73" s="546" t="s">
        <v>1847</v>
      </c>
      <c r="T73" s="548"/>
      <c r="U73" s="408" t="s">
        <v>102</v>
      </c>
      <c r="V73" s="210">
        <v>1</v>
      </c>
      <c r="W73" s="210" t="s">
        <v>103</v>
      </c>
      <c r="X73" s="700"/>
      <c r="Y73" s="700"/>
      <c r="Z73" s="592"/>
      <c r="AA73" s="592"/>
      <c r="AB73" s="592"/>
      <c r="AC73" s="265"/>
      <c r="AD73" s="39"/>
      <c r="AE73" s="55"/>
    </row>
    <row r="74" spans="1:31" s="1" customFormat="1" ht="13.4" customHeight="1">
      <c r="A74" s="20"/>
      <c r="B74" s="541">
        <v>56</v>
      </c>
      <c r="C74" s="542"/>
      <c r="D74" s="563" t="s">
        <v>2461</v>
      </c>
      <c r="E74" s="564"/>
      <c r="F74" s="564"/>
      <c r="G74" s="564"/>
      <c r="H74" s="564"/>
      <c r="I74" s="564"/>
      <c r="J74" s="564"/>
      <c r="K74" s="564"/>
      <c r="L74" s="564"/>
      <c r="M74" s="564"/>
      <c r="N74" s="564"/>
      <c r="O74" s="564"/>
      <c r="P74" s="564"/>
      <c r="Q74" s="565"/>
      <c r="R74" s="221" t="s">
        <v>2462</v>
      </c>
      <c r="S74" s="546" t="s">
        <v>1856</v>
      </c>
      <c r="T74" s="548"/>
      <c r="U74" s="408" t="s">
        <v>710</v>
      </c>
      <c r="V74" s="210">
        <v>7</v>
      </c>
      <c r="W74" s="210">
        <v>3</v>
      </c>
      <c r="X74" s="700"/>
      <c r="Y74" s="700"/>
      <c r="Z74" s="592"/>
      <c r="AA74" s="592"/>
      <c r="AB74" s="592"/>
      <c r="AC74" s="265"/>
      <c r="AD74" s="38"/>
      <c r="AE74" s="26"/>
    </row>
    <row r="75" spans="1:31" s="1" customFormat="1" ht="13.4" customHeight="1">
      <c r="A75" s="20"/>
      <c r="B75" s="541">
        <v>57</v>
      </c>
      <c r="C75" s="542"/>
      <c r="D75" s="563" t="s">
        <v>2463</v>
      </c>
      <c r="E75" s="564"/>
      <c r="F75" s="564"/>
      <c r="G75" s="564"/>
      <c r="H75" s="564"/>
      <c r="I75" s="564"/>
      <c r="J75" s="564"/>
      <c r="K75" s="564"/>
      <c r="L75" s="564"/>
      <c r="M75" s="564"/>
      <c r="N75" s="564"/>
      <c r="O75" s="564"/>
      <c r="P75" s="564"/>
      <c r="Q75" s="565"/>
      <c r="R75" s="221" t="s">
        <v>2464</v>
      </c>
      <c r="S75" s="546" t="s">
        <v>1856</v>
      </c>
      <c r="T75" s="548"/>
      <c r="U75" s="408" t="s">
        <v>710</v>
      </c>
      <c r="V75" s="210">
        <v>7</v>
      </c>
      <c r="W75" s="210">
        <v>3</v>
      </c>
      <c r="X75" s="700"/>
      <c r="Y75" s="700"/>
      <c r="Z75" s="592"/>
      <c r="AA75" s="592"/>
      <c r="AB75" s="592"/>
      <c r="AC75" s="265"/>
      <c r="AD75" s="38"/>
      <c r="AE75" s="26"/>
    </row>
    <row r="76" spans="1:31" s="1" customFormat="1" ht="13.4" customHeight="1">
      <c r="A76" s="20"/>
      <c r="B76" s="541">
        <v>58</v>
      </c>
      <c r="C76" s="542"/>
      <c r="D76" s="563" t="s">
        <v>2465</v>
      </c>
      <c r="E76" s="564"/>
      <c r="F76" s="564"/>
      <c r="G76" s="564"/>
      <c r="H76" s="564"/>
      <c r="I76" s="564"/>
      <c r="J76" s="564"/>
      <c r="K76" s="564"/>
      <c r="L76" s="564"/>
      <c r="M76" s="564"/>
      <c r="N76" s="564"/>
      <c r="O76" s="564"/>
      <c r="P76" s="564"/>
      <c r="Q76" s="565"/>
      <c r="R76" s="229" t="s">
        <v>2466</v>
      </c>
      <c r="S76" s="546" t="s">
        <v>1856</v>
      </c>
      <c r="T76" s="548"/>
      <c r="U76" s="408" t="s">
        <v>710</v>
      </c>
      <c r="V76" s="210">
        <v>7</v>
      </c>
      <c r="W76" s="210">
        <v>3</v>
      </c>
      <c r="X76" s="700"/>
      <c r="Y76" s="700"/>
      <c r="Z76" s="592"/>
      <c r="AA76" s="592"/>
      <c r="AB76" s="592"/>
      <c r="AC76" s="265"/>
      <c r="AD76" s="38"/>
      <c r="AE76" s="26"/>
    </row>
    <row r="77" spans="1:31" s="13" customFormat="1" ht="27.65" customHeight="1">
      <c r="A77" s="20"/>
      <c r="B77" s="541">
        <v>59</v>
      </c>
      <c r="C77" s="542"/>
      <c r="D77" s="563" t="s">
        <v>2467</v>
      </c>
      <c r="E77" s="564"/>
      <c r="F77" s="564"/>
      <c r="G77" s="564"/>
      <c r="H77" s="564"/>
      <c r="I77" s="564"/>
      <c r="J77" s="564"/>
      <c r="K77" s="564"/>
      <c r="L77" s="564"/>
      <c r="M77" s="564"/>
      <c r="N77" s="564"/>
      <c r="O77" s="564"/>
      <c r="P77" s="564"/>
      <c r="Q77" s="565"/>
      <c r="R77" s="229" t="s">
        <v>2468</v>
      </c>
      <c r="S77" s="546" t="s">
        <v>1856</v>
      </c>
      <c r="T77" s="548"/>
      <c r="U77" s="408" t="s">
        <v>710</v>
      </c>
      <c r="V77" s="210">
        <v>7</v>
      </c>
      <c r="W77" s="210">
        <v>3</v>
      </c>
      <c r="X77" s="700"/>
      <c r="Y77" s="700"/>
      <c r="Z77" s="592"/>
      <c r="AA77" s="592"/>
      <c r="AB77" s="592"/>
      <c r="AC77" s="267"/>
      <c r="AD77" s="38"/>
      <c r="AE77" s="54"/>
    </row>
    <row r="78" spans="1:31" s="13" customFormat="1" ht="30.65" customHeight="1">
      <c r="A78" s="20"/>
      <c r="B78" s="541">
        <v>60</v>
      </c>
      <c r="C78" s="542"/>
      <c r="D78" s="563" t="s">
        <v>2469</v>
      </c>
      <c r="E78" s="564"/>
      <c r="F78" s="564"/>
      <c r="G78" s="564"/>
      <c r="H78" s="564"/>
      <c r="I78" s="564"/>
      <c r="J78" s="564"/>
      <c r="K78" s="564"/>
      <c r="L78" s="564"/>
      <c r="M78" s="564"/>
      <c r="N78" s="564"/>
      <c r="O78" s="564"/>
      <c r="P78" s="564"/>
      <c r="Q78" s="565"/>
      <c r="R78" s="229" t="s">
        <v>2470</v>
      </c>
      <c r="S78" s="546" t="s">
        <v>1856</v>
      </c>
      <c r="T78" s="548"/>
      <c r="U78" s="408" t="s">
        <v>710</v>
      </c>
      <c r="V78" s="210">
        <v>7</v>
      </c>
      <c r="W78" s="210">
        <v>3</v>
      </c>
      <c r="X78" s="700"/>
      <c r="Y78" s="700"/>
      <c r="Z78" s="592"/>
      <c r="AA78" s="592"/>
      <c r="AB78" s="592"/>
      <c r="AC78" s="267"/>
      <c r="AD78" s="38"/>
      <c r="AE78" s="54"/>
    </row>
    <row r="79" spans="1:31" s="34" customFormat="1" ht="13.4" customHeight="1">
      <c r="A79" s="394"/>
      <c r="B79" s="541">
        <v>61</v>
      </c>
      <c r="C79" s="542"/>
      <c r="D79" s="563" t="s">
        <v>2471</v>
      </c>
      <c r="E79" s="564"/>
      <c r="F79" s="564"/>
      <c r="G79" s="564"/>
      <c r="H79" s="564"/>
      <c r="I79" s="564"/>
      <c r="J79" s="564"/>
      <c r="K79" s="564"/>
      <c r="L79" s="564"/>
      <c r="M79" s="564"/>
      <c r="N79" s="564"/>
      <c r="O79" s="564"/>
      <c r="P79" s="564"/>
      <c r="Q79" s="565"/>
      <c r="R79" s="221" t="s">
        <v>2472</v>
      </c>
      <c r="S79" s="546" t="s">
        <v>1856</v>
      </c>
      <c r="T79" s="548"/>
      <c r="U79" s="408" t="s">
        <v>710</v>
      </c>
      <c r="V79" s="210">
        <v>7</v>
      </c>
      <c r="W79" s="210">
        <v>3</v>
      </c>
      <c r="X79" s="700"/>
      <c r="Y79" s="700"/>
      <c r="Z79" s="592"/>
      <c r="AA79" s="592"/>
      <c r="AB79" s="592"/>
      <c r="AC79" s="265"/>
      <c r="AD79" s="39"/>
      <c r="AE79" s="55"/>
    </row>
    <row r="80" spans="1:31" s="1" customFormat="1" ht="13.4" customHeight="1">
      <c r="A80" s="20"/>
      <c r="B80" s="541">
        <v>62</v>
      </c>
      <c r="C80" s="542"/>
      <c r="D80" s="563" t="s">
        <v>2473</v>
      </c>
      <c r="E80" s="564"/>
      <c r="F80" s="564"/>
      <c r="G80" s="564"/>
      <c r="H80" s="564"/>
      <c r="I80" s="564"/>
      <c r="J80" s="564"/>
      <c r="K80" s="564"/>
      <c r="L80" s="564"/>
      <c r="M80" s="564"/>
      <c r="N80" s="564"/>
      <c r="O80" s="564"/>
      <c r="P80" s="564"/>
      <c r="Q80" s="565"/>
      <c r="R80" s="221" t="s">
        <v>2474</v>
      </c>
      <c r="S80" s="546" t="s">
        <v>1856</v>
      </c>
      <c r="T80" s="548"/>
      <c r="U80" s="408" t="s">
        <v>710</v>
      </c>
      <c r="V80" s="210">
        <v>7</v>
      </c>
      <c r="W80" s="210">
        <v>3</v>
      </c>
      <c r="X80" s="700"/>
      <c r="Y80" s="700"/>
      <c r="Z80" s="592"/>
      <c r="AA80" s="592"/>
      <c r="AB80" s="592"/>
      <c r="AC80" s="265"/>
      <c r="AD80" s="38"/>
      <c r="AE80" s="26"/>
    </row>
    <row r="81" spans="1:31" s="1" customFormat="1" ht="13.4" customHeight="1">
      <c r="A81" s="20"/>
      <c r="B81" s="541">
        <v>63</v>
      </c>
      <c r="C81" s="542"/>
      <c r="D81" s="563" t="s">
        <v>2475</v>
      </c>
      <c r="E81" s="564"/>
      <c r="F81" s="564"/>
      <c r="G81" s="564"/>
      <c r="H81" s="564"/>
      <c r="I81" s="564"/>
      <c r="J81" s="564"/>
      <c r="K81" s="564"/>
      <c r="L81" s="564"/>
      <c r="M81" s="564"/>
      <c r="N81" s="564"/>
      <c r="O81" s="564"/>
      <c r="P81" s="564"/>
      <c r="Q81" s="565"/>
      <c r="R81" s="221" t="s">
        <v>2476</v>
      </c>
      <c r="S81" s="546" t="s">
        <v>1856</v>
      </c>
      <c r="T81" s="548"/>
      <c r="U81" s="408" t="s">
        <v>710</v>
      </c>
      <c r="V81" s="210">
        <v>7</v>
      </c>
      <c r="W81" s="210">
        <v>3</v>
      </c>
      <c r="X81" s="700"/>
      <c r="Y81" s="700"/>
      <c r="Z81" s="592"/>
      <c r="AA81" s="592"/>
      <c r="AB81" s="592"/>
      <c r="AC81" s="265"/>
      <c r="AD81" s="38"/>
      <c r="AE81" s="26"/>
    </row>
    <row r="82" spans="1:31" s="13" customFormat="1" ht="13.4" customHeight="1">
      <c r="A82" s="20"/>
      <c r="B82" s="541">
        <v>64</v>
      </c>
      <c r="C82" s="542"/>
      <c r="D82" s="563" t="s">
        <v>2477</v>
      </c>
      <c r="E82" s="564"/>
      <c r="F82" s="564"/>
      <c r="G82" s="564"/>
      <c r="H82" s="564"/>
      <c r="I82" s="564"/>
      <c r="J82" s="564"/>
      <c r="K82" s="564"/>
      <c r="L82" s="564"/>
      <c r="M82" s="564"/>
      <c r="N82" s="564"/>
      <c r="O82" s="564"/>
      <c r="P82" s="564"/>
      <c r="Q82" s="565"/>
      <c r="R82" s="221" t="s">
        <v>2478</v>
      </c>
      <c r="S82" s="546" t="s">
        <v>1856</v>
      </c>
      <c r="T82" s="548"/>
      <c r="U82" s="408" t="s">
        <v>710</v>
      </c>
      <c r="V82" s="210">
        <v>7</v>
      </c>
      <c r="W82" s="210">
        <v>3</v>
      </c>
      <c r="X82" s="700"/>
      <c r="Y82" s="700"/>
      <c r="Z82" s="592"/>
      <c r="AA82" s="592"/>
      <c r="AB82" s="592"/>
      <c r="AC82" s="267"/>
      <c r="AD82" s="38"/>
      <c r="AE82" s="54"/>
    </row>
    <row r="83" spans="1:31" s="13" customFormat="1" ht="13.4" customHeight="1">
      <c r="A83" s="20"/>
      <c r="B83" s="541">
        <v>65</v>
      </c>
      <c r="C83" s="542"/>
      <c r="D83" s="563" t="s">
        <v>2479</v>
      </c>
      <c r="E83" s="564"/>
      <c r="F83" s="564"/>
      <c r="G83" s="564"/>
      <c r="H83" s="564"/>
      <c r="I83" s="564"/>
      <c r="J83" s="564"/>
      <c r="K83" s="564"/>
      <c r="L83" s="564"/>
      <c r="M83" s="564"/>
      <c r="N83" s="564"/>
      <c r="O83" s="564"/>
      <c r="P83" s="564"/>
      <c r="Q83" s="565"/>
      <c r="R83" s="221" t="s">
        <v>2480</v>
      </c>
      <c r="S83" s="546" t="s">
        <v>1856</v>
      </c>
      <c r="T83" s="548"/>
      <c r="U83" s="408" t="s">
        <v>710</v>
      </c>
      <c r="V83" s="210">
        <v>7</v>
      </c>
      <c r="W83" s="210">
        <v>3</v>
      </c>
      <c r="X83" s="700"/>
      <c r="Y83" s="700"/>
      <c r="Z83" s="592"/>
      <c r="AA83" s="592"/>
      <c r="AB83" s="592"/>
      <c r="AC83" s="267"/>
      <c r="AD83" s="38"/>
      <c r="AE83" s="54"/>
    </row>
    <row r="84" spans="1:31" s="34" customFormat="1" ht="13.4" customHeight="1">
      <c r="A84" s="394"/>
      <c r="B84" s="541">
        <v>66</v>
      </c>
      <c r="C84" s="542"/>
      <c r="D84" s="563" t="s">
        <v>2481</v>
      </c>
      <c r="E84" s="564"/>
      <c r="F84" s="564"/>
      <c r="G84" s="564"/>
      <c r="H84" s="564"/>
      <c r="I84" s="564"/>
      <c r="J84" s="564"/>
      <c r="K84" s="564"/>
      <c r="L84" s="564"/>
      <c r="M84" s="564"/>
      <c r="N84" s="564"/>
      <c r="O84" s="564"/>
      <c r="P84" s="564"/>
      <c r="Q84" s="565"/>
      <c r="R84" s="221" t="s">
        <v>2482</v>
      </c>
      <c r="S84" s="546" t="s">
        <v>1856</v>
      </c>
      <c r="T84" s="548"/>
      <c r="U84" s="408" t="s">
        <v>710</v>
      </c>
      <c r="V84" s="210">
        <v>7</v>
      </c>
      <c r="W84" s="210">
        <v>3</v>
      </c>
      <c r="X84" s="700"/>
      <c r="Y84" s="700"/>
      <c r="Z84" s="592"/>
      <c r="AA84" s="592"/>
      <c r="AB84" s="592"/>
      <c r="AC84" s="265"/>
      <c r="AD84" s="39"/>
      <c r="AE84" s="55"/>
    </row>
    <row r="85" spans="1:31" s="34" customFormat="1" ht="13.4" customHeight="1">
      <c r="A85" s="394"/>
      <c r="B85" s="541">
        <v>67</v>
      </c>
      <c r="C85" s="542"/>
      <c r="D85" s="563" t="s">
        <v>2483</v>
      </c>
      <c r="E85" s="564"/>
      <c r="F85" s="564"/>
      <c r="G85" s="564"/>
      <c r="H85" s="564"/>
      <c r="I85" s="564"/>
      <c r="J85" s="564"/>
      <c r="K85" s="564"/>
      <c r="L85" s="564"/>
      <c r="M85" s="564"/>
      <c r="N85" s="564"/>
      <c r="O85" s="564"/>
      <c r="P85" s="564"/>
      <c r="Q85" s="565"/>
      <c r="R85" s="221" t="s">
        <v>2484</v>
      </c>
      <c r="S85" s="546" t="s">
        <v>1856</v>
      </c>
      <c r="T85" s="548"/>
      <c r="U85" s="408" t="s">
        <v>710</v>
      </c>
      <c r="V85" s="210">
        <v>7</v>
      </c>
      <c r="W85" s="210">
        <v>3</v>
      </c>
      <c r="X85" s="700"/>
      <c r="Y85" s="700"/>
      <c r="Z85" s="592"/>
      <c r="AA85" s="592"/>
      <c r="AB85" s="592"/>
      <c r="AC85" s="265"/>
      <c r="AD85" s="39"/>
      <c r="AE85" s="55"/>
    </row>
    <row r="86" spans="1:31" s="35" customFormat="1" ht="13.4" customHeight="1">
      <c r="A86" s="394"/>
      <c r="B86" s="541">
        <v>68</v>
      </c>
      <c r="C86" s="542"/>
      <c r="D86" s="563" t="s">
        <v>2485</v>
      </c>
      <c r="E86" s="564"/>
      <c r="F86" s="564"/>
      <c r="G86" s="564"/>
      <c r="H86" s="564"/>
      <c r="I86" s="564"/>
      <c r="J86" s="564"/>
      <c r="K86" s="564"/>
      <c r="L86" s="564"/>
      <c r="M86" s="564"/>
      <c r="N86" s="564"/>
      <c r="O86" s="564"/>
      <c r="P86" s="564"/>
      <c r="Q86" s="565"/>
      <c r="R86" s="221" t="s">
        <v>2486</v>
      </c>
      <c r="S86" s="546" t="s">
        <v>1856</v>
      </c>
      <c r="T86" s="548"/>
      <c r="U86" s="408" t="s">
        <v>710</v>
      </c>
      <c r="V86" s="210">
        <v>7</v>
      </c>
      <c r="W86" s="210">
        <v>3</v>
      </c>
      <c r="X86" s="700"/>
      <c r="Y86" s="700"/>
      <c r="Z86" s="592"/>
      <c r="AA86" s="592"/>
      <c r="AB86" s="592"/>
      <c r="AC86" s="267"/>
      <c r="AD86" s="39"/>
      <c r="AE86" s="57"/>
    </row>
    <row r="87" spans="1:31" s="34" customFormat="1" ht="13.4" customHeight="1">
      <c r="A87" s="394"/>
      <c r="B87" s="541">
        <v>69</v>
      </c>
      <c r="C87" s="542"/>
      <c r="D87" s="563" t="s">
        <v>2487</v>
      </c>
      <c r="E87" s="564"/>
      <c r="F87" s="564"/>
      <c r="G87" s="564"/>
      <c r="H87" s="564"/>
      <c r="I87" s="564"/>
      <c r="J87" s="564"/>
      <c r="K87" s="564"/>
      <c r="L87" s="564"/>
      <c r="M87" s="564"/>
      <c r="N87" s="564"/>
      <c r="O87" s="564"/>
      <c r="P87" s="564"/>
      <c r="Q87" s="565"/>
      <c r="R87" s="221" t="s">
        <v>2488</v>
      </c>
      <c r="S87" s="546" t="s">
        <v>1856</v>
      </c>
      <c r="T87" s="548"/>
      <c r="U87" s="408" t="s">
        <v>710</v>
      </c>
      <c r="V87" s="210">
        <v>7</v>
      </c>
      <c r="W87" s="210">
        <v>3</v>
      </c>
      <c r="X87" s="700"/>
      <c r="Y87" s="700"/>
      <c r="Z87" s="592"/>
      <c r="AA87" s="592"/>
      <c r="AB87" s="592"/>
      <c r="AC87" s="265"/>
      <c r="AD87" s="39"/>
      <c r="AE87" s="55"/>
    </row>
    <row r="88" spans="1:31" s="34" customFormat="1" ht="13.4" customHeight="1">
      <c r="A88" s="394"/>
      <c r="B88" s="541">
        <v>70</v>
      </c>
      <c r="C88" s="542"/>
      <c r="D88" s="563" t="s">
        <v>2489</v>
      </c>
      <c r="E88" s="564"/>
      <c r="F88" s="564"/>
      <c r="G88" s="564"/>
      <c r="H88" s="564"/>
      <c r="I88" s="564"/>
      <c r="J88" s="564"/>
      <c r="K88" s="564"/>
      <c r="L88" s="564"/>
      <c r="M88" s="564"/>
      <c r="N88" s="564"/>
      <c r="O88" s="564"/>
      <c r="P88" s="564"/>
      <c r="Q88" s="565"/>
      <c r="R88" s="221" t="s">
        <v>2490</v>
      </c>
      <c r="S88" s="546" t="s">
        <v>1856</v>
      </c>
      <c r="T88" s="548"/>
      <c r="U88" s="408" t="s">
        <v>710</v>
      </c>
      <c r="V88" s="210">
        <v>7</v>
      </c>
      <c r="W88" s="210">
        <v>3</v>
      </c>
      <c r="X88" s="700"/>
      <c r="Y88" s="700"/>
      <c r="Z88" s="592"/>
      <c r="AA88" s="592"/>
      <c r="AB88" s="592"/>
      <c r="AC88" s="265"/>
      <c r="AD88" s="39"/>
      <c r="AE88" s="55"/>
    </row>
    <row r="89" spans="1:31" s="34" customFormat="1" ht="13.4" customHeight="1">
      <c r="A89" s="394"/>
      <c r="B89" s="541">
        <v>71</v>
      </c>
      <c r="C89" s="542"/>
      <c r="D89" s="563" t="s">
        <v>2491</v>
      </c>
      <c r="E89" s="564"/>
      <c r="F89" s="564"/>
      <c r="G89" s="564"/>
      <c r="H89" s="564"/>
      <c r="I89" s="564"/>
      <c r="J89" s="564"/>
      <c r="K89" s="564"/>
      <c r="L89" s="564"/>
      <c r="M89" s="564"/>
      <c r="N89" s="564"/>
      <c r="O89" s="564"/>
      <c r="P89" s="564"/>
      <c r="Q89" s="565"/>
      <c r="R89" s="221" t="s">
        <v>2492</v>
      </c>
      <c r="S89" s="546" t="s">
        <v>1856</v>
      </c>
      <c r="T89" s="548"/>
      <c r="U89" s="408" t="s">
        <v>710</v>
      </c>
      <c r="V89" s="210">
        <v>7</v>
      </c>
      <c r="W89" s="210">
        <v>3</v>
      </c>
      <c r="X89" s="700"/>
      <c r="Y89" s="700"/>
      <c r="Z89" s="592"/>
      <c r="AA89" s="592"/>
      <c r="AB89" s="592"/>
      <c r="AC89" s="265"/>
      <c r="AD89" s="39"/>
      <c r="AE89" s="55"/>
    </row>
    <row r="90" spans="1:31" s="1" customFormat="1" ht="13.4" customHeight="1">
      <c r="A90" s="20"/>
      <c r="B90" s="541">
        <v>72</v>
      </c>
      <c r="C90" s="542"/>
      <c r="D90" s="563" t="s">
        <v>2493</v>
      </c>
      <c r="E90" s="564"/>
      <c r="F90" s="564"/>
      <c r="G90" s="564"/>
      <c r="H90" s="564"/>
      <c r="I90" s="564"/>
      <c r="J90" s="564"/>
      <c r="K90" s="564"/>
      <c r="L90" s="564"/>
      <c r="M90" s="564"/>
      <c r="N90" s="564"/>
      <c r="O90" s="564"/>
      <c r="P90" s="564"/>
      <c r="Q90" s="565"/>
      <c r="R90" s="221" t="s">
        <v>2494</v>
      </c>
      <c r="S90" s="546" t="s">
        <v>1856</v>
      </c>
      <c r="T90" s="548"/>
      <c r="U90" s="408" t="s">
        <v>710</v>
      </c>
      <c r="V90" s="210">
        <v>7</v>
      </c>
      <c r="W90" s="210">
        <v>3</v>
      </c>
      <c r="X90" s="700"/>
      <c r="Y90" s="700"/>
      <c r="Z90" s="592"/>
      <c r="AA90" s="592"/>
      <c r="AB90" s="592"/>
      <c r="AC90" s="265"/>
      <c r="AD90" s="38"/>
      <c r="AE90" s="26"/>
    </row>
    <row r="91" spans="1:31" s="1" customFormat="1" ht="13.4" customHeight="1">
      <c r="A91" s="20"/>
      <c r="B91" s="541">
        <v>73</v>
      </c>
      <c r="C91" s="542"/>
      <c r="D91" s="563" t="s">
        <v>2495</v>
      </c>
      <c r="E91" s="564"/>
      <c r="F91" s="564"/>
      <c r="G91" s="564"/>
      <c r="H91" s="564"/>
      <c r="I91" s="564"/>
      <c r="J91" s="564"/>
      <c r="K91" s="564"/>
      <c r="L91" s="564"/>
      <c r="M91" s="564"/>
      <c r="N91" s="564"/>
      <c r="O91" s="564"/>
      <c r="P91" s="564"/>
      <c r="Q91" s="565"/>
      <c r="R91" s="221" t="s">
        <v>2496</v>
      </c>
      <c r="S91" s="546" t="s">
        <v>1856</v>
      </c>
      <c r="T91" s="548"/>
      <c r="U91" s="408" t="s">
        <v>710</v>
      </c>
      <c r="V91" s="210">
        <v>7</v>
      </c>
      <c r="W91" s="210">
        <v>3</v>
      </c>
      <c r="X91" s="700"/>
      <c r="Y91" s="700"/>
      <c r="Z91" s="592"/>
      <c r="AA91" s="592"/>
      <c r="AB91" s="592"/>
      <c r="AC91" s="265"/>
      <c r="AD91" s="38"/>
      <c r="AE91" s="26"/>
    </row>
    <row r="92" spans="1:31" s="1" customFormat="1" ht="13.4" customHeight="1">
      <c r="A92" s="20"/>
      <c r="B92" s="541">
        <v>74</v>
      </c>
      <c r="C92" s="542"/>
      <c r="D92" s="563" t="s">
        <v>2497</v>
      </c>
      <c r="E92" s="564"/>
      <c r="F92" s="564"/>
      <c r="G92" s="564"/>
      <c r="H92" s="564"/>
      <c r="I92" s="564"/>
      <c r="J92" s="564"/>
      <c r="K92" s="564"/>
      <c r="L92" s="564"/>
      <c r="M92" s="564"/>
      <c r="N92" s="564"/>
      <c r="O92" s="564"/>
      <c r="P92" s="564"/>
      <c r="Q92" s="565"/>
      <c r="R92" s="221" t="s">
        <v>2498</v>
      </c>
      <c r="S92" s="546" t="s">
        <v>1856</v>
      </c>
      <c r="T92" s="548"/>
      <c r="U92" s="408" t="s">
        <v>710</v>
      </c>
      <c r="V92" s="210">
        <v>7</v>
      </c>
      <c r="W92" s="210">
        <v>3</v>
      </c>
      <c r="X92" s="700"/>
      <c r="Y92" s="700"/>
      <c r="Z92" s="592"/>
      <c r="AA92" s="592"/>
      <c r="AB92" s="592"/>
      <c r="AC92" s="265"/>
      <c r="AD92" s="38"/>
      <c r="AE92" s="26"/>
    </row>
    <row r="93" spans="1:31" s="13" customFormat="1" ht="13.4" customHeight="1">
      <c r="A93" s="20"/>
      <c r="B93" s="541">
        <v>75</v>
      </c>
      <c r="C93" s="542"/>
      <c r="D93" s="563" t="s">
        <v>2499</v>
      </c>
      <c r="E93" s="564"/>
      <c r="F93" s="564"/>
      <c r="G93" s="564"/>
      <c r="H93" s="564"/>
      <c r="I93" s="564"/>
      <c r="J93" s="564"/>
      <c r="K93" s="564"/>
      <c r="L93" s="564"/>
      <c r="M93" s="564"/>
      <c r="N93" s="564"/>
      <c r="O93" s="564"/>
      <c r="P93" s="564"/>
      <c r="Q93" s="565"/>
      <c r="R93" s="221" t="s">
        <v>2500</v>
      </c>
      <c r="S93" s="546" t="s">
        <v>1856</v>
      </c>
      <c r="T93" s="548"/>
      <c r="U93" s="408" t="s">
        <v>710</v>
      </c>
      <c r="V93" s="210">
        <v>7</v>
      </c>
      <c r="W93" s="210">
        <v>3</v>
      </c>
      <c r="X93" s="700"/>
      <c r="Y93" s="700"/>
      <c r="Z93" s="592"/>
      <c r="AA93" s="592"/>
      <c r="AB93" s="592"/>
      <c r="AC93" s="267"/>
      <c r="AD93" s="38"/>
      <c r="AE93" s="54"/>
    </row>
    <row r="94" spans="1:31" s="13" customFormat="1" ht="13.4" customHeight="1">
      <c r="A94" s="20"/>
      <c r="B94" s="541">
        <v>76</v>
      </c>
      <c r="C94" s="542"/>
      <c r="D94" s="563" t="s">
        <v>2501</v>
      </c>
      <c r="E94" s="564"/>
      <c r="F94" s="564"/>
      <c r="G94" s="564"/>
      <c r="H94" s="564"/>
      <c r="I94" s="564"/>
      <c r="J94" s="564"/>
      <c r="K94" s="564"/>
      <c r="L94" s="564"/>
      <c r="M94" s="564"/>
      <c r="N94" s="564"/>
      <c r="O94" s="564"/>
      <c r="P94" s="564"/>
      <c r="Q94" s="565"/>
      <c r="R94" s="221" t="s">
        <v>2502</v>
      </c>
      <c r="S94" s="546" t="s">
        <v>1856</v>
      </c>
      <c r="T94" s="548"/>
      <c r="U94" s="408" t="s">
        <v>710</v>
      </c>
      <c r="V94" s="210">
        <v>7</v>
      </c>
      <c r="W94" s="210">
        <v>3</v>
      </c>
      <c r="X94" s="700"/>
      <c r="Y94" s="700"/>
      <c r="Z94" s="592"/>
      <c r="AA94" s="592"/>
      <c r="AB94" s="592"/>
      <c r="AC94" s="267"/>
      <c r="AD94" s="38"/>
      <c r="AE94" s="54"/>
    </row>
    <row r="95" spans="1:31" s="34" customFormat="1" ht="13.4" customHeight="1">
      <c r="A95" s="394"/>
      <c r="B95" s="541">
        <v>77</v>
      </c>
      <c r="C95" s="542"/>
      <c r="D95" s="563" t="s">
        <v>2503</v>
      </c>
      <c r="E95" s="564"/>
      <c r="F95" s="564"/>
      <c r="G95" s="564"/>
      <c r="H95" s="564"/>
      <c r="I95" s="564"/>
      <c r="J95" s="564"/>
      <c r="K95" s="564"/>
      <c r="L95" s="564"/>
      <c r="M95" s="564"/>
      <c r="N95" s="564"/>
      <c r="O95" s="564"/>
      <c r="P95" s="564"/>
      <c r="Q95" s="565"/>
      <c r="R95" s="221" t="s">
        <v>2504</v>
      </c>
      <c r="S95" s="546" t="s">
        <v>1856</v>
      </c>
      <c r="T95" s="548"/>
      <c r="U95" s="408" t="s">
        <v>710</v>
      </c>
      <c r="V95" s="210">
        <v>7</v>
      </c>
      <c r="W95" s="210">
        <v>3</v>
      </c>
      <c r="X95" s="700"/>
      <c r="Y95" s="700"/>
      <c r="Z95" s="592"/>
      <c r="AA95" s="592"/>
      <c r="AB95" s="592"/>
      <c r="AC95" s="265"/>
      <c r="AD95" s="39"/>
      <c r="AE95" s="55"/>
    </row>
    <row r="96" spans="1:31" s="1" customFormat="1" ht="13.4" customHeight="1">
      <c r="A96" s="20"/>
      <c r="B96" s="541">
        <v>78</v>
      </c>
      <c r="C96" s="542"/>
      <c r="D96" s="563" t="s">
        <v>2505</v>
      </c>
      <c r="E96" s="564"/>
      <c r="F96" s="564"/>
      <c r="G96" s="564"/>
      <c r="H96" s="564"/>
      <c r="I96" s="564"/>
      <c r="J96" s="564"/>
      <c r="K96" s="564"/>
      <c r="L96" s="564"/>
      <c r="M96" s="564"/>
      <c r="N96" s="564"/>
      <c r="O96" s="564"/>
      <c r="P96" s="564"/>
      <c r="Q96" s="565"/>
      <c r="R96" s="221" t="s">
        <v>2506</v>
      </c>
      <c r="S96" s="546" t="s">
        <v>1856</v>
      </c>
      <c r="T96" s="548"/>
      <c r="U96" s="408" t="s">
        <v>710</v>
      </c>
      <c r="V96" s="210">
        <v>7</v>
      </c>
      <c r="W96" s="210">
        <v>3</v>
      </c>
      <c r="X96" s="700"/>
      <c r="Y96" s="700"/>
      <c r="Z96" s="592"/>
      <c r="AA96" s="592"/>
      <c r="AB96" s="592"/>
      <c r="AC96" s="265"/>
      <c r="AD96" s="38"/>
      <c r="AE96" s="26"/>
    </row>
    <row r="97" spans="1:31" s="1" customFormat="1" ht="13.4" customHeight="1">
      <c r="A97" s="20"/>
      <c r="B97" s="541">
        <v>79</v>
      </c>
      <c r="C97" s="542"/>
      <c r="D97" s="563" t="s">
        <v>2507</v>
      </c>
      <c r="E97" s="564"/>
      <c r="F97" s="564"/>
      <c r="G97" s="564"/>
      <c r="H97" s="564"/>
      <c r="I97" s="564"/>
      <c r="J97" s="564"/>
      <c r="K97" s="564"/>
      <c r="L97" s="564"/>
      <c r="M97" s="564"/>
      <c r="N97" s="564"/>
      <c r="O97" s="564"/>
      <c r="P97" s="564"/>
      <c r="Q97" s="565"/>
      <c r="R97" s="221" t="s">
        <v>2508</v>
      </c>
      <c r="S97" s="546" t="s">
        <v>1856</v>
      </c>
      <c r="T97" s="548"/>
      <c r="U97" s="408" t="s">
        <v>710</v>
      </c>
      <c r="V97" s="210">
        <v>7</v>
      </c>
      <c r="W97" s="210">
        <v>3</v>
      </c>
      <c r="X97" s="700"/>
      <c r="Y97" s="700"/>
      <c r="Z97" s="592"/>
      <c r="AA97" s="592"/>
      <c r="AB97" s="592"/>
      <c r="AC97" s="265"/>
      <c r="AD97" s="38"/>
      <c r="AE97" s="26"/>
    </row>
    <row r="98" spans="1:31" s="13" customFormat="1" ht="13.4" customHeight="1">
      <c r="A98" s="20"/>
      <c r="B98" s="541">
        <v>80</v>
      </c>
      <c r="C98" s="542"/>
      <c r="D98" s="563" t="s">
        <v>2509</v>
      </c>
      <c r="E98" s="564"/>
      <c r="F98" s="564"/>
      <c r="G98" s="564"/>
      <c r="H98" s="564"/>
      <c r="I98" s="564"/>
      <c r="J98" s="564"/>
      <c r="K98" s="564"/>
      <c r="L98" s="564"/>
      <c r="M98" s="564"/>
      <c r="N98" s="564"/>
      <c r="O98" s="564"/>
      <c r="P98" s="564"/>
      <c r="Q98" s="565"/>
      <c r="R98" s="221" t="s">
        <v>2510</v>
      </c>
      <c r="S98" s="546" t="s">
        <v>1856</v>
      </c>
      <c r="T98" s="548"/>
      <c r="U98" s="408" t="s">
        <v>710</v>
      </c>
      <c r="V98" s="210">
        <v>7</v>
      </c>
      <c r="W98" s="210">
        <v>3</v>
      </c>
      <c r="X98" s="700"/>
      <c r="Y98" s="700"/>
      <c r="Z98" s="592"/>
      <c r="AA98" s="592"/>
      <c r="AB98" s="592"/>
      <c r="AC98" s="267"/>
      <c r="AD98" s="38"/>
      <c r="AE98" s="54"/>
    </row>
    <row r="99" spans="1:31" s="13" customFormat="1" ht="13.4" customHeight="1">
      <c r="A99" s="20"/>
      <c r="B99" s="541">
        <v>81</v>
      </c>
      <c r="C99" s="542"/>
      <c r="D99" s="563" t="s">
        <v>2511</v>
      </c>
      <c r="E99" s="564"/>
      <c r="F99" s="564"/>
      <c r="G99" s="564"/>
      <c r="H99" s="564"/>
      <c r="I99" s="564"/>
      <c r="J99" s="564"/>
      <c r="K99" s="564"/>
      <c r="L99" s="564"/>
      <c r="M99" s="564"/>
      <c r="N99" s="564"/>
      <c r="O99" s="564"/>
      <c r="P99" s="564"/>
      <c r="Q99" s="565"/>
      <c r="R99" s="221" t="s">
        <v>2512</v>
      </c>
      <c r="S99" s="546" t="s">
        <v>1856</v>
      </c>
      <c r="T99" s="548"/>
      <c r="U99" s="408" t="s">
        <v>710</v>
      </c>
      <c r="V99" s="210">
        <v>7</v>
      </c>
      <c r="W99" s="210">
        <v>3</v>
      </c>
      <c r="X99" s="700"/>
      <c r="Y99" s="700"/>
      <c r="Z99" s="592"/>
      <c r="AA99" s="592"/>
      <c r="AB99" s="592"/>
      <c r="AC99" s="267"/>
      <c r="AD99" s="38"/>
      <c r="AE99" s="54"/>
    </row>
    <row r="100" spans="1:31" s="34" customFormat="1" ht="13.4" customHeight="1">
      <c r="A100" s="394"/>
      <c r="B100" s="541">
        <v>82</v>
      </c>
      <c r="C100" s="542"/>
      <c r="D100" s="563" t="s">
        <v>2513</v>
      </c>
      <c r="E100" s="564"/>
      <c r="F100" s="564"/>
      <c r="G100" s="564"/>
      <c r="H100" s="564"/>
      <c r="I100" s="564"/>
      <c r="J100" s="564"/>
      <c r="K100" s="564"/>
      <c r="L100" s="564"/>
      <c r="M100" s="564"/>
      <c r="N100" s="564"/>
      <c r="O100" s="564"/>
      <c r="P100" s="564"/>
      <c r="Q100" s="565"/>
      <c r="R100" s="221" t="s">
        <v>2514</v>
      </c>
      <c r="S100" s="546" t="s">
        <v>1856</v>
      </c>
      <c r="T100" s="548"/>
      <c r="U100" s="408" t="s">
        <v>710</v>
      </c>
      <c r="V100" s="210">
        <v>7</v>
      </c>
      <c r="W100" s="210">
        <v>3</v>
      </c>
      <c r="X100" s="700"/>
      <c r="Y100" s="700"/>
      <c r="Z100" s="592"/>
      <c r="AA100" s="592"/>
      <c r="AB100" s="592"/>
      <c r="AC100" s="265"/>
      <c r="AD100" s="39"/>
      <c r="AE100" s="55"/>
    </row>
    <row r="101" spans="1:31" s="34" customFormat="1" ht="13.4" customHeight="1">
      <c r="A101" s="394"/>
      <c r="B101" s="541">
        <v>83</v>
      </c>
      <c r="C101" s="542"/>
      <c r="D101" s="563" t="s">
        <v>2515</v>
      </c>
      <c r="E101" s="564"/>
      <c r="F101" s="564"/>
      <c r="G101" s="564"/>
      <c r="H101" s="564"/>
      <c r="I101" s="564"/>
      <c r="J101" s="564"/>
      <c r="K101" s="564"/>
      <c r="L101" s="564"/>
      <c r="M101" s="564"/>
      <c r="N101" s="564"/>
      <c r="O101" s="564"/>
      <c r="P101" s="564"/>
      <c r="Q101" s="565"/>
      <c r="R101" s="221" t="s">
        <v>2516</v>
      </c>
      <c r="S101" s="546" t="s">
        <v>1856</v>
      </c>
      <c r="T101" s="548"/>
      <c r="U101" s="408" t="s">
        <v>710</v>
      </c>
      <c r="V101" s="210">
        <v>7</v>
      </c>
      <c r="W101" s="210">
        <v>3</v>
      </c>
      <c r="X101" s="700"/>
      <c r="Y101" s="700"/>
      <c r="Z101" s="592"/>
      <c r="AA101" s="592"/>
      <c r="AB101" s="592"/>
      <c r="AC101" s="265"/>
      <c r="AD101" s="39"/>
      <c r="AE101" s="55"/>
    </row>
    <row r="102" spans="1:31" s="35" customFormat="1" ht="13.4" customHeight="1">
      <c r="A102" s="394"/>
      <c r="B102" s="541">
        <v>84</v>
      </c>
      <c r="C102" s="542"/>
      <c r="D102" s="563" t="s">
        <v>2517</v>
      </c>
      <c r="E102" s="564"/>
      <c r="F102" s="564"/>
      <c r="G102" s="564"/>
      <c r="H102" s="564"/>
      <c r="I102" s="564"/>
      <c r="J102" s="564"/>
      <c r="K102" s="564"/>
      <c r="L102" s="564"/>
      <c r="M102" s="564"/>
      <c r="N102" s="564"/>
      <c r="O102" s="564"/>
      <c r="P102" s="564"/>
      <c r="Q102" s="565"/>
      <c r="R102" s="221" t="s">
        <v>2518</v>
      </c>
      <c r="S102" s="546" t="s">
        <v>1847</v>
      </c>
      <c r="T102" s="548"/>
      <c r="U102" s="408" t="s">
        <v>102</v>
      </c>
      <c r="V102" s="210">
        <v>1</v>
      </c>
      <c r="W102" s="210" t="s">
        <v>103</v>
      </c>
      <c r="X102" s="700"/>
      <c r="Y102" s="700"/>
      <c r="Z102" s="592"/>
      <c r="AA102" s="592"/>
      <c r="AB102" s="592"/>
      <c r="AC102" s="267"/>
      <c r="AD102" s="39"/>
      <c r="AE102" s="57"/>
    </row>
    <row r="103" spans="1:31" s="34" customFormat="1" ht="13.4" customHeight="1">
      <c r="A103" s="394"/>
      <c r="B103" s="541">
        <v>85</v>
      </c>
      <c r="C103" s="542"/>
      <c r="D103" s="563" t="s">
        <v>2519</v>
      </c>
      <c r="E103" s="564"/>
      <c r="F103" s="564"/>
      <c r="G103" s="564"/>
      <c r="H103" s="564"/>
      <c r="I103" s="564"/>
      <c r="J103" s="564"/>
      <c r="K103" s="564"/>
      <c r="L103" s="564"/>
      <c r="M103" s="564"/>
      <c r="N103" s="564"/>
      <c r="O103" s="564"/>
      <c r="P103" s="564"/>
      <c r="Q103" s="565"/>
      <c r="R103" s="221" t="s">
        <v>2520</v>
      </c>
      <c r="S103" s="546" t="s">
        <v>1847</v>
      </c>
      <c r="T103" s="548"/>
      <c r="U103" s="408" t="s">
        <v>102</v>
      </c>
      <c r="V103" s="210">
        <v>1</v>
      </c>
      <c r="W103" s="210" t="s">
        <v>103</v>
      </c>
      <c r="X103" s="700"/>
      <c r="Y103" s="700"/>
      <c r="Z103" s="592"/>
      <c r="AA103" s="592"/>
      <c r="AB103" s="592"/>
      <c r="AC103" s="265"/>
      <c r="AD103" s="39"/>
      <c r="AE103" s="55"/>
    </row>
    <row r="104" spans="1:31" s="34" customFormat="1" ht="13.4" customHeight="1">
      <c r="A104" s="394"/>
      <c r="B104" s="541">
        <v>86</v>
      </c>
      <c r="C104" s="542"/>
      <c r="D104" s="563" t="s">
        <v>2521</v>
      </c>
      <c r="E104" s="564"/>
      <c r="F104" s="564"/>
      <c r="G104" s="564"/>
      <c r="H104" s="564"/>
      <c r="I104" s="564"/>
      <c r="J104" s="564"/>
      <c r="K104" s="564"/>
      <c r="L104" s="564"/>
      <c r="M104" s="564"/>
      <c r="N104" s="564"/>
      <c r="O104" s="564"/>
      <c r="P104" s="564"/>
      <c r="Q104" s="565"/>
      <c r="R104" s="221" t="s">
        <v>2522</v>
      </c>
      <c r="S104" s="546" t="s">
        <v>1847</v>
      </c>
      <c r="T104" s="548"/>
      <c r="U104" s="408" t="s">
        <v>102</v>
      </c>
      <c r="V104" s="210">
        <v>1</v>
      </c>
      <c r="W104" s="210" t="s">
        <v>103</v>
      </c>
      <c r="X104" s="700"/>
      <c r="Y104" s="700"/>
      <c r="Z104" s="592"/>
      <c r="AA104" s="592"/>
      <c r="AB104" s="592"/>
      <c r="AC104" s="265"/>
      <c r="AD104" s="39"/>
      <c r="AE104" s="55"/>
    </row>
    <row r="105" spans="1:31" s="34" customFormat="1" ht="13.4" customHeight="1">
      <c r="A105" s="394"/>
      <c r="B105" s="541">
        <v>87</v>
      </c>
      <c r="C105" s="542"/>
      <c r="D105" s="563" t="s">
        <v>2523</v>
      </c>
      <c r="E105" s="564"/>
      <c r="F105" s="564"/>
      <c r="G105" s="564"/>
      <c r="H105" s="564"/>
      <c r="I105" s="564"/>
      <c r="J105" s="564"/>
      <c r="K105" s="564"/>
      <c r="L105" s="564"/>
      <c r="M105" s="564"/>
      <c r="N105" s="564"/>
      <c r="O105" s="564"/>
      <c r="P105" s="564"/>
      <c r="Q105" s="565"/>
      <c r="R105" s="221" t="s">
        <v>2524</v>
      </c>
      <c r="S105" s="546" t="s">
        <v>1847</v>
      </c>
      <c r="T105" s="548"/>
      <c r="U105" s="408" t="s">
        <v>102</v>
      </c>
      <c r="V105" s="210">
        <v>1</v>
      </c>
      <c r="W105" s="210" t="s">
        <v>103</v>
      </c>
      <c r="X105" s="700"/>
      <c r="Y105" s="700"/>
      <c r="Z105" s="592"/>
      <c r="AA105" s="592"/>
      <c r="AB105" s="592"/>
      <c r="AC105" s="265"/>
      <c r="AD105" s="39"/>
      <c r="AE105" s="55"/>
    </row>
    <row r="106" spans="1:31" s="1" customFormat="1" ht="13.4" customHeight="1">
      <c r="A106" s="20"/>
      <c r="B106" s="541">
        <v>88</v>
      </c>
      <c r="C106" s="542"/>
      <c r="D106" s="563" t="s">
        <v>2525</v>
      </c>
      <c r="E106" s="564"/>
      <c r="F106" s="564"/>
      <c r="G106" s="564"/>
      <c r="H106" s="564"/>
      <c r="I106" s="564"/>
      <c r="J106" s="564"/>
      <c r="K106" s="564"/>
      <c r="L106" s="564"/>
      <c r="M106" s="564"/>
      <c r="N106" s="564"/>
      <c r="O106" s="564"/>
      <c r="P106" s="564"/>
      <c r="Q106" s="565"/>
      <c r="R106" s="221" t="s">
        <v>2526</v>
      </c>
      <c r="S106" s="546" t="s">
        <v>1856</v>
      </c>
      <c r="T106" s="548"/>
      <c r="U106" s="408" t="s">
        <v>710</v>
      </c>
      <c r="V106" s="210">
        <v>7</v>
      </c>
      <c r="W106" s="210">
        <v>3</v>
      </c>
      <c r="X106" s="700"/>
      <c r="Y106" s="700"/>
      <c r="Z106" s="592"/>
      <c r="AA106" s="592"/>
      <c r="AB106" s="592"/>
      <c r="AC106" s="265"/>
      <c r="AD106" s="38"/>
      <c r="AE106" s="26"/>
    </row>
    <row r="107" spans="1:31" s="1" customFormat="1" ht="13.4" customHeight="1">
      <c r="A107" s="20"/>
      <c r="B107" s="541">
        <v>89</v>
      </c>
      <c r="C107" s="542"/>
      <c r="D107" s="563" t="s">
        <v>2527</v>
      </c>
      <c r="E107" s="564"/>
      <c r="F107" s="564"/>
      <c r="G107" s="564"/>
      <c r="H107" s="564"/>
      <c r="I107" s="564"/>
      <c r="J107" s="564"/>
      <c r="K107" s="564"/>
      <c r="L107" s="564"/>
      <c r="M107" s="564"/>
      <c r="N107" s="564"/>
      <c r="O107" s="564"/>
      <c r="P107" s="564"/>
      <c r="Q107" s="565"/>
      <c r="R107" s="221" t="s">
        <v>2528</v>
      </c>
      <c r="S107" s="546" t="s">
        <v>1856</v>
      </c>
      <c r="T107" s="548"/>
      <c r="U107" s="408" t="s">
        <v>710</v>
      </c>
      <c r="V107" s="210">
        <v>7</v>
      </c>
      <c r="W107" s="210">
        <v>3</v>
      </c>
      <c r="X107" s="700"/>
      <c r="Y107" s="700"/>
      <c r="Z107" s="592"/>
      <c r="AA107" s="592"/>
      <c r="AB107" s="592"/>
      <c r="AC107" s="265"/>
      <c r="AD107" s="38"/>
      <c r="AE107" s="26"/>
    </row>
    <row r="108" spans="1:31" s="13" customFormat="1" ht="13.4" customHeight="1">
      <c r="A108" s="20"/>
      <c r="B108" s="541">
        <v>90</v>
      </c>
      <c r="C108" s="542"/>
      <c r="D108" s="563" t="s">
        <v>2529</v>
      </c>
      <c r="E108" s="564"/>
      <c r="F108" s="564"/>
      <c r="G108" s="564"/>
      <c r="H108" s="564"/>
      <c r="I108" s="564"/>
      <c r="J108" s="564"/>
      <c r="K108" s="564"/>
      <c r="L108" s="564"/>
      <c r="M108" s="564"/>
      <c r="N108" s="564"/>
      <c r="O108" s="564"/>
      <c r="P108" s="564"/>
      <c r="Q108" s="565"/>
      <c r="R108" s="221" t="s">
        <v>2530</v>
      </c>
      <c r="S108" s="546" t="s">
        <v>1856</v>
      </c>
      <c r="T108" s="548"/>
      <c r="U108" s="408" t="s">
        <v>710</v>
      </c>
      <c r="V108" s="210">
        <v>7</v>
      </c>
      <c r="W108" s="210">
        <v>3</v>
      </c>
      <c r="X108" s="700"/>
      <c r="Y108" s="700"/>
      <c r="Z108" s="592"/>
      <c r="AA108" s="592"/>
      <c r="AB108" s="592"/>
      <c r="AC108" s="267"/>
      <c r="AD108" s="38"/>
      <c r="AE108" s="54"/>
    </row>
    <row r="109" spans="1:31" s="13" customFormat="1" ht="13.4" customHeight="1">
      <c r="A109" s="20"/>
      <c r="B109" s="541">
        <v>91</v>
      </c>
      <c r="C109" s="542"/>
      <c r="D109" s="563" t="s">
        <v>2531</v>
      </c>
      <c r="E109" s="564"/>
      <c r="F109" s="564"/>
      <c r="G109" s="564"/>
      <c r="H109" s="564"/>
      <c r="I109" s="564"/>
      <c r="J109" s="564"/>
      <c r="K109" s="564"/>
      <c r="L109" s="564"/>
      <c r="M109" s="564"/>
      <c r="N109" s="564"/>
      <c r="O109" s="564"/>
      <c r="P109" s="564"/>
      <c r="Q109" s="565"/>
      <c r="R109" s="221" t="s">
        <v>2532</v>
      </c>
      <c r="S109" s="546" t="s">
        <v>1856</v>
      </c>
      <c r="T109" s="548"/>
      <c r="U109" s="408" t="s">
        <v>102</v>
      </c>
      <c r="V109" s="210">
        <v>1</v>
      </c>
      <c r="W109" s="210" t="s">
        <v>103</v>
      </c>
      <c r="X109" s="700"/>
      <c r="Y109" s="700"/>
      <c r="Z109" s="592"/>
      <c r="AA109" s="592"/>
      <c r="AB109" s="592"/>
      <c r="AC109" s="267"/>
      <c r="AD109" s="38"/>
      <c r="AE109" s="54"/>
    </row>
    <row r="110" spans="1:31" s="34" customFormat="1" ht="13.4" customHeight="1">
      <c r="A110" s="394"/>
      <c r="B110" s="541">
        <v>92</v>
      </c>
      <c r="C110" s="542"/>
      <c r="D110" s="563" t="s">
        <v>2533</v>
      </c>
      <c r="E110" s="564"/>
      <c r="F110" s="564"/>
      <c r="G110" s="564"/>
      <c r="H110" s="564"/>
      <c r="I110" s="564"/>
      <c r="J110" s="564"/>
      <c r="K110" s="564"/>
      <c r="L110" s="564"/>
      <c r="M110" s="564"/>
      <c r="N110" s="564"/>
      <c r="O110" s="564"/>
      <c r="P110" s="564"/>
      <c r="Q110" s="565"/>
      <c r="R110" s="221" t="s">
        <v>2534</v>
      </c>
      <c r="S110" s="546" t="s">
        <v>1847</v>
      </c>
      <c r="T110" s="548"/>
      <c r="U110" s="408" t="s">
        <v>102</v>
      </c>
      <c r="V110" s="210">
        <v>1</v>
      </c>
      <c r="W110" s="210" t="s">
        <v>103</v>
      </c>
      <c r="X110" s="700"/>
      <c r="Y110" s="700"/>
      <c r="Z110" s="592"/>
      <c r="AA110" s="592"/>
      <c r="AB110" s="592"/>
      <c r="AC110" s="265"/>
      <c r="AD110" s="39"/>
      <c r="AE110" s="55"/>
    </row>
    <row r="111" spans="1:31" s="34" customFormat="1" ht="13.4" customHeight="1">
      <c r="A111" s="394"/>
      <c r="B111" s="541">
        <v>93</v>
      </c>
      <c r="C111" s="542"/>
      <c r="D111" s="563" t="s">
        <v>2535</v>
      </c>
      <c r="E111" s="564"/>
      <c r="F111" s="564"/>
      <c r="G111" s="564"/>
      <c r="H111" s="564"/>
      <c r="I111" s="564"/>
      <c r="J111" s="564"/>
      <c r="K111" s="564"/>
      <c r="L111" s="564"/>
      <c r="M111" s="564"/>
      <c r="N111" s="564"/>
      <c r="O111" s="564"/>
      <c r="P111" s="564"/>
      <c r="Q111" s="565"/>
      <c r="R111" s="221" t="s">
        <v>2536</v>
      </c>
      <c r="S111" s="546" t="s">
        <v>1856</v>
      </c>
      <c r="T111" s="548"/>
      <c r="U111" s="408" t="s">
        <v>102</v>
      </c>
      <c r="V111" s="210">
        <v>1</v>
      </c>
      <c r="W111" s="210" t="s">
        <v>103</v>
      </c>
      <c r="X111" s="700"/>
      <c r="Y111" s="700"/>
      <c r="Z111" s="592"/>
      <c r="AA111" s="592"/>
      <c r="AB111" s="592"/>
      <c r="AC111" s="265"/>
      <c r="AD111" s="39"/>
      <c r="AE111" s="55"/>
    </row>
    <row r="112" spans="1:31" s="35" customFormat="1" ht="13.4" customHeight="1">
      <c r="A112" s="394"/>
      <c r="B112" s="541">
        <v>94</v>
      </c>
      <c r="C112" s="542"/>
      <c r="D112" s="563" t="s">
        <v>2537</v>
      </c>
      <c r="E112" s="564"/>
      <c r="F112" s="564"/>
      <c r="G112" s="564"/>
      <c r="H112" s="564"/>
      <c r="I112" s="564"/>
      <c r="J112" s="564"/>
      <c r="K112" s="564"/>
      <c r="L112" s="564"/>
      <c r="M112" s="564"/>
      <c r="N112" s="564"/>
      <c r="O112" s="564"/>
      <c r="P112" s="564"/>
      <c r="Q112" s="565"/>
      <c r="R112" s="221" t="s">
        <v>2538</v>
      </c>
      <c r="S112" s="546" t="s">
        <v>1856</v>
      </c>
      <c r="T112" s="548"/>
      <c r="U112" s="408" t="s">
        <v>102</v>
      </c>
      <c r="V112" s="210">
        <v>1</v>
      </c>
      <c r="W112" s="210" t="s">
        <v>103</v>
      </c>
      <c r="X112" s="700"/>
      <c r="Y112" s="700"/>
      <c r="Z112" s="592"/>
      <c r="AA112" s="592"/>
      <c r="AB112" s="592"/>
      <c r="AC112" s="267"/>
      <c r="AD112" s="39"/>
      <c r="AE112" s="57"/>
    </row>
    <row r="113" spans="1:31" s="34" customFormat="1" ht="13.4" customHeight="1">
      <c r="A113" s="394"/>
      <c r="B113" s="541">
        <v>95</v>
      </c>
      <c r="C113" s="542"/>
      <c r="D113" s="563" t="s">
        <v>2539</v>
      </c>
      <c r="E113" s="564"/>
      <c r="F113" s="564"/>
      <c r="G113" s="564"/>
      <c r="H113" s="564"/>
      <c r="I113" s="564"/>
      <c r="J113" s="564"/>
      <c r="K113" s="564"/>
      <c r="L113" s="564"/>
      <c r="M113" s="564"/>
      <c r="N113" s="564"/>
      <c r="O113" s="564"/>
      <c r="P113" s="564"/>
      <c r="Q113" s="565"/>
      <c r="R113" s="221" t="s">
        <v>2540</v>
      </c>
      <c r="S113" s="546" t="s">
        <v>1847</v>
      </c>
      <c r="T113" s="548"/>
      <c r="U113" s="408" t="s">
        <v>102</v>
      </c>
      <c r="V113" s="210">
        <v>1</v>
      </c>
      <c r="W113" s="210" t="s">
        <v>103</v>
      </c>
      <c r="X113" s="700"/>
      <c r="Y113" s="700"/>
      <c r="Z113" s="592"/>
      <c r="AA113" s="592"/>
      <c r="AB113" s="592"/>
      <c r="AC113" s="265"/>
      <c r="AD113" s="39"/>
      <c r="AE113" s="55"/>
    </row>
    <row r="114" spans="1:31" s="34" customFormat="1" ht="13.4" customHeight="1">
      <c r="A114" s="394"/>
      <c r="B114" s="541">
        <v>96</v>
      </c>
      <c r="C114" s="542"/>
      <c r="D114" s="563" t="s">
        <v>2541</v>
      </c>
      <c r="E114" s="564"/>
      <c r="F114" s="564"/>
      <c r="G114" s="564"/>
      <c r="H114" s="564"/>
      <c r="I114" s="564"/>
      <c r="J114" s="564"/>
      <c r="K114" s="564"/>
      <c r="L114" s="564"/>
      <c r="M114" s="564"/>
      <c r="N114" s="564"/>
      <c r="O114" s="564"/>
      <c r="P114" s="564"/>
      <c r="Q114" s="565"/>
      <c r="R114" s="221" t="s">
        <v>2542</v>
      </c>
      <c r="S114" s="546" t="s">
        <v>1847</v>
      </c>
      <c r="T114" s="548"/>
      <c r="U114" s="408" t="s">
        <v>102</v>
      </c>
      <c r="V114" s="210">
        <v>1</v>
      </c>
      <c r="W114" s="210" t="s">
        <v>103</v>
      </c>
      <c r="X114" s="700"/>
      <c r="Y114" s="700"/>
      <c r="Z114" s="592"/>
      <c r="AA114" s="592"/>
      <c r="AB114" s="592"/>
      <c r="AC114" s="265"/>
      <c r="AD114" s="39"/>
      <c r="AE114" s="55"/>
    </row>
    <row r="115" spans="1:31" s="34" customFormat="1" ht="13.4" customHeight="1">
      <c r="A115" s="394"/>
      <c r="B115" s="541">
        <v>97</v>
      </c>
      <c r="C115" s="542"/>
      <c r="D115" s="563" t="s">
        <v>2543</v>
      </c>
      <c r="E115" s="564"/>
      <c r="F115" s="564"/>
      <c r="G115" s="564"/>
      <c r="H115" s="564"/>
      <c r="I115" s="564"/>
      <c r="J115" s="564"/>
      <c r="K115" s="564"/>
      <c r="L115" s="564"/>
      <c r="M115" s="564"/>
      <c r="N115" s="564"/>
      <c r="O115" s="564"/>
      <c r="P115" s="564"/>
      <c r="Q115" s="565"/>
      <c r="R115" s="221" t="s">
        <v>2544</v>
      </c>
      <c r="S115" s="546" t="s">
        <v>1847</v>
      </c>
      <c r="T115" s="548"/>
      <c r="U115" s="408" t="s">
        <v>102</v>
      </c>
      <c r="V115" s="210">
        <v>1</v>
      </c>
      <c r="W115" s="210" t="s">
        <v>103</v>
      </c>
      <c r="X115" s="700"/>
      <c r="Y115" s="700"/>
      <c r="Z115" s="592"/>
      <c r="AA115" s="592"/>
      <c r="AB115" s="592"/>
      <c r="AC115" s="265"/>
      <c r="AD115" s="39"/>
      <c r="AE115" s="55"/>
    </row>
    <row r="116" spans="1:31" s="1" customFormat="1" ht="13.4" customHeight="1">
      <c r="A116" s="20"/>
      <c r="B116" s="541">
        <v>98</v>
      </c>
      <c r="C116" s="542"/>
      <c r="D116" s="563" t="s">
        <v>2545</v>
      </c>
      <c r="E116" s="564"/>
      <c r="F116" s="564"/>
      <c r="G116" s="564"/>
      <c r="H116" s="564"/>
      <c r="I116" s="564"/>
      <c r="J116" s="564"/>
      <c r="K116" s="564"/>
      <c r="L116" s="564"/>
      <c r="M116" s="564"/>
      <c r="N116" s="564"/>
      <c r="O116" s="564"/>
      <c r="P116" s="564"/>
      <c r="Q116" s="565"/>
      <c r="R116" s="221" t="s">
        <v>2546</v>
      </c>
      <c r="S116" s="546" t="s">
        <v>1847</v>
      </c>
      <c r="T116" s="548"/>
      <c r="U116" s="408" t="s">
        <v>102</v>
      </c>
      <c r="V116" s="210">
        <v>1</v>
      </c>
      <c r="W116" s="210" t="s">
        <v>103</v>
      </c>
      <c r="X116" s="700"/>
      <c r="Y116" s="700"/>
      <c r="Z116" s="592"/>
      <c r="AA116" s="592"/>
      <c r="AB116" s="592"/>
      <c r="AC116" s="265"/>
      <c r="AD116" s="38"/>
      <c r="AE116" s="26"/>
    </row>
    <row r="117" spans="1:31" s="1" customFormat="1" ht="13.4" customHeight="1">
      <c r="A117" s="20"/>
      <c r="B117" s="541">
        <v>99</v>
      </c>
      <c r="C117" s="542"/>
      <c r="D117" s="563" t="s">
        <v>2547</v>
      </c>
      <c r="E117" s="564"/>
      <c r="F117" s="564"/>
      <c r="G117" s="564"/>
      <c r="H117" s="564"/>
      <c r="I117" s="564"/>
      <c r="J117" s="564"/>
      <c r="K117" s="564"/>
      <c r="L117" s="564"/>
      <c r="M117" s="564"/>
      <c r="N117" s="564"/>
      <c r="O117" s="564"/>
      <c r="P117" s="564"/>
      <c r="Q117" s="565"/>
      <c r="R117" s="221" t="s">
        <v>2548</v>
      </c>
      <c r="S117" s="546" t="s">
        <v>1856</v>
      </c>
      <c r="T117" s="548"/>
      <c r="U117" s="408" t="s">
        <v>102</v>
      </c>
      <c r="V117" s="210">
        <v>1</v>
      </c>
      <c r="W117" s="210" t="s">
        <v>103</v>
      </c>
      <c r="X117" s="700"/>
      <c r="Y117" s="700"/>
      <c r="Z117" s="592"/>
      <c r="AA117" s="592"/>
      <c r="AB117" s="592"/>
      <c r="AC117" s="265"/>
      <c r="AD117" s="38"/>
      <c r="AE117" s="26"/>
    </row>
    <row r="118" spans="1:31" s="1" customFormat="1" ht="13.4" customHeight="1">
      <c r="A118" s="20"/>
      <c r="B118" s="541">
        <v>100</v>
      </c>
      <c r="C118" s="542"/>
      <c r="D118" s="563" t="s">
        <v>2549</v>
      </c>
      <c r="E118" s="564"/>
      <c r="F118" s="564"/>
      <c r="G118" s="564"/>
      <c r="H118" s="564"/>
      <c r="I118" s="564"/>
      <c r="J118" s="564"/>
      <c r="K118" s="564"/>
      <c r="L118" s="564"/>
      <c r="M118" s="564"/>
      <c r="N118" s="564"/>
      <c r="O118" s="564"/>
      <c r="P118" s="564"/>
      <c r="Q118" s="565"/>
      <c r="R118" s="221" t="s">
        <v>2550</v>
      </c>
      <c r="S118" s="546" t="s">
        <v>1856</v>
      </c>
      <c r="T118" s="548"/>
      <c r="U118" s="408" t="s">
        <v>102</v>
      </c>
      <c r="V118" s="210">
        <v>1</v>
      </c>
      <c r="W118" s="210" t="s">
        <v>103</v>
      </c>
      <c r="X118" s="700"/>
      <c r="Y118" s="700"/>
      <c r="Z118" s="592"/>
      <c r="AA118" s="592"/>
      <c r="AB118" s="592"/>
      <c r="AC118" s="265"/>
      <c r="AD118" s="38"/>
      <c r="AE118" s="26"/>
    </row>
    <row r="119" spans="1:31" s="13" customFormat="1" ht="13.4" customHeight="1">
      <c r="A119" s="20"/>
      <c r="B119" s="541">
        <v>101</v>
      </c>
      <c r="C119" s="542"/>
      <c r="D119" s="563" t="s">
        <v>2551</v>
      </c>
      <c r="E119" s="564"/>
      <c r="F119" s="564"/>
      <c r="G119" s="564"/>
      <c r="H119" s="564"/>
      <c r="I119" s="564"/>
      <c r="J119" s="564"/>
      <c r="K119" s="564"/>
      <c r="L119" s="564"/>
      <c r="M119" s="564"/>
      <c r="N119" s="564"/>
      <c r="O119" s="564"/>
      <c r="P119" s="564"/>
      <c r="Q119" s="565"/>
      <c r="R119" s="221" t="s">
        <v>2552</v>
      </c>
      <c r="S119" s="546" t="s">
        <v>1847</v>
      </c>
      <c r="T119" s="548"/>
      <c r="U119" s="408" t="s">
        <v>102</v>
      </c>
      <c r="V119" s="210">
        <v>1</v>
      </c>
      <c r="W119" s="210" t="s">
        <v>103</v>
      </c>
      <c r="X119" s="700"/>
      <c r="Y119" s="700"/>
      <c r="Z119" s="592"/>
      <c r="AA119" s="592"/>
      <c r="AB119" s="592"/>
      <c r="AC119" s="267"/>
      <c r="AD119" s="38"/>
      <c r="AE119" s="54"/>
    </row>
    <row r="120" spans="1:31" s="13" customFormat="1" ht="13.4" customHeight="1">
      <c r="A120" s="20"/>
      <c r="B120" s="541">
        <v>102</v>
      </c>
      <c r="C120" s="542"/>
      <c r="D120" s="563" t="s">
        <v>2553</v>
      </c>
      <c r="E120" s="564"/>
      <c r="F120" s="564"/>
      <c r="G120" s="564"/>
      <c r="H120" s="564"/>
      <c r="I120" s="564"/>
      <c r="J120" s="564"/>
      <c r="K120" s="564"/>
      <c r="L120" s="564"/>
      <c r="M120" s="564"/>
      <c r="N120" s="564"/>
      <c r="O120" s="564"/>
      <c r="P120" s="564"/>
      <c r="Q120" s="565"/>
      <c r="R120" s="221" t="s">
        <v>2554</v>
      </c>
      <c r="S120" s="546" t="s">
        <v>1847</v>
      </c>
      <c r="T120" s="548"/>
      <c r="U120" s="408" t="s">
        <v>102</v>
      </c>
      <c r="V120" s="210">
        <v>1</v>
      </c>
      <c r="W120" s="210" t="s">
        <v>103</v>
      </c>
      <c r="X120" s="700"/>
      <c r="Y120" s="700"/>
      <c r="Z120" s="592"/>
      <c r="AA120" s="592"/>
      <c r="AB120" s="592"/>
      <c r="AC120" s="267"/>
      <c r="AD120" s="38"/>
      <c r="AE120" s="54"/>
    </row>
    <row r="121" spans="1:31" s="34" customFormat="1" ht="13.4" customHeight="1">
      <c r="A121" s="394"/>
      <c r="B121" s="541">
        <v>103</v>
      </c>
      <c r="C121" s="542"/>
      <c r="D121" s="563" t="s">
        <v>2555</v>
      </c>
      <c r="E121" s="564"/>
      <c r="F121" s="564"/>
      <c r="G121" s="564"/>
      <c r="H121" s="564"/>
      <c r="I121" s="564"/>
      <c r="J121" s="564"/>
      <c r="K121" s="564"/>
      <c r="L121" s="564"/>
      <c r="M121" s="564"/>
      <c r="N121" s="564"/>
      <c r="O121" s="564"/>
      <c r="P121" s="564"/>
      <c r="Q121" s="565"/>
      <c r="R121" s="221" t="s">
        <v>2556</v>
      </c>
      <c r="S121" s="546" t="s">
        <v>1856</v>
      </c>
      <c r="T121" s="548"/>
      <c r="U121" s="408" t="s">
        <v>102</v>
      </c>
      <c r="V121" s="210">
        <v>1</v>
      </c>
      <c r="W121" s="210" t="s">
        <v>103</v>
      </c>
      <c r="X121" s="700"/>
      <c r="Y121" s="700"/>
      <c r="Z121" s="592"/>
      <c r="AA121" s="592"/>
      <c r="AB121" s="592"/>
      <c r="AC121" s="265"/>
      <c r="AD121" s="39"/>
      <c r="AE121" s="55"/>
    </row>
    <row r="122" spans="1:31" s="1" customFormat="1" ht="13.4" customHeight="1">
      <c r="A122" s="20"/>
      <c r="B122" s="541">
        <v>104</v>
      </c>
      <c r="C122" s="542"/>
      <c r="D122" s="563" t="s">
        <v>2557</v>
      </c>
      <c r="E122" s="564"/>
      <c r="F122" s="564"/>
      <c r="G122" s="564"/>
      <c r="H122" s="564"/>
      <c r="I122" s="564"/>
      <c r="J122" s="564"/>
      <c r="K122" s="564"/>
      <c r="L122" s="564"/>
      <c r="M122" s="564"/>
      <c r="N122" s="564"/>
      <c r="O122" s="564"/>
      <c r="P122" s="564"/>
      <c r="Q122" s="565"/>
      <c r="R122" s="221" t="s">
        <v>2558</v>
      </c>
      <c r="S122" s="546" t="s">
        <v>1856</v>
      </c>
      <c r="T122" s="548"/>
      <c r="U122" s="408" t="s">
        <v>102</v>
      </c>
      <c r="V122" s="210">
        <v>1</v>
      </c>
      <c r="W122" s="210" t="s">
        <v>103</v>
      </c>
      <c r="X122" s="700"/>
      <c r="Y122" s="700"/>
      <c r="Z122" s="592"/>
      <c r="AA122" s="592"/>
      <c r="AB122" s="592"/>
      <c r="AC122" s="265"/>
      <c r="AD122" s="38"/>
      <c r="AE122" s="26"/>
    </row>
    <row r="123" spans="1:31" s="1" customFormat="1" ht="13.4" customHeight="1">
      <c r="A123" s="20"/>
      <c r="B123" s="541">
        <v>105</v>
      </c>
      <c r="C123" s="542"/>
      <c r="D123" s="563" t="s">
        <v>2559</v>
      </c>
      <c r="E123" s="564"/>
      <c r="F123" s="564"/>
      <c r="G123" s="564"/>
      <c r="H123" s="564"/>
      <c r="I123" s="564"/>
      <c r="J123" s="564"/>
      <c r="K123" s="564"/>
      <c r="L123" s="564"/>
      <c r="M123" s="564"/>
      <c r="N123" s="564"/>
      <c r="O123" s="564"/>
      <c r="P123" s="564"/>
      <c r="Q123" s="565"/>
      <c r="R123" s="221" t="s">
        <v>2560</v>
      </c>
      <c r="S123" s="546" t="s">
        <v>1847</v>
      </c>
      <c r="T123" s="548"/>
      <c r="U123" s="408" t="s">
        <v>102</v>
      </c>
      <c r="V123" s="210">
        <v>1</v>
      </c>
      <c r="W123" s="210" t="s">
        <v>103</v>
      </c>
      <c r="X123" s="700"/>
      <c r="Y123" s="700"/>
      <c r="Z123" s="592"/>
      <c r="AA123" s="592"/>
      <c r="AB123" s="592"/>
      <c r="AC123" s="265"/>
      <c r="AD123" s="38"/>
      <c r="AE123" s="26"/>
    </row>
    <row r="124" spans="1:31" s="13" customFormat="1" ht="13.4" customHeight="1">
      <c r="A124" s="20"/>
      <c r="B124" s="541">
        <v>106</v>
      </c>
      <c r="C124" s="542"/>
      <c r="D124" s="563" t="s">
        <v>2561</v>
      </c>
      <c r="E124" s="564"/>
      <c r="F124" s="564"/>
      <c r="G124" s="564"/>
      <c r="H124" s="564"/>
      <c r="I124" s="564"/>
      <c r="J124" s="564"/>
      <c r="K124" s="564"/>
      <c r="L124" s="564"/>
      <c r="M124" s="564"/>
      <c r="N124" s="564"/>
      <c r="O124" s="564"/>
      <c r="P124" s="564"/>
      <c r="Q124" s="565"/>
      <c r="R124" s="221" t="s">
        <v>2562</v>
      </c>
      <c r="S124" s="546" t="s">
        <v>1856</v>
      </c>
      <c r="T124" s="548"/>
      <c r="U124" s="408" t="s">
        <v>102</v>
      </c>
      <c r="V124" s="210">
        <v>1</v>
      </c>
      <c r="W124" s="210" t="s">
        <v>103</v>
      </c>
      <c r="X124" s="700"/>
      <c r="Y124" s="700"/>
      <c r="Z124" s="592"/>
      <c r="AA124" s="592"/>
      <c r="AB124" s="592"/>
      <c r="AC124" s="267"/>
      <c r="AD124" s="38"/>
      <c r="AE124" s="54"/>
    </row>
    <row r="125" spans="1:31" s="13" customFormat="1" ht="13.4" customHeight="1">
      <c r="A125" s="20"/>
      <c r="B125" s="541">
        <v>107</v>
      </c>
      <c r="C125" s="542"/>
      <c r="D125" s="563" t="s">
        <v>2563</v>
      </c>
      <c r="E125" s="564"/>
      <c r="F125" s="564"/>
      <c r="G125" s="564"/>
      <c r="H125" s="564"/>
      <c r="I125" s="564"/>
      <c r="J125" s="564"/>
      <c r="K125" s="564"/>
      <c r="L125" s="564"/>
      <c r="M125" s="564"/>
      <c r="N125" s="564"/>
      <c r="O125" s="564"/>
      <c r="P125" s="564"/>
      <c r="Q125" s="565"/>
      <c r="R125" s="221" t="s">
        <v>2564</v>
      </c>
      <c r="S125" s="546" t="s">
        <v>1856</v>
      </c>
      <c r="T125" s="548"/>
      <c r="U125" s="408" t="s">
        <v>102</v>
      </c>
      <c r="V125" s="210">
        <v>1</v>
      </c>
      <c r="W125" s="210" t="s">
        <v>103</v>
      </c>
      <c r="X125" s="700"/>
      <c r="Y125" s="700"/>
      <c r="Z125" s="592"/>
      <c r="AA125" s="592"/>
      <c r="AB125" s="592"/>
      <c r="AC125" s="267"/>
      <c r="AD125" s="38"/>
      <c r="AE125" s="54"/>
    </row>
    <row r="126" spans="1:31" s="34" customFormat="1" ht="13.4" customHeight="1">
      <c r="A126" s="394"/>
      <c r="B126" s="541">
        <v>108</v>
      </c>
      <c r="C126" s="542"/>
      <c r="D126" s="563" t="s">
        <v>2565</v>
      </c>
      <c r="E126" s="564"/>
      <c r="F126" s="564"/>
      <c r="G126" s="564"/>
      <c r="H126" s="564"/>
      <c r="I126" s="564"/>
      <c r="J126" s="564"/>
      <c r="K126" s="564"/>
      <c r="L126" s="564"/>
      <c r="M126" s="564"/>
      <c r="N126" s="564"/>
      <c r="O126" s="564"/>
      <c r="P126" s="564"/>
      <c r="Q126" s="565"/>
      <c r="R126" s="221" t="s">
        <v>2566</v>
      </c>
      <c r="S126" s="546" t="s">
        <v>1847</v>
      </c>
      <c r="T126" s="548"/>
      <c r="U126" s="408" t="s">
        <v>102</v>
      </c>
      <c r="V126" s="210">
        <v>1</v>
      </c>
      <c r="W126" s="210" t="s">
        <v>103</v>
      </c>
      <c r="X126" s="700"/>
      <c r="Y126" s="700"/>
      <c r="Z126" s="592"/>
      <c r="AA126" s="592"/>
      <c r="AB126" s="592"/>
      <c r="AC126" s="265"/>
      <c r="AD126" s="39"/>
      <c r="AE126" s="55"/>
    </row>
    <row r="127" spans="1:31" s="34" customFormat="1" ht="13.4" customHeight="1">
      <c r="A127" s="394"/>
      <c r="B127" s="541">
        <v>109</v>
      </c>
      <c r="C127" s="542"/>
      <c r="D127" s="563" t="s">
        <v>2567</v>
      </c>
      <c r="E127" s="564"/>
      <c r="F127" s="564"/>
      <c r="G127" s="564"/>
      <c r="H127" s="564"/>
      <c r="I127" s="564"/>
      <c r="J127" s="564"/>
      <c r="K127" s="564"/>
      <c r="L127" s="564"/>
      <c r="M127" s="564"/>
      <c r="N127" s="564"/>
      <c r="O127" s="564"/>
      <c r="P127" s="564"/>
      <c r="Q127" s="565"/>
      <c r="R127" s="221" t="s">
        <v>2568</v>
      </c>
      <c r="S127" s="546" t="s">
        <v>1856</v>
      </c>
      <c r="T127" s="548"/>
      <c r="U127" s="408" t="s">
        <v>102</v>
      </c>
      <c r="V127" s="210">
        <v>1</v>
      </c>
      <c r="W127" s="210" t="s">
        <v>103</v>
      </c>
      <c r="X127" s="700"/>
      <c r="Y127" s="700"/>
      <c r="Z127" s="592"/>
      <c r="AA127" s="592"/>
      <c r="AB127" s="592"/>
      <c r="AC127" s="265"/>
      <c r="AD127" s="39"/>
      <c r="AE127" s="55"/>
    </row>
    <row r="128" spans="1:31" s="35" customFormat="1" ht="13.4" customHeight="1">
      <c r="A128" s="394"/>
      <c r="B128" s="541">
        <v>110</v>
      </c>
      <c r="C128" s="542"/>
      <c r="D128" s="563" t="s">
        <v>2569</v>
      </c>
      <c r="E128" s="564"/>
      <c r="F128" s="564"/>
      <c r="G128" s="564"/>
      <c r="H128" s="564"/>
      <c r="I128" s="564"/>
      <c r="J128" s="564"/>
      <c r="K128" s="564"/>
      <c r="L128" s="564"/>
      <c r="M128" s="564"/>
      <c r="N128" s="564"/>
      <c r="O128" s="564"/>
      <c r="P128" s="564"/>
      <c r="Q128" s="565"/>
      <c r="R128" s="221" t="s">
        <v>2570</v>
      </c>
      <c r="S128" s="546" t="s">
        <v>1856</v>
      </c>
      <c r="T128" s="548"/>
      <c r="U128" s="408" t="s">
        <v>102</v>
      </c>
      <c r="V128" s="210">
        <v>1</v>
      </c>
      <c r="W128" s="210" t="s">
        <v>103</v>
      </c>
      <c r="X128" s="700"/>
      <c r="Y128" s="700"/>
      <c r="Z128" s="592"/>
      <c r="AA128" s="592"/>
      <c r="AB128" s="592"/>
      <c r="AC128" s="267"/>
      <c r="AD128" s="39"/>
      <c r="AE128" s="57"/>
    </row>
    <row r="129" spans="1:31" s="34" customFormat="1" ht="13.4" customHeight="1">
      <c r="A129" s="394"/>
      <c r="B129" s="541">
        <v>111</v>
      </c>
      <c r="C129" s="542"/>
      <c r="D129" s="563" t="s">
        <v>2571</v>
      </c>
      <c r="E129" s="564"/>
      <c r="F129" s="564"/>
      <c r="G129" s="564"/>
      <c r="H129" s="564"/>
      <c r="I129" s="564"/>
      <c r="J129" s="564"/>
      <c r="K129" s="564"/>
      <c r="L129" s="564"/>
      <c r="M129" s="564"/>
      <c r="N129" s="564"/>
      <c r="O129" s="564"/>
      <c r="P129" s="564"/>
      <c r="Q129" s="565"/>
      <c r="R129" s="221" t="s">
        <v>2572</v>
      </c>
      <c r="S129" s="546" t="s">
        <v>1847</v>
      </c>
      <c r="T129" s="548"/>
      <c r="U129" s="408" t="s">
        <v>102</v>
      </c>
      <c r="V129" s="210">
        <v>1</v>
      </c>
      <c r="W129" s="210" t="s">
        <v>103</v>
      </c>
      <c r="X129" s="700"/>
      <c r="Y129" s="700"/>
      <c r="Z129" s="592"/>
      <c r="AA129" s="592"/>
      <c r="AB129" s="592"/>
      <c r="AC129" s="265"/>
      <c r="AD129" s="39"/>
      <c r="AE129" s="55"/>
    </row>
    <row r="130" spans="1:31" s="34" customFormat="1" ht="13.4" customHeight="1">
      <c r="A130" s="394"/>
      <c r="B130" s="541">
        <v>112</v>
      </c>
      <c r="C130" s="542"/>
      <c r="D130" s="563" t="s">
        <v>2573</v>
      </c>
      <c r="E130" s="564"/>
      <c r="F130" s="564"/>
      <c r="G130" s="564"/>
      <c r="H130" s="564"/>
      <c r="I130" s="564"/>
      <c r="J130" s="564"/>
      <c r="K130" s="564"/>
      <c r="L130" s="564"/>
      <c r="M130" s="564"/>
      <c r="N130" s="564"/>
      <c r="O130" s="564"/>
      <c r="P130" s="564"/>
      <c r="Q130" s="565"/>
      <c r="R130" s="221" t="s">
        <v>2574</v>
      </c>
      <c r="S130" s="546" t="s">
        <v>1856</v>
      </c>
      <c r="T130" s="548"/>
      <c r="U130" s="408" t="s">
        <v>102</v>
      </c>
      <c r="V130" s="210">
        <v>1</v>
      </c>
      <c r="W130" s="210" t="s">
        <v>103</v>
      </c>
      <c r="X130" s="700"/>
      <c r="Y130" s="700"/>
      <c r="Z130" s="592"/>
      <c r="AA130" s="592"/>
      <c r="AB130" s="592"/>
      <c r="AC130" s="265"/>
      <c r="AD130" s="39"/>
      <c r="AE130" s="55"/>
    </row>
    <row r="131" spans="1:31" s="34" customFormat="1" ht="13.4" customHeight="1">
      <c r="A131" s="394"/>
      <c r="B131" s="541">
        <v>113</v>
      </c>
      <c r="C131" s="542"/>
      <c r="D131" s="563" t="s">
        <v>2575</v>
      </c>
      <c r="E131" s="564"/>
      <c r="F131" s="564"/>
      <c r="G131" s="564"/>
      <c r="H131" s="564"/>
      <c r="I131" s="564"/>
      <c r="J131" s="564"/>
      <c r="K131" s="564"/>
      <c r="L131" s="564"/>
      <c r="M131" s="564"/>
      <c r="N131" s="564"/>
      <c r="O131" s="564"/>
      <c r="P131" s="564"/>
      <c r="Q131" s="565"/>
      <c r="R131" s="221" t="s">
        <v>2576</v>
      </c>
      <c r="S131" s="546" t="s">
        <v>1856</v>
      </c>
      <c r="T131" s="548"/>
      <c r="U131" s="408" t="s">
        <v>102</v>
      </c>
      <c r="V131" s="210">
        <v>1</v>
      </c>
      <c r="W131" s="210" t="s">
        <v>103</v>
      </c>
      <c r="X131" s="700"/>
      <c r="Y131" s="700"/>
      <c r="Z131" s="592"/>
      <c r="AA131" s="592"/>
      <c r="AB131" s="592"/>
      <c r="AC131" s="265"/>
      <c r="AD131" s="39"/>
      <c r="AE131" s="55"/>
    </row>
    <row r="132" spans="1:31" s="1" customFormat="1" ht="13.4" customHeight="1">
      <c r="A132" s="20"/>
      <c r="B132" s="541">
        <v>114</v>
      </c>
      <c r="C132" s="542"/>
      <c r="D132" s="563" t="s">
        <v>2577</v>
      </c>
      <c r="E132" s="564"/>
      <c r="F132" s="564"/>
      <c r="G132" s="564"/>
      <c r="H132" s="564"/>
      <c r="I132" s="564"/>
      <c r="J132" s="564"/>
      <c r="K132" s="564"/>
      <c r="L132" s="564"/>
      <c r="M132" s="564"/>
      <c r="N132" s="564"/>
      <c r="O132" s="564"/>
      <c r="P132" s="564"/>
      <c r="Q132" s="565"/>
      <c r="R132" s="221" t="s">
        <v>2578</v>
      </c>
      <c r="S132" s="546" t="s">
        <v>1847</v>
      </c>
      <c r="T132" s="548"/>
      <c r="U132" s="408" t="s">
        <v>102</v>
      </c>
      <c r="V132" s="210">
        <v>1</v>
      </c>
      <c r="W132" s="210" t="s">
        <v>103</v>
      </c>
      <c r="X132" s="700"/>
      <c r="Y132" s="700"/>
      <c r="Z132" s="592"/>
      <c r="AA132" s="592"/>
      <c r="AB132" s="592"/>
      <c r="AC132" s="265"/>
      <c r="AD132" s="38"/>
      <c r="AE132" s="26"/>
    </row>
    <row r="133" spans="1:31" s="1" customFormat="1" ht="13.4" customHeight="1">
      <c r="A133" s="20"/>
      <c r="B133" s="541">
        <v>115</v>
      </c>
      <c r="C133" s="542"/>
      <c r="D133" s="563" t="s">
        <v>2579</v>
      </c>
      <c r="E133" s="564"/>
      <c r="F133" s="564"/>
      <c r="G133" s="564"/>
      <c r="H133" s="564"/>
      <c r="I133" s="564"/>
      <c r="J133" s="564"/>
      <c r="K133" s="564"/>
      <c r="L133" s="564"/>
      <c r="M133" s="564"/>
      <c r="N133" s="564"/>
      <c r="O133" s="564"/>
      <c r="P133" s="564"/>
      <c r="Q133" s="565"/>
      <c r="R133" s="221" t="s">
        <v>2580</v>
      </c>
      <c r="S133" s="546" t="s">
        <v>1847</v>
      </c>
      <c r="T133" s="548"/>
      <c r="U133" s="408" t="s">
        <v>102</v>
      </c>
      <c r="V133" s="210">
        <v>1</v>
      </c>
      <c r="W133" s="210" t="s">
        <v>103</v>
      </c>
      <c r="X133" s="700"/>
      <c r="Y133" s="700"/>
      <c r="Z133" s="592"/>
      <c r="AA133" s="592"/>
      <c r="AB133" s="592"/>
      <c r="AC133" s="265"/>
      <c r="AD133" s="38"/>
      <c r="AE133" s="26"/>
    </row>
    <row r="134" spans="1:31" s="1" customFormat="1" ht="13.4" customHeight="1">
      <c r="A134" s="20"/>
      <c r="B134" s="541">
        <v>116</v>
      </c>
      <c r="C134" s="542"/>
      <c r="D134" s="563" t="s">
        <v>2581</v>
      </c>
      <c r="E134" s="564"/>
      <c r="F134" s="564"/>
      <c r="G134" s="564"/>
      <c r="H134" s="564"/>
      <c r="I134" s="564"/>
      <c r="J134" s="564"/>
      <c r="K134" s="564"/>
      <c r="L134" s="564"/>
      <c r="M134" s="564"/>
      <c r="N134" s="564"/>
      <c r="O134" s="564"/>
      <c r="P134" s="564"/>
      <c r="Q134" s="565"/>
      <c r="R134" s="221" t="s">
        <v>2582</v>
      </c>
      <c r="S134" s="546" t="s">
        <v>1847</v>
      </c>
      <c r="T134" s="548"/>
      <c r="U134" s="408" t="s">
        <v>102</v>
      </c>
      <c r="V134" s="210">
        <v>1</v>
      </c>
      <c r="W134" s="210" t="s">
        <v>103</v>
      </c>
      <c r="X134" s="700"/>
      <c r="Y134" s="700"/>
      <c r="Z134" s="592"/>
      <c r="AA134" s="592"/>
      <c r="AB134" s="592"/>
      <c r="AC134" s="265"/>
      <c r="AD134" s="38"/>
      <c r="AE134" s="26"/>
    </row>
    <row r="135" spans="1:31" s="13" customFormat="1" ht="13.4" customHeight="1">
      <c r="A135" s="20"/>
      <c r="B135" s="541">
        <v>117</v>
      </c>
      <c r="C135" s="542"/>
      <c r="D135" s="563" t="s">
        <v>2583</v>
      </c>
      <c r="E135" s="564"/>
      <c r="F135" s="564"/>
      <c r="G135" s="564"/>
      <c r="H135" s="564"/>
      <c r="I135" s="564"/>
      <c r="J135" s="564"/>
      <c r="K135" s="564"/>
      <c r="L135" s="564"/>
      <c r="M135" s="564"/>
      <c r="N135" s="564"/>
      <c r="O135" s="564"/>
      <c r="P135" s="564"/>
      <c r="Q135" s="565"/>
      <c r="R135" s="221" t="s">
        <v>2584</v>
      </c>
      <c r="S135" s="546" t="s">
        <v>1847</v>
      </c>
      <c r="T135" s="548"/>
      <c r="U135" s="408" t="s">
        <v>102</v>
      </c>
      <c r="V135" s="210">
        <v>1</v>
      </c>
      <c r="W135" s="210" t="s">
        <v>103</v>
      </c>
      <c r="X135" s="700"/>
      <c r="Y135" s="700"/>
      <c r="Z135" s="592"/>
      <c r="AA135" s="592"/>
      <c r="AB135" s="592"/>
      <c r="AC135" s="267"/>
      <c r="AD135" s="38"/>
      <c r="AE135" s="54"/>
    </row>
    <row r="136" spans="1:31" s="13" customFormat="1" ht="13.4" customHeight="1">
      <c r="A136" s="20"/>
      <c r="B136" s="541">
        <v>118</v>
      </c>
      <c r="C136" s="542"/>
      <c r="D136" s="563" t="s">
        <v>2585</v>
      </c>
      <c r="E136" s="564"/>
      <c r="F136" s="564"/>
      <c r="G136" s="564"/>
      <c r="H136" s="564"/>
      <c r="I136" s="564"/>
      <c r="J136" s="564"/>
      <c r="K136" s="564"/>
      <c r="L136" s="564"/>
      <c r="M136" s="564"/>
      <c r="N136" s="564"/>
      <c r="O136" s="564"/>
      <c r="P136" s="564"/>
      <c r="Q136" s="565"/>
      <c r="R136" s="221" t="s">
        <v>2586</v>
      </c>
      <c r="S136" s="546" t="s">
        <v>1847</v>
      </c>
      <c r="T136" s="548"/>
      <c r="U136" s="408" t="s">
        <v>102</v>
      </c>
      <c r="V136" s="210">
        <v>1</v>
      </c>
      <c r="W136" s="210" t="s">
        <v>103</v>
      </c>
      <c r="X136" s="700"/>
      <c r="Y136" s="700"/>
      <c r="Z136" s="592"/>
      <c r="AA136" s="592"/>
      <c r="AB136" s="592"/>
      <c r="AC136" s="267"/>
      <c r="AD136" s="38"/>
      <c r="AE136" s="54"/>
    </row>
    <row r="137" spans="1:31" s="34" customFormat="1" ht="13.4" customHeight="1">
      <c r="A137" s="394"/>
      <c r="B137" s="541">
        <v>119</v>
      </c>
      <c r="C137" s="542"/>
      <c r="D137" s="563" t="s">
        <v>2587</v>
      </c>
      <c r="E137" s="564"/>
      <c r="F137" s="564"/>
      <c r="G137" s="564"/>
      <c r="H137" s="564"/>
      <c r="I137" s="564"/>
      <c r="J137" s="564"/>
      <c r="K137" s="564"/>
      <c r="L137" s="564"/>
      <c r="M137" s="564"/>
      <c r="N137" s="564"/>
      <c r="O137" s="564"/>
      <c r="P137" s="564"/>
      <c r="Q137" s="565"/>
      <c r="R137" s="221" t="s">
        <v>2588</v>
      </c>
      <c r="S137" s="546" t="s">
        <v>1847</v>
      </c>
      <c r="T137" s="548"/>
      <c r="U137" s="408" t="s">
        <v>102</v>
      </c>
      <c r="V137" s="210">
        <v>1</v>
      </c>
      <c r="W137" s="210" t="s">
        <v>103</v>
      </c>
      <c r="X137" s="700"/>
      <c r="Y137" s="700"/>
      <c r="Z137" s="592"/>
      <c r="AA137" s="592"/>
      <c r="AB137" s="592"/>
      <c r="AC137" s="265"/>
      <c r="AD137" s="39"/>
      <c r="AE137" s="55"/>
    </row>
    <row r="138" spans="1:31" s="1" customFormat="1" ht="13.4" customHeight="1">
      <c r="A138" s="20"/>
      <c r="B138" s="541">
        <v>120</v>
      </c>
      <c r="C138" s="542"/>
      <c r="D138" s="563" t="s">
        <v>2589</v>
      </c>
      <c r="E138" s="564"/>
      <c r="F138" s="564"/>
      <c r="G138" s="564"/>
      <c r="H138" s="564"/>
      <c r="I138" s="564"/>
      <c r="J138" s="564"/>
      <c r="K138" s="564"/>
      <c r="L138" s="564"/>
      <c r="M138" s="564"/>
      <c r="N138" s="564"/>
      <c r="O138" s="564"/>
      <c r="P138" s="564"/>
      <c r="Q138" s="565"/>
      <c r="R138" s="221" t="s">
        <v>2590</v>
      </c>
      <c r="S138" s="546" t="s">
        <v>1847</v>
      </c>
      <c r="T138" s="548"/>
      <c r="U138" s="408" t="s">
        <v>102</v>
      </c>
      <c r="V138" s="210">
        <v>1</v>
      </c>
      <c r="W138" s="210" t="s">
        <v>103</v>
      </c>
      <c r="X138" s="700"/>
      <c r="Y138" s="700"/>
      <c r="Z138" s="592"/>
      <c r="AA138" s="592"/>
      <c r="AB138" s="592"/>
      <c r="AC138" s="265"/>
      <c r="AD138" s="38"/>
      <c r="AE138" s="26"/>
    </row>
    <row r="139" spans="1:31" s="1" customFormat="1" ht="13.4" customHeight="1">
      <c r="A139" s="20"/>
      <c r="B139" s="541">
        <v>121</v>
      </c>
      <c r="C139" s="542"/>
      <c r="D139" s="563" t="s">
        <v>2591</v>
      </c>
      <c r="E139" s="564"/>
      <c r="F139" s="564"/>
      <c r="G139" s="564"/>
      <c r="H139" s="564"/>
      <c r="I139" s="564"/>
      <c r="J139" s="564"/>
      <c r="K139" s="564"/>
      <c r="L139" s="564"/>
      <c r="M139" s="564"/>
      <c r="N139" s="564"/>
      <c r="O139" s="564"/>
      <c r="P139" s="564"/>
      <c r="Q139" s="565"/>
      <c r="R139" s="221" t="s">
        <v>2592</v>
      </c>
      <c r="S139" s="546" t="s">
        <v>1847</v>
      </c>
      <c r="T139" s="548"/>
      <c r="U139" s="408" t="s">
        <v>102</v>
      </c>
      <c r="V139" s="210">
        <v>1</v>
      </c>
      <c r="W139" s="210" t="s">
        <v>103</v>
      </c>
      <c r="X139" s="700"/>
      <c r="Y139" s="700"/>
      <c r="Z139" s="592"/>
      <c r="AA139" s="592"/>
      <c r="AB139" s="592"/>
      <c r="AC139" s="265"/>
      <c r="AD139" s="38"/>
      <c r="AE139" s="26"/>
    </row>
    <row r="140" spans="1:31" s="13" customFormat="1" ht="13.4" customHeight="1">
      <c r="A140" s="20"/>
      <c r="B140" s="541">
        <v>122</v>
      </c>
      <c r="C140" s="542"/>
      <c r="D140" s="563" t="s">
        <v>2593</v>
      </c>
      <c r="E140" s="564"/>
      <c r="F140" s="564"/>
      <c r="G140" s="564"/>
      <c r="H140" s="564"/>
      <c r="I140" s="564"/>
      <c r="J140" s="564"/>
      <c r="K140" s="564"/>
      <c r="L140" s="564"/>
      <c r="M140" s="564"/>
      <c r="N140" s="564"/>
      <c r="O140" s="564"/>
      <c r="P140" s="564"/>
      <c r="Q140" s="565"/>
      <c r="R140" s="221" t="s">
        <v>2594</v>
      </c>
      <c r="S140" s="546" t="s">
        <v>1847</v>
      </c>
      <c r="T140" s="548"/>
      <c r="U140" s="408" t="s">
        <v>102</v>
      </c>
      <c r="V140" s="210">
        <v>1</v>
      </c>
      <c r="W140" s="210" t="s">
        <v>103</v>
      </c>
      <c r="X140" s="700"/>
      <c r="Y140" s="700"/>
      <c r="Z140" s="592"/>
      <c r="AA140" s="592"/>
      <c r="AB140" s="592"/>
      <c r="AC140" s="267"/>
      <c r="AD140" s="38"/>
      <c r="AE140" s="54"/>
    </row>
    <row r="141" spans="1:31" s="13" customFormat="1" ht="13.4" customHeight="1">
      <c r="A141" s="20"/>
      <c r="B141" s="541">
        <v>123</v>
      </c>
      <c r="C141" s="542"/>
      <c r="D141" s="563" t="s">
        <v>2595</v>
      </c>
      <c r="E141" s="564"/>
      <c r="F141" s="564"/>
      <c r="G141" s="564"/>
      <c r="H141" s="564"/>
      <c r="I141" s="564"/>
      <c r="J141" s="564"/>
      <c r="K141" s="564"/>
      <c r="L141" s="564"/>
      <c r="M141" s="564"/>
      <c r="N141" s="564"/>
      <c r="O141" s="564"/>
      <c r="P141" s="564"/>
      <c r="Q141" s="565"/>
      <c r="R141" s="221" t="s">
        <v>2596</v>
      </c>
      <c r="S141" s="546" t="s">
        <v>1847</v>
      </c>
      <c r="T141" s="548"/>
      <c r="U141" s="408" t="s">
        <v>102</v>
      </c>
      <c r="V141" s="210">
        <v>1</v>
      </c>
      <c r="W141" s="210" t="s">
        <v>103</v>
      </c>
      <c r="X141" s="700"/>
      <c r="Y141" s="700"/>
      <c r="Z141" s="592"/>
      <c r="AA141" s="592"/>
      <c r="AB141" s="592"/>
      <c r="AC141" s="267"/>
      <c r="AD141" s="38"/>
      <c r="AE141" s="54"/>
    </row>
    <row r="142" spans="1:31" s="34" customFormat="1" ht="13.4" customHeight="1">
      <c r="A142" s="394"/>
      <c r="B142" s="541">
        <v>124</v>
      </c>
      <c r="C142" s="542"/>
      <c r="D142" s="563" t="s">
        <v>2597</v>
      </c>
      <c r="E142" s="564"/>
      <c r="F142" s="564"/>
      <c r="G142" s="564"/>
      <c r="H142" s="564"/>
      <c r="I142" s="564"/>
      <c r="J142" s="564"/>
      <c r="K142" s="564"/>
      <c r="L142" s="564"/>
      <c r="M142" s="564"/>
      <c r="N142" s="564"/>
      <c r="O142" s="564"/>
      <c r="P142" s="564"/>
      <c r="Q142" s="565"/>
      <c r="R142" s="221" t="s">
        <v>2598</v>
      </c>
      <c r="S142" s="546" t="s">
        <v>1847</v>
      </c>
      <c r="T142" s="548"/>
      <c r="U142" s="408" t="s">
        <v>102</v>
      </c>
      <c r="V142" s="210">
        <v>1</v>
      </c>
      <c r="W142" s="210" t="s">
        <v>103</v>
      </c>
      <c r="X142" s="700"/>
      <c r="Y142" s="700"/>
      <c r="Z142" s="592"/>
      <c r="AA142" s="592"/>
      <c r="AB142" s="592"/>
      <c r="AC142" s="265"/>
      <c r="AD142" s="39"/>
      <c r="AE142" s="55"/>
    </row>
    <row r="143" spans="1:31" s="34" customFormat="1" ht="13.4" customHeight="1">
      <c r="A143" s="394"/>
      <c r="B143" s="541">
        <v>125</v>
      </c>
      <c r="C143" s="542"/>
      <c r="D143" s="563" t="s">
        <v>2599</v>
      </c>
      <c r="E143" s="564"/>
      <c r="F143" s="564"/>
      <c r="G143" s="564"/>
      <c r="H143" s="564"/>
      <c r="I143" s="564"/>
      <c r="J143" s="564"/>
      <c r="K143" s="564"/>
      <c r="L143" s="564"/>
      <c r="M143" s="564"/>
      <c r="N143" s="564"/>
      <c r="O143" s="564"/>
      <c r="P143" s="564"/>
      <c r="Q143" s="565"/>
      <c r="R143" s="221" t="s">
        <v>2600</v>
      </c>
      <c r="S143" s="546" t="s">
        <v>1847</v>
      </c>
      <c r="T143" s="548"/>
      <c r="U143" s="408" t="s">
        <v>102</v>
      </c>
      <c r="V143" s="210">
        <v>1</v>
      </c>
      <c r="W143" s="210" t="s">
        <v>103</v>
      </c>
      <c r="X143" s="700"/>
      <c r="Y143" s="700"/>
      <c r="Z143" s="592"/>
      <c r="AA143" s="592"/>
      <c r="AB143" s="592"/>
      <c r="AC143" s="265"/>
      <c r="AD143" s="39"/>
      <c r="AE143" s="55"/>
    </row>
    <row r="144" spans="1:31" s="35" customFormat="1" ht="13.4" customHeight="1">
      <c r="A144" s="394"/>
      <c r="B144" s="541">
        <v>126</v>
      </c>
      <c r="C144" s="542"/>
      <c r="D144" s="563" t="s">
        <v>2601</v>
      </c>
      <c r="E144" s="564"/>
      <c r="F144" s="564"/>
      <c r="G144" s="564"/>
      <c r="H144" s="564"/>
      <c r="I144" s="564"/>
      <c r="J144" s="564"/>
      <c r="K144" s="564"/>
      <c r="L144" s="564"/>
      <c r="M144" s="564"/>
      <c r="N144" s="564"/>
      <c r="O144" s="564"/>
      <c r="P144" s="564"/>
      <c r="Q144" s="565"/>
      <c r="R144" s="221" t="s">
        <v>2602</v>
      </c>
      <c r="S144" s="546" t="s">
        <v>1847</v>
      </c>
      <c r="T144" s="548"/>
      <c r="U144" s="408" t="s">
        <v>102</v>
      </c>
      <c r="V144" s="210">
        <v>1</v>
      </c>
      <c r="W144" s="210" t="s">
        <v>103</v>
      </c>
      <c r="X144" s="700"/>
      <c r="Y144" s="700"/>
      <c r="Z144" s="592"/>
      <c r="AA144" s="592"/>
      <c r="AB144" s="592"/>
      <c r="AC144" s="267"/>
      <c r="AD144" s="39"/>
      <c r="AE144" s="57"/>
    </row>
    <row r="145" spans="1:31" s="34" customFormat="1" ht="13.4" customHeight="1">
      <c r="A145" s="394"/>
      <c r="B145" s="541">
        <v>127</v>
      </c>
      <c r="C145" s="542"/>
      <c r="D145" s="563" t="s">
        <v>2603</v>
      </c>
      <c r="E145" s="564"/>
      <c r="F145" s="564"/>
      <c r="G145" s="564"/>
      <c r="H145" s="564"/>
      <c r="I145" s="564"/>
      <c r="J145" s="564"/>
      <c r="K145" s="564"/>
      <c r="L145" s="564"/>
      <c r="M145" s="564"/>
      <c r="N145" s="564"/>
      <c r="O145" s="564"/>
      <c r="P145" s="564"/>
      <c r="Q145" s="565"/>
      <c r="R145" s="221" t="s">
        <v>2604</v>
      </c>
      <c r="S145" s="546" t="s">
        <v>1847</v>
      </c>
      <c r="T145" s="548"/>
      <c r="U145" s="408" t="s">
        <v>102</v>
      </c>
      <c r="V145" s="210">
        <v>1</v>
      </c>
      <c r="W145" s="210" t="s">
        <v>103</v>
      </c>
      <c r="X145" s="700"/>
      <c r="Y145" s="700"/>
      <c r="Z145" s="592"/>
      <c r="AA145" s="592"/>
      <c r="AB145" s="592"/>
      <c r="AC145" s="265"/>
      <c r="AD145" s="39"/>
      <c r="AE145" s="55"/>
    </row>
    <row r="146" spans="1:31" s="34" customFormat="1" ht="13.4" customHeight="1">
      <c r="A146" s="394"/>
      <c r="B146" s="541">
        <v>128</v>
      </c>
      <c r="C146" s="542"/>
      <c r="D146" s="563" t="s">
        <v>2605</v>
      </c>
      <c r="E146" s="564"/>
      <c r="F146" s="564"/>
      <c r="G146" s="564"/>
      <c r="H146" s="564"/>
      <c r="I146" s="564"/>
      <c r="J146" s="564"/>
      <c r="K146" s="564"/>
      <c r="L146" s="564"/>
      <c r="M146" s="564"/>
      <c r="N146" s="564"/>
      <c r="O146" s="564"/>
      <c r="P146" s="564"/>
      <c r="Q146" s="565"/>
      <c r="R146" s="221" t="s">
        <v>2606</v>
      </c>
      <c r="S146" s="546" t="s">
        <v>1847</v>
      </c>
      <c r="T146" s="548"/>
      <c r="U146" s="408" t="s">
        <v>102</v>
      </c>
      <c r="V146" s="210">
        <v>1</v>
      </c>
      <c r="W146" s="210" t="s">
        <v>103</v>
      </c>
      <c r="X146" s="700"/>
      <c r="Y146" s="700"/>
      <c r="Z146" s="592"/>
      <c r="AA146" s="592"/>
      <c r="AB146" s="592"/>
      <c r="AC146" s="265"/>
      <c r="AD146" s="39"/>
      <c r="AE146" s="55"/>
    </row>
    <row r="147" spans="1:31" s="35" customFormat="1" ht="13.4" customHeight="1">
      <c r="A147" s="394"/>
      <c r="B147" s="541">
        <v>129</v>
      </c>
      <c r="C147" s="542"/>
      <c r="D147" s="563" t="s">
        <v>2607</v>
      </c>
      <c r="E147" s="564"/>
      <c r="F147" s="564"/>
      <c r="G147" s="564"/>
      <c r="H147" s="564"/>
      <c r="I147" s="564"/>
      <c r="J147" s="564"/>
      <c r="K147" s="564"/>
      <c r="L147" s="564"/>
      <c r="M147" s="564"/>
      <c r="N147" s="564"/>
      <c r="O147" s="564"/>
      <c r="P147" s="564"/>
      <c r="Q147" s="565"/>
      <c r="R147" s="221" t="s">
        <v>2608</v>
      </c>
      <c r="S147" s="546" t="s">
        <v>1847</v>
      </c>
      <c r="T147" s="548"/>
      <c r="U147" s="408" t="s">
        <v>102</v>
      </c>
      <c r="V147" s="210">
        <v>1</v>
      </c>
      <c r="W147" s="210" t="s">
        <v>103</v>
      </c>
      <c r="X147" s="700"/>
      <c r="Y147" s="700"/>
      <c r="Z147" s="592"/>
      <c r="AA147" s="592"/>
      <c r="AB147" s="592"/>
      <c r="AC147" s="267"/>
      <c r="AD147" s="39"/>
      <c r="AE147" s="57"/>
    </row>
    <row r="148" spans="1:31" s="34" customFormat="1" ht="13.4" customHeight="1">
      <c r="A148" s="394"/>
      <c r="B148" s="541">
        <v>130</v>
      </c>
      <c r="C148" s="542"/>
      <c r="D148" s="563" t="s">
        <v>2609</v>
      </c>
      <c r="E148" s="564"/>
      <c r="F148" s="564"/>
      <c r="G148" s="564"/>
      <c r="H148" s="564"/>
      <c r="I148" s="564"/>
      <c r="J148" s="564"/>
      <c r="K148" s="564"/>
      <c r="L148" s="564"/>
      <c r="M148" s="564"/>
      <c r="N148" s="564"/>
      <c r="O148" s="564"/>
      <c r="P148" s="564"/>
      <c r="Q148" s="565"/>
      <c r="R148" s="221" t="s">
        <v>2610</v>
      </c>
      <c r="S148" s="546" t="s">
        <v>1847</v>
      </c>
      <c r="T148" s="548"/>
      <c r="U148" s="408" t="s">
        <v>102</v>
      </c>
      <c r="V148" s="210">
        <v>1</v>
      </c>
      <c r="W148" s="210" t="s">
        <v>103</v>
      </c>
      <c r="X148" s="700"/>
      <c r="Y148" s="700"/>
      <c r="Z148" s="592"/>
      <c r="AA148" s="592"/>
      <c r="AB148" s="592"/>
      <c r="AC148" s="265"/>
      <c r="AD148" s="39"/>
      <c r="AE148" s="55"/>
    </row>
    <row r="149" spans="1:31" s="34" customFormat="1" ht="13.4" customHeight="1">
      <c r="A149" s="394"/>
      <c r="B149" s="541">
        <v>131</v>
      </c>
      <c r="C149" s="542"/>
      <c r="D149" s="563" t="s">
        <v>2611</v>
      </c>
      <c r="E149" s="564"/>
      <c r="F149" s="564"/>
      <c r="G149" s="564"/>
      <c r="H149" s="564"/>
      <c r="I149" s="564"/>
      <c r="J149" s="564"/>
      <c r="K149" s="564"/>
      <c r="L149" s="564"/>
      <c r="M149" s="564"/>
      <c r="N149" s="564"/>
      <c r="O149" s="564"/>
      <c r="P149" s="564"/>
      <c r="Q149" s="565"/>
      <c r="R149" s="221" t="s">
        <v>2612</v>
      </c>
      <c r="S149" s="546" t="s">
        <v>1847</v>
      </c>
      <c r="T149" s="548"/>
      <c r="U149" s="408" t="s">
        <v>102</v>
      </c>
      <c r="V149" s="210">
        <v>1</v>
      </c>
      <c r="W149" s="210" t="s">
        <v>103</v>
      </c>
      <c r="X149" s="700"/>
      <c r="Y149" s="700"/>
      <c r="Z149" s="592"/>
      <c r="AA149" s="592"/>
      <c r="AB149" s="592"/>
      <c r="AC149" s="265"/>
      <c r="AD149" s="39"/>
      <c r="AE149" s="55"/>
    </row>
    <row r="150" spans="1:31" s="34" customFormat="1" ht="13.4" customHeight="1">
      <c r="A150" s="394"/>
      <c r="B150" s="541">
        <v>132</v>
      </c>
      <c r="C150" s="542"/>
      <c r="D150" s="563" t="s">
        <v>2613</v>
      </c>
      <c r="E150" s="564"/>
      <c r="F150" s="564"/>
      <c r="G150" s="564"/>
      <c r="H150" s="564"/>
      <c r="I150" s="564"/>
      <c r="J150" s="564"/>
      <c r="K150" s="564"/>
      <c r="L150" s="564"/>
      <c r="M150" s="564"/>
      <c r="N150" s="564"/>
      <c r="O150" s="564"/>
      <c r="P150" s="564"/>
      <c r="Q150" s="565"/>
      <c r="R150" s="221" t="s">
        <v>2614</v>
      </c>
      <c r="S150" s="546" t="s">
        <v>1847</v>
      </c>
      <c r="T150" s="548"/>
      <c r="U150" s="408" t="s">
        <v>102</v>
      </c>
      <c r="V150" s="210">
        <v>1</v>
      </c>
      <c r="W150" s="210" t="s">
        <v>103</v>
      </c>
      <c r="X150" s="700"/>
      <c r="Y150" s="700"/>
      <c r="Z150" s="592"/>
      <c r="AA150" s="592"/>
      <c r="AB150" s="592"/>
      <c r="AC150" s="265"/>
      <c r="AD150" s="39"/>
      <c r="AE150" s="55"/>
    </row>
    <row r="151" spans="1:31" s="1" customFormat="1" ht="13.4" customHeight="1">
      <c r="A151" s="20"/>
      <c r="B151" s="541">
        <v>133</v>
      </c>
      <c r="C151" s="542"/>
      <c r="D151" s="563" t="s">
        <v>2615</v>
      </c>
      <c r="E151" s="564"/>
      <c r="F151" s="564"/>
      <c r="G151" s="564"/>
      <c r="H151" s="564"/>
      <c r="I151" s="564"/>
      <c r="J151" s="564"/>
      <c r="K151" s="564"/>
      <c r="L151" s="564"/>
      <c r="M151" s="564"/>
      <c r="N151" s="564"/>
      <c r="O151" s="564"/>
      <c r="P151" s="564"/>
      <c r="Q151" s="565"/>
      <c r="R151" s="221" t="s">
        <v>2616</v>
      </c>
      <c r="S151" s="546" t="s">
        <v>1856</v>
      </c>
      <c r="T151" s="548"/>
      <c r="U151" s="408" t="s">
        <v>710</v>
      </c>
      <c r="V151" s="210">
        <v>7</v>
      </c>
      <c r="W151" s="210">
        <v>3</v>
      </c>
      <c r="X151" s="700"/>
      <c r="Y151" s="700"/>
      <c r="Z151" s="592"/>
      <c r="AA151" s="592"/>
      <c r="AB151" s="592"/>
      <c r="AC151" s="265"/>
      <c r="AD151" s="38"/>
      <c r="AE151" s="26"/>
    </row>
    <row r="152" spans="1:31" s="1" customFormat="1" ht="13.4" customHeight="1">
      <c r="A152" s="20"/>
      <c r="B152" s="541">
        <v>134</v>
      </c>
      <c r="C152" s="542"/>
      <c r="D152" s="563" t="s">
        <v>2617</v>
      </c>
      <c r="E152" s="564"/>
      <c r="F152" s="564"/>
      <c r="G152" s="564"/>
      <c r="H152" s="564"/>
      <c r="I152" s="564"/>
      <c r="J152" s="564"/>
      <c r="K152" s="564"/>
      <c r="L152" s="564"/>
      <c r="M152" s="564"/>
      <c r="N152" s="564"/>
      <c r="O152" s="564"/>
      <c r="P152" s="564"/>
      <c r="Q152" s="565"/>
      <c r="R152" s="221" t="s">
        <v>2618</v>
      </c>
      <c r="S152" s="546" t="s">
        <v>1856</v>
      </c>
      <c r="T152" s="548"/>
      <c r="U152" s="408" t="s">
        <v>710</v>
      </c>
      <c r="V152" s="210">
        <v>7</v>
      </c>
      <c r="W152" s="210">
        <v>3</v>
      </c>
      <c r="X152" s="700"/>
      <c r="Y152" s="700"/>
      <c r="Z152" s="592"/>
      <c r="AA152" s="592"/>
      <c r="AB152" s="592"/>
      <c r="AC152" s="265"/>
      <c r="AD152" s="38"/>
      <c r="AE152" s="26"/>
    </row>
    <row r="153" spans="1:31" s="1" customFormat="1" ht="27" customHeight="1">
      <c r="A153" s="20"/>
      <c r="B153" s="541">
        <v>135</v>
      </c>
      <c r="C153" s="542"/>
      <c r="D153" s="563" t="s">
        <v>2619</v>
      </c>
      <c r="E153" s="564"/>
      <c r="F153" s="564"/>
      <c r="G153" s="564"/>
      <c r="H153" s="564"/>
      <c r="I153" s="564"/>
      <c r="J153" s="564"/>
      <c r="K153" s="564"/>
      <c r="L153" s="564"/>
      <c r="M153" s="564"/>
      <c r="N153" s="564"/>
      <c r="O153" s="564"/>
      <c r="P153" s="564"/>
      <c r="Q153" s="565"/>
      <c r="R153" s="221" t="s">
        <v>2620</v>
      </c>
      <c r="S153" s="541" t="s">
        <v>1856</v>
      </c>
      <c r="T153" s="542"/>
      <c r="U153" s="418" t="s">
        <v>710</v>
      </c>
      <c r="V153" s="213">
        <v>7</v>
      </c>
      <c r="W153" s="213">
        <v>3</v>
      </c>
      <c r="X153" s="700"/>
      <c r="Y153" s="700"/>
      <c r="Z153" s="592"/>
      <c r="AA153" s="592"/>
      <c r="AB153" s="592"/>
      <c r="AC153" s="265"/>
      <c r="AD153" s="38"/>
      <c r="AE153" s="26"/>
    </row>
    <row r="154" spans="1:31" s="13" customFormat="1" ht="13.4" customHeight="1">
      <c r="A154" s="20"/>
      <c r="B154" s="541">
        <v>136</v>
      </c>
      <c r="C154" s="542"/>
      <c r="D154" s="563" t="s">
        <v>2621</v>
      </c>
      <c r="E154" s="564"/>
      <c r="F154" s="564"/>
      <c r="G154" s="564"/>
      <c r="H154" s="564"/>
      <c r="I154" s="564"/>
      <c r="J154" s="564"/>
      <c r="K154" s="564"/>
      <c r="L154" s="564"/>
      <c r="M154" s="564"/>
      <c r="N154" s="564"/>
      <c r="O154" s="564"/>
      <c r="P154" s="564"/>
      <c r="Q154" s="565"/>
      <c r="R154" s="221" t="s">
        <v>2622</v>
      </c>
      <c r="S154" s="546" t="s">
        <v>1856</v>
      </c>
      <c r="T154" s="548"/>
      <c r="U154" s="406" t="s">
        <v>710</v>
      </c>
      <c r="V154" s="210">
        <v>7</v>
      </c>
      <c r="W154" s="210">
        <v>3</v>
      </c>
      <c r="X154" s="700"/>
      <c r="Y154" s="700"/>
      <c r="Z154" s="592"/>
      <c r="AA154" s="592"/>
      <c r="AB154" s="592"/>
      <c r="AC154" s="267"/>
      <c r="AD154" s="38"/>
      <c r="AE154" s="54"/>
    </row>
    <row r="155" spans="1:31" s="13" customFormat="1" ht="13.4" customHeight="1">
      <c r="A155" s="20"/>
      <c r="B155" s="541">
        <v>137</v>
      </c>
      <c r="C155" s="542"/>
      <c r="D155" s="563" t="s">
        <v>2623</v>
      </c>
      <c r="E155" s="564"/>
      <c r="F155" s="564"/>
      <c r="G155" s="564"/>
      <c r="H155" s="564"/>
      <c r="I155" s="564"/>
      <c r="J155" s="564"/>
      <c r="K155" s="564"/>
      <c r="L155" s="564"/>
      <c r="M155" s="564"/>
      <c r="N155" s="564"/>
      <c r="O155" s="564"/>
      <c r="P155" s="564"/>
      <c r="Q155" s="565"/>
      <c r="R155" s="221" t="s">
        <v>2624</v>
      </c>
      <c r="S155" s="546" t="s">
        <v>1856</v>
      </c>
      <c r="T155" s="548"/>
      <c r="U155" s="406" t="s">
        <v>710</v>
      </c>
      <c r="V155" s="210">
        <v>7</v>
      </c>
      <c r="W155" s="210">
        <v>3</v>
      </c>
      <c r="X155" s="700"/>
      <c r="Y155" s="700"/>
      <c r="Z155" s="592"/>
      <c r="AA155" s="592"/>
      <c r="AB155" s="592"/>
      <c r="AC155" s="265"/>
      <c r="AD155" s="38"/>
      <c r="AE155" s="54"/>
    </row>
    <row r="156" spans="1:31" s="34" customFormat="1">
      <c r="A156" s="394"/>
      <c r="B156" s="541">
        <v>138</v>
      </c>
      <c r="C156" s="542"/>
      <c r="D156" s="727" t="s">
        <v>2625</v>
      </c>
      <c r="E156" s="728"/>
      <c r="F156" s="728"/>
      <c r="G156" s="728"/>
      <c r="H156" s="728"/>
      <c r="I156" s="728"/>
      <c r="J156" s="728"/>
      <c r="K156" s="728"/>
      <c r="L156" s="728"/>
      <c r="M156" s="728"/>
      <c r="N156" s="728"/>
      <c r="O156" s="728"/>
      <c r="P156" s="728"/>
      <c r="Q156" s="729"/>
      <c r="R156" s="221" t="s">
        <v>2626</v>
      </c>
      <c r="S156" s="546" t="s">
        <v>1847</v>
      </c>
      <c r="T156" s="548"/>
      <c r="U156" s="406" t="s">
        <v>102</v>
      </c>
      <c r="V156" s="210">
        <v>1</v>
      </c>
      <c r="W156" s="210" t="s">
        <v>103</v>
      </c>
      <c r="X156" s="700"/>
      <c r="Y156" s="700"/>
      <c r="Z156" s="592"/>
      <c r="AA156" s="592"/>
      <c r="AB156" s="592"/>
      <c r="AC156" s="265"/>
      <c r="AD156" s="39"/>
      <c r="AE156" s="55"/>
    </row>
    <row r="157" spans="1:31" s="1" customFormat="1" ht="13.4" customHeight="1">
      <c r="A157" s="20"/>
      <c r="B157" s="541">
        <v>139</v>
      </c>
      <c r="C157" s="542"/>
      <c r="D157" s="563" t="s">
        <v>2627</v>
      </c>
      <c r="E157" s="564"/>
      <c r="F157" s="564"/>
      <c r="G157" s="564"/>
      <c r="H157" s="564"/>
      <c r="I157" s="564"/>
      <c r="J157" s="564"/>
      <c r="K157" s="564"/>
      <c r="L157" s="564"/>
      <c r="M157" s="564"/>
      <c r="N157" s="564"/>
      <c r="O157" s="564"/>
      <c r="P157" s="564"/>
      <c r="Q157" s="565"/>
      <c r="R157" s="221" t="s">
        <v>2628</v>
      </c>
      <c r="S157" s="546" t="s">
        <v>2629</v>
      </c>
      <c r="T157" s="548"/>
      <c r="U157" s="406" t="s">
        <v>1120</v>
      </c>
      <c r="V157" s="210">
        <v>1</v>
      </c>
      <c r="W157" s="210" t="s">
        <v>2630</v>
      </c>
      <c r="X157" s="700"/>
      <c r="Y157" s="700"/>
      <c r="Z157" s="592"/>
      <c r="AA157" s="592"/>
      <c r="AB157" s="592"/>
      <c r="AC157" s="267"/>
      <c r="AD157" s="38"/>
      <c r="AE157" s="26"/>
    </row>
    <row r="158" spans="1:31" s="1" customFormat="1" ht="27" customHeight="1">
      <c r="A158" s="20"/>
      <c r="B158" s="541">
        <v>140</v>
      </c>
      <c r="C158" s="542"/>
      <c r="D158" s="563" t="s">
        <v>2631</v>
      </c>
      <c r="E158" s="564"/>
      <c r="F158" s="564"/>
      <c r="G158" s="564"/>
      <c r="H158" s="564"/>
      <c r="I158" s="564"/>
      <c r="J158" s="564"/>
      <c r="K158" s="564"/>
      <c r="L158" s="564"/>
      <c r="M158" s="564"/>
      <c r="N158" s="564"/>
      <c r="O158" s="564"/>
      <c r="P158" s="564"/>
      <c r="Q158" s="565"/>
      <c r="R158" s="221" t="s">
        <v>2632</v>
      </c>
      <c r="S158" s="546" t="s">
        <v>1856</v>
      </c>
      <c r="T158" s="548"/>
      <c r="U158" s="406" t="s">
        <v>710</v>
      </c>
      <c r="V158" s="210">
        <v>7</v>
      </c>
      <c r="W158" s="210">
        <v>3</v>
      </c>
      <c r="X158" s="700"/>
      <c r="Y158" s="700"/>
      <c r="Z158" s="592"/>
      <c r="AA158" s="592"/>
      <c r="AB158" s="592"/>
      <c r="AC158" s="265"/>
      <c r="AD158" s="38"/>
      <c r="AE158" s="26"/>
    </row>
    <row r="159" spans="1:31" s="13" customFormat="1" ht="43.4" customHeight="1">
      <c r="A159" s="20"/>
      <c r="B159" s="541">
        <v>141</v>
      </c>
      <c r="C159" s="542"/>
      <c r="D159" s="563" t="s">
        <v>2633</v>
      </c>
      <c r="E159" s="564"/>
      <c r="F159" s="564"/>
      <c r="G159" s="564"/>
      <c r="H159" s="564"/>
      <c r="I159" s="564"/>
      <c r="J159" s="564"/>
      <c r="K159" s="564"/>
      <c r="L159" s="564"/>
      <c r="M159" s="564"/>
      <c r="N159" s="564"/>
      <c r="O159" s="564"/>
      <c r="P159" s="564"/>
      <c r="Q159" s="565"/>
      <c r="R159" s="221" t="s">
        <v>2634</v>
      </c>
      <c r="S159" s="546" t="s">
        <v>1856</v>
      </c>
      <c r="T159" s="548"/>
      <c r="U159" s="406" t="s">
        <v>710</v>
      </c>
      <c r="V159" s="210">
        <v>7</v>
      </c>
      <c r="W159" s="210">
        <v>3</v>
      </c>
      <c r="X159" s="700"/>
      <c r="Y159" s="700"/>
      <c r="Z159" s="592"/>
      <c r="AA159" s="592"/>
      <c r="AB159" s="592"/>
      <c r="AC159" s="265"/>
      <c r="AD159" s="38"/>
      <c r="AE159" s="54"/>
    </row>
    <row r="160" spans="1:31" s="13" customFormat="1" ht="59.15" customHeight="1">
      <c r="A160" s="20"/>
      <c r="B160" s="541">
        <v>142</v>
      </c>
      <c r="C160" s="542"/>
      <c r="D160" s="563" t="s">
        <v>2635</v>
      </c>
      <c r="E160" s="564"/>
      <c r="F160" s="564"/>
      <c r="G160" s="564"/>
      <c r="H160" s="564"/>
      <c r="I160" s="564"/>
      <c r="J160" s="564"/>
      <c r="K160" s="564"/>
      <c r="L160" s="564"/>
      <c r="M160" s="564"/>
      <c r="N160" s="564"/>
      <c r="O160" s="564"/>
      <c r="P160" s="564"/>
      <c r="Q160" s="565"/>
      <c r="R160" s="221" t="s">
        <v>2636</v>
      </c>
      <c r="S160" s="546" t="s">
        <v>1856</v>
      </c>
      <c r="T160" s="548"/>
      <c r="U160" s="406" t="s">
        <v>710</v>
      </c>
      <c r="V160" s="210">
        <v>7</v>
      </c>
      <c r="W160" s="210">
        <v>3</v>
      </c>
      <c r="X160" s="700"/>
      <c r="Y160" s="700"/>
      <c r="Z160" s="592"/>
      <c r="AA160" s="592"/>
      <c r="AB160" s="592"/>
      <c r="AC160" s="267"/>
      <c r="AD160" s="38"/>
      <c r="AE160" s="54"/>
    </row>
    <row r="161" spans="1:31" s="34" customFormat="1" ht="15.65" customHeight="1">
      <c r="A161" s="394"/>
      <c r="B161" s="541">
        <v>143</v>
      </c>
      <c r="C161" s="542"/>
      <c r="D161" s="727" t="s">
        <v>2637</v>
      </c>
      <c r="E161" s="728"/>
      <c r="F161" s="728"/>
      <c r="G161" s="728"/>
      <c r="H161" s="728"/>
      <c r="I161" s="728"/>
      <c r="J161" s="728"/>
      <c r="K161" s="728"/>
      <c r="L161" s="728"/>
      <c r="M161" s="728"/>
      <c r="N161" s="728"/>
      <c r="O161" s="728"/>
      <c r="P161" s="728"/>
      <c r="Q161" s="729"/>
      <c r="R161" s="221" t="s">
        <v>2638</v>
      </c>
      <c r="S161" s="546" t="s">
        <v>1856</v>
      </c>
      <c r="T161" s="548"/>
      <c r="U161" s="406" t="s">
        <v>710</v>
      </c>
      <c r="V161" s="210">
        <v>7</v>
      </c>
      <c r="W161" s="210">
        <v>3</v>
      </c>
      <c r="X161" s="700"/>
      <c r="Y161" s="700"/>
      <c r="Z161" s="592"/>
      <c r="AA161" s="592"/>
      <c r="AB161" s="592"/>
      <c r="AC161" s="265"/>
      <c r="AD161" s="39"/>
      <c r="AE161" s="55"/>
    </row>
    <row r="162" spans="1:31" s="34" customFormat="1">
      <c r="A162" s="394"/>
      <c r="B162" s="541">
        <v>144</v>
      </c>
      <c r="C162" s="542"/>
      <c r="D162" s="727" t="s">
        <v>2639</v>
      </c>
      <c r="E162" s="728"/>
      <c r="F162" s="728"/>
      <c r="G162" s="728"/>
      <c r="H162" s="728"/>
      <c r="I162" s="728"/>
      <c r="J162" s="728"/>
      <c r="K162" s="728"/>
      <c r="L162" s="728"/>
      <c r="M162" s="728"/>
      <c r="N162" s="728"/>
      <c r="O162" s="728"/>
      <c r="P162" s="728"/>
      <c r="Q162" s="729"/>
      <c r="R162" s="221" t="s">
        <v>2640</v>
      </c>
      <c r="S162" s="546" t="s">
        <v>1847</v>
      </c>
      <c r="T162" s="548"/>
      <c r="U162" s="406" t="s">
        <v>102</v>
      </c>
      <c r="V162" s="210">
        <v>1</v>
      </c>
      <c r="W162" s="210" t="s">
        <v>103</v>
      </c>
      <c r="X162" s="700"/>
      <c r="Y162" s="700"/>
      <c r="Z162" s="592"/>
      <c r="AA162" s="592"/>
      <c r="AB162" s="592"/>
      <c r="AC162" s="265"/>
      <c r="AD162" s="39"/>
      <c r="AE162" s="55"/>
    </row>
    <row r="163" spans="1:31" s="35" customFormat="1">
      <c r="A163" s="394"/>
      <c r="B163" s="541">
        <v>145</v>
      </c>
      <c r="C163" s="542"/>
      <c r="D163" s="727" t="s">
        <v>2641</v>
      </c>
      <c r="E163" s="728"/>
      <c r="F163" s="728"/>
      <c r="G163" s="728"/>
      <c r="H163" s="728"/>
      <c r="I163" s="728"/>
      <c r="J163" s="728"/>
      <c r="K163" s="728"/>
      <c r="L163" s="728"/>
      <c r="M163" s="728"/>
      <c r="N163" s="728"/>
      <c r="O163" s="728"/>
      <c r="P163" s="728"/>
      <c r="Q163" s="729"/>
      <c r="R163" s="221" t="s">
        <v>2642</v>
      </c>
      <c r="S163" s="546" t="s">
        <v>1847</v>
      </c>
      <c r="T163" s="548"/>
      <c r="U163" s="406" t="s">
        <v>102</v>
      </c>
      <c r="V163" s="210">
        <v>1</v>
      </c>
      <c r="W163" s="210" t="s">
        <v>103</v>
      </c>
      <c r="X163" s="700"/>
      <c r="Y163" s="700"/>
      <c r="Z163" s="592"/>
      <c r="AA163" s="592"/>
      <c r="AB163" s="592"/>
      <c r="AC163" s="265"/>
      <c r="AD163" s="39"/>
      <c r="AE163" s="57"/>
    </row>
    <row r="164" spans="1:31" s="34" customFormat="1" ht="13.4" customHeight="1">
      <c r="A164" s="394"/>
      <c r="B164" s="541">
        <v>146</v>
      </c>
      <c r="C164" s="542"/>
      <c r="D164" s="563" t="s">
        <v>2643</v>
      </c>
      <c r="E164" s="564"/>
      <c r="F164" s="564"/>
      <c r="G164" s="564"/>
      <c r="H164" s="564"/>
      <c r="I164" s="564"/>
      <c r="J164" s="564"/>
      <c r="K164" s="564"/>
      <c r="L164" s="564"/>
      <c r="M164" s="564"/>
      <c r="N164" s="564"/>
      <c r="O164" s="564"/>
      <c r="P164" s="564"/>
      <c r="Q164" s="565"/>
      <c r="R164" s="221" t="s">
        <v>2644</v>
      </c>
      <c r="S164" s="546" t="s">
        <v>1847</v>
      </c>
      <c r="T164" s="548"/>
      <c r="U164" s="406" t="s">
        <v>102</v>
      </c>
      <c r="V164" s="210">
        <v>1</v>
      </c>
      <c r="W164" s="210" t="s">
        <v>103</v>
      </c>
      <c r="X164" s="700"/>
      <c r="Y164" s="700"/>
      <c r="Z164" s="592"/>
      <c r="AA164" s="592"/>
      <c r="AB164" s="592"/>
      <c r="AC164" s="265"/>
      <c r="AD164" s="39"/>
      <c r="AE164" s="55"/>
    </row>
    <row r="165" spans="1:31" s="34" customFormat="1" ht="13.4" customHeight="1">
      <c r="A165" s="394"/>
      <c r="B165" s="541">
        <v>147</v>
      </c>
      <c r="C165" s="542"/>
      <c r="D165" s="563" t="s">
        <v>2645</v>
      </c>
      <c r="E165" s="564"/>
      <c r="F165" s="564"/>
      <c r="G165" s="564"/>
      <c r="H165" s="564"/>
      <c r="I165" s="564"/>
      <c r="J165" s="564"/>
      <c r="K165" s="564"/>
      <c r="L165" s="564"/>
      <c r="M165" s="564"/>
      <c r="N165" s="564"/>
      <c r="O165" s="564"/>
      <c r="P165" s="564"/>
      <c r="Q165" s="565"/>
      <c r="R165" s="221" t="s">
        <v>2646</v>
      </c>
      <c r="S165" s="546" t="s">
        <v>1847</v>
      </c>
      <c r="T165" s="548"/>
      <c r="U165" s="406" t="s">
        <v>102</v>
      </c>
      <c r="V165" s="210">
        <v>1</v>
      </c>
      <c r="W165" s="210" t="s">
        <v>103</v>
      </c>
      <c r="X165" s="700"/>
      <c r="Y165" s="700"/>
      <c r="Z165" s="592"/>
      <c r="AA165" s="592"/>
      <c r="AB165" s="592"/>
      <c r="AC165" s="265"/>
      <c r="AD165" s="39"/>
      <c r="AE165" s="55"/>
    </row>
    <row r="166" spans="1:31" s="35" customFormat="1" ht="13.4" customHeight="1">
      <c r="A166" s="394"/>
      <c r="B166" s="541">
        <v>148</v>
      </c>
      <c r="C166" s="542"/>
      <c r="D166" s="563" t="s">
        <v>2647</v>
      </c>
      <c r="E166" s="564"/>
      <c r="F166" s="564"/>
      <c r="G166" s="564"/>
      <c r="H166" s="564"/>
      <c r="I166" s="564"/>
      <c r="J166" s="564"/>
      <c r="K166" s="564"/>
      <c r="L166" s="564"/>
      <c r="M166" s="564"/>
      <c r="N166" s="564"/>
      <c r="O166" s="564"/>
      <c r="P166" s="564"/>
      <c r="Q166" s="565"/>
      <c r="R166" s="221" t="s">
        <v>2648</v>
      </c>
      <c r="S166" s="546" t="s">
        <v>1847</v>
      </c>
      <c r="T166" s="548"/>
      <c r="U166" s="406" t="s">
        <v>102</v>
      </c>
      <c r="V166" s="210">
        <v>1</v>
      </c>
      <c r="W166" s="210" t="s">
        <v>103</v>
      </c>
      <c r="X166" s="700"/>
      <c r="Y166" s="700"/>
      <c r="Z166" s="592"/>
      <c r="AA166" s="592"/>
      <c r="AB166" s="592"/>
      <c r="AC166" s="265"/>
      <c r="AD166" s="39"/>
      <c r="AE166" s="57"/>
    </row>
    <row r="167" spans="1:31" s="34" customFormat="1" ht="13.4" customHeight="1">
      <c r="A167" s="394"/>
      <c r="B167" s="541">
        <v>149</v>
      </c>
      <c r="C167" s="542"/>
      <c r="D167" s="563" t="s">
        <v>2649</v>
      </c>
      <c r="E167" s="564"/>
      <c r="F167" s="564"/>
      <c r="G167" s="564"/>
      <c r="H167" s="564"/>
      <c r="I167" s="564"/>
      <c r="J167" s="564"/>
      <c r="K167" s="564"/>
      <c r="L167" s="564"/>
      <c r="M167" s="564"/>
      <c r="N167" s="564"/>
      <c r="O167" s="564"/>
      <c r="P167" s="564"/>
      <c r="Q167" s="565"/>
      <c r="R167" s="221" t="s">
        <v>2650</v>
      </c>
      <c r="S167" s="546" t="s">
        <v>1847</v>
      </c>
      <c r="T167" s="548"/>
      <c r="U167" s="406" t="s">
        <v>102</v>
      </c>
      <c r="V167" s="210">
        <v>1</v>
      </c>
      <c r="W167" s="210" t="s">
        <v>103</v>
      </c>
      <c r="X167" s="700"/>
      <c r="Y167" s="700"/>
      <c r="Z167" s="592"/>
      <c r="AA167" s="592"/>
      <c r="AB167" s="592"/>
      <c r="AC167" s="267"/>
      <c r="AD167" s="39"/>
      <c r="AE167" s="55"/>
    </row>
    <row r="168" spans="1:31" s="34" customFormat="1" ht="13.4" customHeight="1">
      <c r="A168" s="394"/>
      <c r="B168" s="541">
        <v>150</v>
      </c>
      <c r="C168" s="542"/>
      <c r="D168" s="563" t="s">
        <v>2651</v>
      </c>
      <c r="E168" s="564"/>
      <c r="F168" s="564"/>
      <c r="G168" s="564"/>
      <c r="H168" s="564"/>
      <c r="I168" s="564"/>
      <c r="J168" s="564"/>
      <c r="K168" s="564"/>
      <c r="L168" s="564"/>
      <c r="M168" s="564"/>
      <c r="N168" s="564"/>
      <c r="O168" s="564"/>
      <c r="P168" s="564"/>
      <c r="Q168" s="565"/>
      <c r="R168" s="221" t="s">
        <v>2652</v>
      </c>
      <c r="S168" s="546" t="s">
        <v>1847</v>
      </c>
      <c r="T168" s="548"/>
      <c r="U168" s="406" t="s">
        <v>102</v>
      </c>
      <c r="V168" s="210">
        <v>1</v>
      </c>
      <c r="W168" s="210" t="s">
        <v>103</v>
      </c>
      <c r="X168" s="700"/>
      <c r="Y168" s="700"/>
      <c r="Z168" s="592"/>
      <c r="AA168" s="592"/>
      <c r="AB168" s="592"/>
      <c r="AC168" s="265"/>
      <c r="AD168" s="39"/>
      <c r="AE168" s="55"/>
    </row>
    <row r="169" spans="1:31" s="34" customFormat="1" ht="13.4" customHeight="1">
      <c r="A169" s="394"/>
      <c r="B169" s="541">
        <v>151</v>
      </c>
      <c r="C169" s="542"/>
      <c r="D169" s="563" t="s">
        <v>2653</v>
      </c>
      <c r="E169" s="564"/>
      <c r="F169" s="564"/>
      <c r="G169" s="564"/>
      <c r="H169" s="564"/>
      <c r="I169" s="564"/>
      <c r="J169" s="564"/>
      <c r="K169" s="564"/>
      <c r="L169" s="564"/>
      <c r="M169" s="564"/>
      <c r="N169" s="564"/>
      <c r="O169" s="564"/>
      <c r="P169" s="564"/>
      <c r="Q169" s="565"/>
      <c r="R169" s="221" t="s">
        <v>2654</v>
      </c>
      <c r="S169" s="546" t="s">
        <v>1847</v>
      </c>
      <c r="T169" s="548"/>
      <c r="U169" s="406" t="s">
        <v>102</v>
      </c>
      <c r="V169" s="210">
        <v>1</v>
      </c>
      <c r="W169" s="210" t="s">
        <v>103</v>
      </c>
      <c r="X169" s="700"/>
      <c r="Y169" s="700"/>
      <c r="Z169" s="592"/>
      <c r="AA169" s="592"/>
      <c r="AB169" s="592"/>
      <c r="AC169" s="265"/>
      <c r="AD169" s="39"/>
      <c r="AE169" s="55"/>
    </row>
    <row r="170" spans="1:31" s="1" customFormat="1" ht="13.4" customHeight="1">
      <c r="A170" s="20"/>
      <c r="B170" s="541">
        <v>152</v>
      </c>
      <c r="C170" s="542"/>
      <c r="D170" s="563" t="s">
        <v>2655</v>
      </c>
      <c r="E170" s="564"/>
      <c r="F170" s="564"/>
      <c r="G170" s="564"/>
      <c r="H170" s="564"/>
      <c r="I170" s="564"/>
      <c r="J170" s="564"/>
      <c r="K170" s="564"/>
      <c r="L170" s="564"/>
      <c r="M170" s="564"/>
      <c r="N170" s="564"/>
      <c r="O170" s="564"/>
      <c r="P170" s="564"/>
      <c r="Q170" s="565"/>
      <c r="R170" s="221" t="s">
        <v>2656</v>
      </c>
      <c r="S170" s="546" t="s">
        <v>1847</v>
      </c>
      <c r="T170" s="548"/>
      <c r="U170" s="406" t="s">
        <v>102</v>
      </c>
      <c r="V170" s="210">
        <v>1</v>
      </c>
      <c r="W170" s="210" t="s">
        <v>103</v>
      </c>
      <c r="X170" s="700"/>
      <c r="Y170" s="700"/>
      <c r="Z170" s="592"/>
      <c r="AA170" s="592"/>
      <c r="AB170" s="592"/>
      <c r="AC170" s="267"/>
      <c r="AD170" s="38"/>
      <c r="AE170" s="26"/>
    </row>
    <row r="171" spans="1:31" s="1" customFormat="1" ht="13.4" customHeight="1">
      <c r="A171" s="20"/>
      <c r="B171" s="541">
        <v>153</v>
      </c>
      <c r="C171" s="542"/>
      <c r="D171" s="563" t="s">
        <v>2657</v>
      </c>
      <c r="E171" s="564"/>
      <c r="F171" s="564"/>
      <c r="G171" s="564"/>
      <c r="H171" s="564"/>
      <c r="I171" s="564"/>
      <c r="J171" s="564"/>
      <c r="K171" s="564"/>
      <c r="L171" s="564"/>
      <c r="M171" s="564"/>
      <c r="N171" s="564"/>
      <c r="O171" s="564"/>
      <c r="P171" s="564"/>
      <c r="Q171" s="565"/>
      <c r="R171" s="221" t="s">
        <v>2658</v>
      </c>
      <c r="S171" s="546" t="s">
        <v>1847</v>
      </c>
      <c r="T171" s="548"/>
      <c r="U171" s="406" t="s">
        <v>102</v>
      </c>
      <c r="V171" s="210">
        <v>1</v>
      </c>
      <c r="W171" s="210" t="s">
        <v>103</v>
      </c>
      <c r="X171" s="700"/>
      <c r="Y171" s="700"/>
      <c r="Z171" s="592"/>
      <c r="AA171" s="592"/>
      <c r="AB171" s="592"/>
      <c r="AC171" s="265"/>
      <c r="AD171" s="38"/>
      <c r="AE171" s="26"/>
    </row>
    <row r="172" spans="1:31" s="1" customFormat="1" ht="13.4" customHeight="1">
      <c r="A172" s="20"/>
      <c r="B172" s="541">
        <v>154</v>
      </c>
      <c r="C172" s="542"/>
      <c r="D172" s="563" t="s">
        <v>2659</v>
      </c>
      <c r="E172" s="564"/>
      <c r="F172" s="564"/>
      <c r="G172" s="564"/>
      <c r="H172" s="564"/>
      <c r="I172" s="564"/>
      <c r="J172" s="564"/>
      <c r="K172" s="564"/>
      <c r="L172" s="564"/>
      <c r="M172" s="564"/>
      <c r="N172" s="564"/>
      <c r="O172" s="564"/>
      <c r="P172" s="564"/>
      <c r="Q172" s="565"/>
      <c r="R172" s="221" t="s">
        <v>2660</v>
      </c>
      <c r="S172" s="541" t="s">
        <v>1847</v>
      </c>
      <c r="T172" s="542"/>
      <c r="U172" s="404" t="s">
        <v>102</v>
      </c>
      <c r="V172" s="213">
        <v>1</v>
      </c>
      <c r="W172" s="213" t="s">
        <v>103</v>
      </c>
      <c r="X172" s="700"/>
      <c r="Y172" s="700"/>
      <c r="Z172" s="592"/>
      <c r="AA172" s="592"/>
      <c r="AB172" s="592"/>
      <c r="AC172" s="265"/>
      <c r="AD172" s="38"/>
      <c r="AE172" s="26"/>
    </row>
    <row r="173" spans="1:31" s="1" customFormat="1">
      <c r="A173" s="20"/>
      <c r="B173" s="59"/>
      <c r="C173" s="59"/>
      <c r="D173" s="40"/>
      <c r="E173" s="40"/>
      <c r="F173" s="40"/>
      <c r="G173" s="40"/>
      <c r="H173" s="40"/>
      <c r="I173" s="40"/>
      <c r="J173" s="40"/>
      <c r="K173" s="40"/>
      <c r="L173" s="40"/>
      <c r="M173" s="40"/>
      <c r="N173" s="40"/>
      <c r="O173" s="40"/>
      <c r="P173" s="40"/>
      <c r="Q173" s="40"/>
      <c r="R173" s="63"/>
      <c r="S173" s="123"/>
      <c r="T173" s="123"/>
      <c r="U173" s="123"/>
      <c r="V173" s="120"/>
      <c r="W173" s="120"/>
      <c r="X173" s="120"/>
      <c r="Y173" s="120"/>
      <c r="Z173" s="41"/>
      <c r="AA173" s="41"/>
      <c r="AB173" s="41"/>
      <c r="AC173" s="114"/>
      <c r="AD173" s="38"/>
      <c r="AE173" s="26"/>
    </row>
    <row r="174" spans="1:31">
      <c r="A174" s="25"/>
      <c r="R174" s="67"/>
      <c r="AD174" s="29"/>
    </row>
    <row r="175" spans="1:31">
      <c r="A175" s="25"/>
      <c r="B175" s="27" t="s">
        <v>908</v>
      </c>
      <c r="R175" s="67"/>
      <c r="AD175" s="29"/>
    </row>
    <row r="176" spans="1:31">
      <c r="A176" s="25"/>
      <c r="R176" s="26"/>
      <c r="AD176" s="29"/>
    </row>
    <row r="177" spans="1:30">
      <c r="A177" s="25"/>
      <c r="R177" s="26"/>
      <c r="AD177" s="29"/>
    </row>
    <row r="178" spans="1:30">
      <c r="A178" s="25"/>
      <c r="AD178" s="29"/>
    </row>
    <row r="179" spans="1:30">
      <c r="A179" s="21"/>
      <c r="B179" s="22"/>
      <c r="C179" s="22"/>
      <c r="D179" s="61"/>
      <c r="E179" s="61"/>
      <c r="F179" s="61"/>
      <c r="G179" s="61"/>
      <c r="H179" s="61"/>
      <c r="I179" s="61"/>
      <c r="J179" s="61"/>
      <c r="K179" s="61"/>
      <c r="L179" s="61"/>
      <c r="M179" s="61"/>
      <c r="N179" s="61"/>
      <c r="O179" s="61"/>
      <c r="P179" s="61"/>
      <c r="Q179" s="61"/>
      <c r="R179" s="245"/>
      <c r="S179" s="22"/>
      <c r="T179" s="22"/>
      <c r="U179" s="22"/>
      <c r="V179" s="22"/>
      <c r="W179" s="22"/>
      <c r="X179" s="22"/>
      <c r="Y179" s="22"/>
      <c r="Z179" s="22"/>
      <c r="AA179" s="22"/>
      <c r="AB179" s="22"/>
      <c r="AC179" s="245"/>
      <c r="AD179" s="62"/>
    </row>
    <row r="192" spans="1:30">
      <c r="A192" t="s">
        <v>909</v>
      </c>
      <c r="B192" t="s">
        <v>910</v>
      </c>
      <c r="C192" t="s">
        <v>911</v>
      </c>
      <c r="D192" t="s">
        <v>912</v>
      </c>
      <c r="E192" t="s">
        <v>913</v>
      </c>
      <c r="F192" t="s">
        <v>914</v>
      </c>
      <c r="G192" t="s">
        <v>98</v>
      </c>
    </row>
    <row r="193" spans="1:7">
      <c r="A193" t="s">
        <v>340</v>
      </c>
      <c r="B193" t="s">
        <v>915</v>
      </c>
      <c r="C193" s="3" t="s">
        <v>82</v>
      </c>
      <c r="D193" t="s">
        <v>916</v>
      </c>
      <c r="E193" t="s">
        <v>917</v>
      </c>
      <c r="F193" t="s">
        <v>918</v>
      </c>
      <c r="G193" t="s">
        <v>919</v>
      </c>
    </row>
    <row r="194" spans="1:7">
      <c r="A194" t="s">
        <v>920</v>
      </c>
      <c r="B194" t="s">
        <v>2661</v>
      </c>
      <c r="C194" s="3" t="s">
        <v>922</v>
      </c>
      <c r="D194" t="s">
        <v>923</v>
      </c>
      <c r="E194" t="s">
        <v>924</v>
      </c>
      <c r="F194" t="s">
        <v>925</v>
      </c>
      <c r="G194" t="s">
        <v>926</v>
      </c>
    </row>
    <row r="195" spans="1:7">
      <c r="A195" t="s">
        <v>927</v>
      </c>
      <c r="B195"/>
      <c r="C195" s="3" t="s">
        <v>928</v>
      </c>
      <c r="D195"/>
      <c r="E195" t="s">
        <v>929</v>
      </c>
      <c r="F195" t="s">
        <v>930</v>
      </c>
      <c r="G195"/>
    </row>
    <row r="196" spans="1:7">
      <c r="A196"/>
      <c r="B196"/>
      <c r="C196" s="3" t="s">
        <v>931</v>
      </c>
      <c r="D196"/>
      <c r="E196" t="s">
        <v>932</v>
      </c>
      <c r="F196" t="s">
        <v>933</v>
      </c>
      <c r="G196"/>
    </row>
    <row r="197" spans="1:7">
      <c r="A197"/>
      <c r="B197"/>
      <c r="C197" s="3" t="s">
        <v>230</v>
      </c>
      <c r="D197"/>
      <c r="E197"/>
      <c r="F197" t="s">
        <v>934</v>
      </c>
      <c r="G197"/>
    </row>
    <row r="198" spans="1:7">
      <c r="A198"/>
      <c r="B198"/>
      <c r="C198" s="3" t="s">
        <v>177</v>
      </c>
      <c r="D198"/>
      <c r="E198"/>
      <c r="F198" t="s">
        <v>935</v>
      </c>
      <c r="G198"/>
    </row>
    <row r="199" spans="1:7">
      <c r="A199"/>
      <c r="B199"/>
      <c r="C199"/>
      <c r="D199"/>
      <c r="E199"/>
      <c r="F199" t="s">
        <v>936</v>
      </c>
      <c r="G199"/>
    </row>
    <row r="200" spans="1:7">
      <c r="A200"/>
      <c r="B200"/>
      <c r="C200"/>
      <c r="D200"/>
      <c r="E200"/>
      <c r="F200" t="s">
        <v>937</v>
      </c>
      <c r="G200"/>
    </row>
    <row r="201" spans="1:7">
      <c r="A201"/>
      <c r="B201"/>
      <c r="C201"/>
      <c r="D201"/>
      <c r="E201"/>
      <c r="F201" t="s">
        <v>938</v>
      </c>
      <c r="G201"/>
    </row>
    <row r="202" spans="1:7">
      <c r="A202"/>
      <c r="B202"/>
      <c r="C202"/>
      <c r="D202"/>
      <c r="E202"/>
      <c r="F202" t="s">
        <v>939</v>
      </c>
      <c r="G202"/>
    </row>
    <row r="203" spans="1:7">
      <c r="A203"/>
      <c r="B203"/>
      <c r="C203"/>
      <c r="D203"/>
      <c r="E203"/>
      <c r="F203" t="s">
        <v>940</v>
      </c>
      <c r="G203"/>
    </row>
    <row r="204" spans="1:7">
      <c r="A204"/>
      <c r="B204"/>
      <c r="C204"/>
      <c r="D204"/>
      <c r="E204"/>
      <c r="F204" t="s">
        <v>941</v>
      </c>
      <c r="G204"/>
    </row>
    <row r="205" spans="1:7">
      <c r="A205"/>
      <c r="B205"/>
      <c r="C205"/>
      <c r="D205"/>
      <c r="E205"/>
      <c r="F205" t="s">
        <v>942</v>
      </c>
      <c r="G205"/>
    </row>
    <row r="206" spans="1:7">
      <c r="A206"/>
      <c r="B206"/>
      <c r="C206"/>
      <c r="D206"/>
      <c r="E206"/>
      <c r="F206" t="s">
        <v>943</v>
      </c>
      <c r="G206"/>
    </row>
    <row r="207" spans="1:7">
      <c r="A207"/>
      <c r="B207"/>
      <c r="C207"/>
      <c r="D207"/>
      <c r="E207"/>
      <c r="F207" t="s">
        <v>944</v>
      </c>
      <c r="G207"/>
    </row>
    <row r="208" spans="1:7">
      <c r="A208"/>
      <c r="B208"/>
      <c r="C208"/>
      <c r="D208"/>
      <c r="E208"/>
      <c r="F208" t="s">
        <v>945</v>
      </c>
      <c r="G208"/>
    </row>
  </sheetData>
  <mergeCells count="790">
    <mergeCell ref="S6:T6"/>
    <mergeCell ref="F8:L8"/>
    <mergeCell ref="Q8:W8"/>
    <mergeCell ref="F10:S10"/>
    <mergeCell ref="F12:S12"/>
    <mergeCell ref="F14:S14"/>
    <mergeCell ref="F4:M4"/>
    <mergeCell ref="F6:G6"/>
    <mergeCell ref="H6:I6"/>
    <mergeCell ref="J6:L6"/>
    <mergeCell ref="N6:O6"/>
    <mergeCell ref="P6:Q6"/>
    <mergeCell ref="Z17:AB18"/>
    <mergeCell ref="AC17:AC18"/>
    <mergeCell ref="B19:C19"/>
    <mergeCell ref="D19:Q19"/>
    <mergeCell ref="S19:T19"/>
    <mergeCell ref="X19:Y19"/>
    <mergeCell ref="Z19:AB19"/>
    <mergeCell ref="B17:C18"/>
    <mergeCell ref="D17:Q18"/>
    <mergeCell ref="S17:T18"/>
    <mergeCell ref="U17:U18"/>
    <mergeCell ref="V17:W18"/>
    <mergeCell ref="X17:Y18"/>
    <mergeCell ref="B20:C20"/>
    <mergeCell ref="D20:Q20"/>
    <mergeCell ref="S20:T20"/>
    <mergeCell ref="X20:Y20"/>
    <mergeCell ref="Z20:AB20"/>
    <mergeCell ref="B21:C21"/>
    <mergeCell ref="D21:Q21"/>
    <mergeCell ref="S21:T21"/>
    <mergeCell ref="X21:Y21"/>
    <mergeCell ref="Z21:AB21"/>
    <mergeCell ref="B22:C22"/>
    <mergeCell ref="D22:Q22"/>
    <mergeCell ref="S22:T22"/>
    <mergeCell ref="X22:Y22"/>
    <mergeCell ref="Z22:AB22"/>
    <mergeCell ref="B23:C23"/>
    <mergeCell ref="D23:Q23"/>
    <mergeCell ref="S23:T23"/>
    <mergeCell ref="X23:Y23"/>
    <mergeCell ref="Z23:AB23"/>
    <mergeCell ref="B24:C24"/>
    <mergeCell ref="D24:Q24"/>
    <mergeCell ref="S24:T24"/>
    <mergeCell ref="X24:Y24"/>
    <mergeCell ref="Z24:AB24"/>
    <mergeCell ref="B25:C25"/>
    <mergeCell ref="D25:Q25"/>
    <mergeCell ref="S25:T25"/>
    <mergeCell ref="X25:Y25"/>
    <mergeCell ref="Z25:AB25"/>
    <mergeCell ref="B26:C26"/>
    <mergeCell ref="D26:Q26"/>
    <mergeCell ref="S26:T26"/>
    <mergeCell ref="X26:Y26"/>
    <mergeCell ref="Z26:AB26"/>
    <mergeCell ref="B27:C27"/>
    <mergeCell ref="D27:Q27"/>
    <mergeCell ref="S27:T27"/>
    <mergeCell ref="X27:Y27"/>
    <mergeCell ref="Z27:AB27"/>
    <mergeCell ref="B28:C28"/>
    <mergeCell ref="D28:Q28"/>
    <mergeCell ref="S28:T28"/>
    <mergeCell ref="X28:Y28"/>
    <mergeCell ref="Z28:AB28"/>
    <mergeCell ref="B29:C29"/>
    <mergeCell ref="D29:Q29"/>
    <mergeCell ref="S29:T29"/>
    <mergeCell ref="X29:Y29"/>
    <mergeCell ref="Z29:AB29"/>
    <mergeCell ref="B30:C30"/>
    <mergeCell ref="D30:Q30"/>
    <mergeCell ref="S30:T30"/>
    <mergeCell ref="X30:Y30"/>
    <mergeCell ref="Z30:AB30"/>
    <mergeCell ref="B31:C31"/>
    <mergeCell ref="D31:Q31"/>
    <mergeCell ref="S31:T31"/>
    <mergeCell ref="X31:Y31"/>
    <mergeCell ref="Z31:AB31"/>
    <mergeCell ref="B32:C32"/>
    <mergeCell ref="D32:Q32"/>
    <mergeCell ref="S32:T32"/>
    <mergeCell ref="X32:Y32"/>
    <mergeCell ref="Z32:AB32"/>
    <mergeCell ref="B33:C33"/>
    <mergeCell ref="D33:Q33"/>
    <mergeCell ref="S33:T33"/>
    <mergeCell ref="X33:Y33"/>
    <mergeCell ref="Z33:AB33"/>
    <mergeCell ref="B34:C34"/>
    <mergeCell ref="D34:Q34"/>
    <mergeCell ref="S34:T34"/>
    <mergeCell ref="X34:Y34"/>
    <mergeCell ref="Z34:AB34"/>
    <mergeCell ref="B35:C35"/>
    <mergeCell ref="D35:Q35"/>
    <mergeCell ref="S35:T35"/>
    <mergeCell ref="X35:Y35"/>
    <mergeCell ref="Z35:AB35"/>
    <mergeCell ref="B36:C36"/>
    <mergeCell ref="D36:Q36"/>
    <mergeCell ref="S36:T36"/>
    <mergeCell ref="X36:Y36"/>
    <mergeCell ref="Z36:AB36"/>
    <mergeCell ref="B37:C37"/>
    <mergeCell ref="D37:Q37"/>
    <mergeCell ref="S37:T37"/>
    <mergeCell ref="X37:Y37"/>
    <mergeCell ref="Z37:AB37"/>
    <mergeCell ref="B38:C38"/>
    <mergeCell ref="D38:Q38"/>
    <mergeCell ref="S38:T38"/>
    <mergeCell ref="X38:Y38"/>
    <mergeCell ref="Z38:AB38"/>
    <mergeCell ref="B39:C39"/>
    <mergeCell ref="D39:Q39"/>
    <mergeCell ref="S39:T39"/>
    <mergeCell ref="X39:Y39"/>
    <mergeCell ref="Z39:AB39"/>
    <mergeCell ref="B40:C40"/>
    <mergeCell ref="D40:Q40"/>
    <mergeCell ref="S40:T40"/>
    <mergeCell ref="X40:Y40"/>
    <mergeCell ref="Z40:AB40"/>
    <mergeCell ref="B41:C41"/>
    <mergeCell ref="D41:Q41"/>
    <mergeCell ref="S41:T41"/>
    <mergeCell ref="X41:Y41"/>
    <mergeCell ref="Z41:AB41"/>
    <mergeCell ref="B42:C42"/>
    <mergeCell ref="D42:Q42"/>
    <mergeCell ref="S42:T42"/>
    <mergeCell ref="X42:Y42"/>
    <mergeCell ref="Z42:AB42"/>
    <mergeCell ref="B43:C43"/>
    <mergeCell ref="D43:Q43"/>
    <mergeCell ref="S43:T43"/>
    <mergeCell ref="X43:Y43"/>
    <mergeCell ref="Z43:AB43"/>
    <mergeCell ref="B44:C44"/>
    <mergeCell ref="D44:Q44"/>
    <mergeCell ref="S44:T44"/>
    <mergeCell ref="X44:Y44"/>
    <mergeCell ref="Z44:AB44"/>
    <mergeCell ref="B45:C45"/>
    <mergeCell ref="D45:Q45"/>
    <mergeCell ref="S45:T45"/>
    <mergeCell ref="X45:Y45"/>
    <mergeCell ref="Z45:AB45"/>
    <mergeCell ref="B46:C46"/>
    <mergeCell ref="D46:Q46"/>
    <mergeCell ref="S46:T46"/>
    <mergeCell ref="X46:Y46"/>
    <mergeCell ref="Z46:AB46"/>
    <mergeCell ref="B47:C47"/>
    <mergeCell ref="D47:Q47"/>
    <mergeCell ref="S47:T47"/>
    <mergeCell ref="X47:Y47"/>
    <mergeCell ref="Z47:AB47"/>
    <mergeCell ref="B48:C48"/>
    <mergeCell ref="D48:Q48"/>
    <mergeCell ref="S48:T48"/>
    <mergeCell ref="X48:Y48"/>
    <mergeCell ref="Z48:AB48"/>
    <mergeCell ref="B49:C49"/>
    <mergeCell ref="D49:Q49"/>
    <mergeCell ref="S49:T49"/>
    <mergeCell ref="X49:Y49"/>
    <mergeCell ref="Z49:AB49"/>
    <mergeCell ref="B50:C50"/>
    <mergeCell ref="D50:Q50"/>
    <mergeCell ref="S50:T50"/>
    <mergeCell ref="X50:Y50"/>
    <mergeCell ref="Z50:AB50"/>
    <mergeCell ref="B51:C51"/>
    <mergeCell ref="D51:Q51"/>
    <mergeCell ref="S51:T51"/>
    <mergeCell ref="X51:Y51"/>
    <mergeCell ref="Z51:AB51"/>
    <mergeCell ref="B52:C52"/>
    <mergeCell ref="D52:Q52"/>
    <mergeCell ref="S52:T52"/>
    <mergeCell ref="X52:Y52"/>
    <mergeCell ref="Z52:AB52"/>
    <mergeCell ref="B53:C53"/>
    <mergeCell ref="D53:Q53"/>
    <mergeCell ref="S53:T53"/>
    <mergeCell ref="X53:Y53"/>
    <mergeCell ref="Z53:AB53"/>
    <mergeCell ref="B54:C54"/>
    <mergeCell ref="D54:Q54"/>
    <mergeCell ref="S54:T54"/>
    <mergeCell ref="X54:Y54"/>
    <mergeCell ref="Z54:AB54"/>
    <mergeCell ref="B55:C55"/>
    <mergeCell ref="D55:Q55"/>
    <mergeCell ref="S55:T55"/>
    <mergeCell ref="X55:Y55"/>
    <mergeCell ref="Z55:AB55"/>
    <mergeCell ref="B56:C56"/>
    <mergeCell ref="D56:Q56"/>
    <mergeCell ref="S56:T56"/>
    <mergeCell ref="X56:Y56"/>
    <mergeCell ref="Z56:AB56"/>
    <mergeCell ref="B57:C57"/>
    <mergeCell ref="D57:Q57"/>
    <mergeCell ref="S57:T57"/>
    <mergeCell ref="X57:Y57"/>
    <mergeCell ref="Z57:AB57"/>
    <mergeCell ref="B58:C58"/>
    <mergeCell ref="D58:Q58"/>
    <mergeCell ref="S58:T58"/>
    <mergeCell ref="X58:Y58"/>
    <mergeCell ref="Z58:AB58"/>
    <mergeCell ref="B59:C59"/>
    <mergeCell ref="D59:Q59"/>
    <mergeCell ref="S59:T59"/>
    <mergeCell ref="X59:Y59"/>
    <mergeCell ref="Z59:AB59"/>
    <mergeCell ref="B60:C60"/>
    <mergeCell ref="D60:Q60"/>
    <mergeCell ref="S60:T60"/>
    <mergeCell ref="X60:Y60"/>
    <mergeCell ref="Z60:AB60"/>
    <mergeCell ref="B61:C61"/>
    <mergeCell ref="D61:Q61"/>
    <mergeCell ref="S61:T61"/>
    <mergeCell ref="X61:Y61"/>
    <mergeCell ref="Z61:AB61"/>
    <mergeCell ref="B62:C62"/>
    <mergeCell ref="D62:Q62"/>
    <mergeCell ref="S62:T62"/>
    <mergeCell ref="X62:Y62"/>
    <mergeCell ref="Z62:AB62"/>
    <mergeCell ref="B63:C63"/>
    <mergeCell ref="D63:Q63"/>
    <mergeCell ref="S63:T63"/>
    <mergeCell ref="X63:Y63"/>
    <mergeCell ref="Z63:AB63"/>
    <mergeCell ref="B64:C64"/>
    <mergeCell ref="D64:Q64"/>
    <mergeCell ref="S64:T64"/>
    <mergeCell ref="X64:Y64"/>
    <mergeCell ref="Z64:AB64"/>
    <mergeCell ref="B65:C65"/>
    <mergeCell ref="D65:Q65"/>
    <mergeCell ref="S65:T65"/>
    <mergeCell ref="X65:Y65"/>
    <mergeCell ref="Z65:AB65"/>
    <mergeCell ref="B66:C66"/>
    <mergeCell ref="D66:Q66"/>
    <mergeCell ref="S66:T66"/>
    <mergeCell ref="X66:Y66"/>
    <mergeCell ref="Z66:AB66"/>
    <mergeCell ref="B67:C67"/>
    <mergeCell ref="D67:Q67"/>
    <mergeCell ref="S67:T67"/>
    <mergeCell ref="X67:Y67"/>
    <mergeCell ref="Z67:AB67"/>
    <mergeCell ref="B68:C68"/>
    <mergeCell ref="D68:Q68"/>
    <mergeCell ref="S68:T68"/>
    <mergeCell ref="X68:Y68"/>
    <mergeCell ref="Z68:AB68"/>
    <mergeCell ref="B69:C69"/>
    <mergeCell ref="D69:Q69"/>
    <mergeCell ref="S69:T69"/>
    <mergeCell ref="X69:Y69"/>
    <mergeCell ref="Z69:AB69"/>
    <mergeCell ref="B70:C70"/>
    <mergeCell ref="D70:Q70"/>
    <mergeCell ref="S70:T70"/>
    <mergeCell ref="X70:Y70"/>
    <mergeCell ref="Z70:AB70"/>
    <mergeCell ref="B71:C71"/>
    <mergeCell ref="D71:Q71"/>
    <mergeCell ref="S71:T71"/>
    <mergeCell ref="X71:Y71"/>
    <mergeCell ref="Z71:AB71"/>
    <mergeCell ref="B72:C72"/>
    <mergeCell ref="D72:Q72"/>
    <mergeCell ref="S72:T72"/>
    <mergeCell ref="X72:Y72"/>
    <mergeCell ref="Z72:AB72"/>
    <mergeCell ref="B73:C73"/>
    <mergeCell ref="D73:Q73"/>
    <mergeCell ref="S73:T73"/>
    <mergeCell ref="X73:Y73"/>
    <mergeCell ref="Z73:AB73"/>
    <mergeCell ref="B74:C74"/>
    <mergeCell ref="D74:Q74"/>
    <mergeCell ref="S74:T74"/>
    <mergeCell ref="X74:Y74"/>
    <mergeCell ref="Z74:AB74"/>
    <mergeCell ref="B75:C75"/>
    <mergeCell ref="D75:Q75"/>
    <mergeCell ref="S75:T75"/>
    <mergeCell ref="X75:Y75"/>
    <mergeCell ref="Z75:AB75"/>
    <mergeCell ref="B76:C76"/>
    <mergeCell ref="D76:Q76"/>
    <mergeCell ref="S76:T76"/>
    <mergeCell ref="X76:Y76"/>
    <mergeCell ref="Z76:AB76"/>
    <mergeCell ref="B77:C77"/>
    <mergeCell ref="D77:Q77"/>
    <mergeCell ref="S77:T77"/>
    <mergeCell ref="X77:Y77"/>
    <mergeCell ref="Z77:AB77"/>
    <mergeCell ref="B78:C78"/>
    <mergeCell ref="D78:Q78"/>
    <mergeCell ref="S78:T78"/>
    <mergeCell ref="X78:Y78"/>
    <mergeCell ref="Z78:AB78"/>
    <mergeCell ref="B79:C79"/>
    <mergeCell ref="D79:Q79"/>
    <mergeCell ref="S79:T79"/>
    <mergeCell ref="X79:Y79"/>
    <mergeCell ref="Z79:AB79"/>
    <mergeCell ref="B80:C80"/>
    <mergeCell ref="D80:Q80"/>
    <mergeCell ref="S80:T80"/>
    <mergeCell ref="X80:Y80"/>
    <mergeCell ref="Z80:AB80"/>
    <mergeCell ref="B81:C81"/>
    <mergeCell ref="D81:Q81"/>
    <mergeCell ref="S81:T81"/>
    <mergeCell ref="X81:Y81"/>
    <mergeCell ref="Z81:AB81"/>
    <mergeCell ref="B82:C82"/>
    <mergeCell ref="D82:Q82"/>
    <mergeCell ref="S82:T82"/>
    <mergeCell ref="X82:Y82"/>
    <mergeCell ref="Z82:AB82"/>
    <mergeCell ref="B83:C83"/>
    <mergeCell ref="D83:Q83"/>
    <mergeCell ref="S83:T83"/>
    <mergeCell ref="X83:Y83"/>
    <mergeCell ref="Z83:AB83"/>
    <mergeCell ref="B84:C84"/>
    <mergeCell ref="D84:Q84"/>
    <mergeCell ref="S84:T84"/>
    <mergeCell ref="X84:Y84"/>
    <mergeCell ref="Z84:AB84"/>
    <mergeCell ref="B85:C85"/>
    <mergeCell ref="D85:Q85"/>
    <mergeCell ref="S85:T85"/>
    <mergeCell ref="X85:Y85"/>
    <mergeCell ref="Z85:AB85"/>
    <mergeCell ref="B86:C86"/>
    <mergeCell ref="D86:Q86"/>
    <mergeCell ref="S86:T86"/>
    <mergeCell ref="X86:Y86"/>
    <mergeCell ref="Z86:AB86"/>
    <mergeCell ref="B87:C87"/>
    <mergeCell ref="D87:Q87"/>
    <mergeCell ref="S87:T87"/>
    <mergeCell ref="X87:Y87"/>
    <mergeCell ref="Z87:AB87"/>
    <mergeCell ref="B88:C88"/>
    <mergeCell ref="D88:Q88"/>
    <mergeCell ref="S88:T88"/>
    <mergeCell ref="X88:Y88"/>
    <mergeCell ref="Z88:AB88"/>
    <mergeCell ref="B89:C89"/>
    <mergeCell ref="D89:Q89"/>
    <mergeCell ref="S89:T89"/>
    <mergeCell ref="X89:Y89"/>
    <mergeCell ref="Z89:AB89"/>
    <mergeCell ref="B90:C90"/>
    <mergeCell ref="D90:Q90"/>
    <mergeCell ref="S90:T90"/>
    <mergeCell ref="X90:Y90"/>
    <mergeCell ref="Z90:AB90"/>
    <mergeCell ref="B91:C91"/>
    <mergeCell ref="D91:Q91"/>
    <mergeCell ref="S91:T91"/>
    <mergeCell ref="X91:Y91"/>
    <mergeCell ref="Z91:AB91"/>
    <mergeCell ref="B92:C92"/>
    <mergeCell ref="D92:Q92"/>
    <mergeCell ref="S92:T92"/>
    <mergeCell ref="X92:Y92"/>
    <mergeCell ref="Z92:AB92"/>
    <mergeCell ref="B93:C93"/>
    <mergeCell ref="D93:Q93"/>
    <mergeCell ref="S93:T93"/>
    <mergeCell ref="X93:Y93"/>
    <mergeCell ref="Z93:AB93"/>
    <mergeCell ref="B94:C94"/>
    <mergeCell ref="D94:Q94"/>
    <mergeCell ref="S94:T94"/>
    <mergeCell ref="X94:Y94"/>
    <mergeCell ref="Z94:AB94"/>
    <mergeCell ref="B95:C95"/>
    <mergeCell ref="D95:Q95"/>
    <mergeCell ref="S95:T95"/>
    <mergeCell ref="X95:Y95"/>
    <mergeCell ref="Z95:AB95"/>
    <mergeCell ref="B96:C96"/>
    <mergeCell ref="D96:Q96"/>
    <mergeCell ref="S96:T96"/>
    <mergeCell ref="X96:Y96"/>
    <mergeCell ref="Z96:AB96"/>
    <mergeCell ref="B97:C97"/>
    <mergeCell ref="D97:Q97"/>
    <mergeCell ref="S97:T97"/>
    <mergeCell ref="X97:Y97"/>
    <mergeCell ref="Z97:AB97"/>
    <mergeCell ref="B98:C98"/>
    <mergeCell ref="D98:Q98"/>
    <mergeCell ref="S98:T98"/>
    <mergeCell ref="X98:Y98"/>
    <mergeCell ref="Z98:AB98"/>
    <mergeCell ref="B99:C99"/>
    <mergeCell ref="D99:Q99"/>
    <mergeCell ref="S99:T99"/>
    <mergeCell ref="X99:Y99"/>
    <mergeCell ref="Z99:AB99"/>
    <mergeCell ref="B100:C100"/>
    <mergeCell ref="D100:Q100"/>
    <mergeCell ref="S100:T100"/>
    <mergeCell ref="X100:Y100"/>
    <mergeCell ref="Z100:AB100"/>
    <mergeCell ref="B101:C101"/>
    <mergeCell ref="D101:Q101"/>
    <mergeCell ref="S101:T101"/>
    <mergeCell ref="X101:Y101"/>
    <mergeCell ref="Z101:AB101"/>
    <mergeCell ref="B102:C102"/>
    <mergeCell ref="D102:Q102"/>
    <mergeCell ref="S102:T102"/>
    <mergeCell ref="X102:Y102"/>
    <mergeCell ref="Z102:AB102"/>
    <mergeCell ref="B103:C103"/>
    <mergeCell ref="D103:Q103"/>
    <mergeCell ref="S103:T103"/>
    <mergeCell ref="X103:Y103"/>
    <mergeCell ref="Z103:AB103"/>
    <mergeCell ref="B104:C104"/>
    <mergeCell ref="D104:Q104"/>
    <mergeCell ref="S104:T104"/>
    <mergeCell ref="X104:Y104"/>
    <mergeCell ref="Z104:AB104"/>
    <mergeCell ref="B105:C105"/>
    <mergeCell ref="D105:Q105"/>
    <mergeCell ref="S105:T105"/>
    <mergeCell ref="X105:Y105"/>
    <mergeCell ref="Z105:AB105"/>
    <mergeCell ref="B106:C106"/>
    <mergeCell ref="D106:Q106"/>
    <mergeCell ref="S106:T106"/>
    <mergeCell ref="X106:Y106"/>
    <mergeCell ref="Z106:AB106"/>
    <mergeCell ref="B107:C107"/>
    <mergeCell ref="D107:Q107"/>
    <mergeCell ref="S107:T107"/>
    <mergeCell ref="X107:Y107"/>
    <mergeCell ref="Z107:AB107"/>
    <mergeCell ref="B108:C108"/>
    <mergeCell ref="D108:Q108"/>
    <mergeCell ref="S108:T108"/>
    <mergeCell ref="X108:Y108"/>
    <mergeCell ref="Z108:AB108"/>
    <mergeCell ref="B109:C109"/>
    <mergeCell ref="D109:Q109"/>
    <mergeCell ref="S109:T109"/>
    <mergeCell ref="X109:Y109"/>
    <mergeCell ref="Z109:AB109"/>
    <mergeCell ref="B110:C110"/>
    <mergeCell ref="D110:Q110"/>
    <mergeCell ref="S110:T110"/>
    <mergeCell ref="X110:Y110"/>
    <mergeCell ref="Z110:AB110"/>
    <mergeCell ref="B111:C111"/>
    <mergeCell ref="D111:Q111"/>
    <mergeCell ref="S111:T111"/>
    <mergeCell ref="X111:Y111"/>
    <mergeCell ref="Z111:AB111"/>
    <mergeCell ref="B112:C112"/>
    <mergeCell ref="D112:Q112"/>
    <mergeCell ref="S112:T112"/>
    <mergeCell ref="X112:Y112"/>
    <mergeCell ref="Z112:AB112"/>
    <mergeCell ref="B113:C113"/>
    <mergeCell ref="D113:Q113"/>
    <mergeCell ref="S113:T113"/>
    <mergeCell ref="X113:Y113"/>
    <mergeCell ref="Z113:AB113"/>
    <mergeCell ref="B114:C114"/>
    <mergeCell ref="D114:Q114"/>
    <mergeCell ref="S114:T114"/>
    <mergeCell ref="X114:Y114"/>
    <mergeCell ref="Z114:AB114"/>
    <mergeCell ref="B115:C115"/>
    <mergeCell ref="D115:Q115"/>
    <mergeCell ref="S115:T115"/>
    <mergeCell ref="X115:Y115"/>
    <mergeCell ref="Z115:AB115"/>
    <mergeCell ref="B116:C116"/>
    <mergeCell ref="D116:Q116"/>
    <mergeCell ref="S116:T116"/>
    <mergeCell ref="X116:Y116"/>
    <mergeCell ref="Z116:AB116"/>
    <mergeCell ref="B117:C117"/>
    <mergeCell ref="D117:Q117"/>
    <mergeCell ref="S117:T117"/>
    <mergeCell ref="X117:Y117"/>
    <mergeCell ref="Z117:AB117"/>
    <mergeCell ref="B118:C118"/>
    <mergeCell ref="D118:Q118"/>
    <mergeCell ref="S118:T118"/>
    <mergeCell ref="X118:Y118"/>
    <mergeCell ref="Z118:AB118"/>
    <mergeCell ref="B119:C119"/>
    <mergeCell ref="D119:Q119"/>
    <mergeCell ref="S119:T119"/>
    <mergeCell ref="X119:Y119"/>
    <mergeCell ref="Z119:AB119"/>
    <mergeCell ref="B120:C120"/>
    <mergeCell ref="D120:Q120"/>
    <mergeCell ref="S120:T120"/>
    <mergeCell ref="X120:Y120"/>
    <mergeCell ref="Z120:AB120"/>
    <mergeCell ref="B121:C121"/>
    <mergeCell ref="D121:Q121"/>
    <mergeCell ref="S121:T121"/>
    <mergeCell ref="X121:Y121"/>
    <mergeCell ref="Z121:AB121"/>
    <mergeCell ref="B122:C122"/>
    <mergeCell ref="D122:Q122"/>
    <mergeCell ref="S122:T122"/>
    <mergeCell ref="X122:Y122"/>
    <mergeCell ref="Z122:AB122"/>
    <mergeCell ref="B123:C123"/>
    <mergeCell ref="D123:Q123"/>
    <mergeCell ref="S123:T123"/>
    <mergeCell ref="X123:Y123"/>
    <mergeCell ref="Z123:AB123"/>
    <mergeCell ref="B124:C124"/>
    <mergeCell ref="D124:Q124"/>
    <mergeCell ref="S124:T124"/>
    <mergeCell ref="X124:Y124"/>
    <mergeCell ref="Z124:AB124"/>
    <mergeCell ref="B125:C125"/>
    <mergeCell ref="D125:Q125"/>
    <mergeCell ref="S125:T125"/>
    <mergeCell ref="X125:Y125"/>
    <mergeCell ref="Z125:AB125"/>
    <mergeCell ref="B126:C126"/>
    <mergeCell ref="D126:Q126"/>
    <mergeCell ref="S126:T126"/>
    <mergeCell ref="X126:Y126"/>
    <mergeCell ref="Z126:AB126"/>
    <mergeCell ref="B127:C127"/>
    <mergeCell ref="D127:Q127"/>
    <mergeCell ref="S127:T127"/>
    <mergeCell ref="X127:Y127"/>
    <mergeCell ref="Z127:AB127"/>
    <mergeCell ref="B128:C128"/>
    <mergeCell ref="D128:Q128"/>
    <mergeCell ref="S128:T128"/>
    <mergeCell ref="X128:Y128"/>
    <mergeCell ref="Z128:AB128"/>
    <mergeCell ref="B129:C129"/>
    <mergeCell ref="D129:Q129"/>
    <mergeCell ref="S129:T129"/>
    <mergeCell ref="X129:Y129"/>
    <mergeCell ref="Z129:AB129"/>
    <mergeCell ref="B130:C130"/>
    <mergeCell ref="D130:Q130"/>
    <mergeCell ref="S130:T130"/>
    <mergeCell ref="X130:Y130"/>
    <mergeCell ref="Z130:AB130"/>
    <mergeCell ref="B131:C131"/>
    <mergeCell ref="D131:Q131"/>
    <mergeCell ref="S131:T131"/>
    <mergeCell ref="X131:Y131"/>
    <mergeCell ref="Z131:AB131"/>
    <mergeCell ref="B132:C132"/>
    <mergeCell ref="D132:Q132"/>
    <mergeCell ref="S132:T132"/>
    <mergeCell ref="X132:Y132"/>
    <mergeCell ref="Z132:AB132"/>
    <mergeCell ref="B133:C133"/>
    <mergeCell ref="D133:Q133"/>
    <mergeCell ref="S133:T133"/>
    <mergeCell ref="X133:Y133"/>
    <mergeCell ref="Z133:AB133"/>
    <mergeCell ref="B134:C134"/>
    <mergeCell ref="D134:Q134"/>
    <mergeCell ref="S134:T134"/>
    <mergeCell ref="X134:Y134"/>
    <mergeCell ref="Z134:AB134"/>
    <mergeCell ref="B135:C135"/>
    <mergeCell ref="D135:Q135"/>
    <mergeCell ref="S135:T135"/>
    <mergeCell ref="X135:Y135"/>
    <mergeCell ref="Z135:AB135"/>
    <mergeCell ref="B136:C136"/>
    <mergeCell ref="D136:Q136"/>
    <mergeCell ref="S136:T136"/>
    <mergeCell ref="X136:Y136"/>
    <mergeCell ref="Z136:AB136"/>
    <mergeCell ref="B137:C137"/>
    <mergeCell ref="D137:Q137"/>
    <mergeCell ref="S137:T137"/>
    <mergeCell ref="X137:Y137"/>
    <mergeCell ref="Z137:AB137"/>
    <mergeCell ref="B138:C138"/>
    <mergeCell ref="D138:Q138"/>
    <mergeCell ref="S138:T138"/>
    <mergeCell ref="X138:Y138"/>
    <mergeCell ref="Z138:AB138"/>
    <mergeCell ref="B139:C139"/>
    <mergeCell ref="D139:Q139"/>
    <mergeCell ref="S139:T139"/>
    <mergeCell ref="X139:Y139"/>
    <mergeCell ref="Z139:AB139"/>
    <mergeCell ref="B140:C140"/>
    <mergeCell ref="D140:Q140"/>
    <mergeCell ref="S140:T140"/>
    <mergeCell ref="X140:Y140"/>
    <mergeCell ref="Z140:AB140"/>
    <mergeCell ref="B141:C141"/>
    <mergeCell ref="D141:Q141"/>
    <mergeCell ref="S141:T141"/>
    <mergeCell ref="X141:Y141"/>
    <mergeCell ref="Z141:AB141"/>
    <mergeCell ref="B142:C142"/>
    <mergeCell ref="D142:Q142"/>
    <mergeCell ref="S142:T142"/>
    <mergeCell ref="X142:Y142"/>
    <mergeCell ref="Z142:AB142"/>
    <mergeCell ref="B143:C143"/>
    <mergeCell ref="D143:Q143"/>
    <mergeCell ref="S143:T143"/>
    <mergeCell ref="X143:Y143"/>
    <mergeCell ref="Z143:AB143"/>
    <mergeCell ref="B144:C144"/>
    <mergeCell ref="D144:Q144"/>
    <mergeCell ref="S144:T144"/>
    <mergeCell ref="X144:Y144"/>
    <mergeCell ref="Z144:AB144"/>
    <mergeCell ref="B145:C145"/>
    <mergeCell ref="D145:Q145"/>
    <mergeCell ref="S145:T145"/>
    <mergeCell ref="X145:Y145"/>
    <mergeCell ref="Z145:AB145"/>
    <mergeCell ref="B146:C146"/>
    <mergeCell ref="D146:Q146"/>
    <mergeCell ref="S146:T146"/>
    <mergeCell ref="X146:Y146"/>
    <mergeCell ref="Z146:AB146"/>
    <mergeCell ref="B147:C147"/>
    <mergeCell ref="D147:Q147"/>
    <mergeCell ref="S147:T147"/>
    <mergeCell ref="X147:Y147"/>
    <mergeCell ref="Z147:AB147"/>
    <mergeCell ref="B148:C148"/>
    <mergeCell ref="D148:Q148"/>
    <mergeCell ref="S148:T148"/>
    <mergeCell ref="X148:Y148"/>
    <mergeCell ref="Z148:AB148"/>
    <mergeCell ref="B149:C149"/>
    <mergeCell ref="D149:Q149"/>
    <mergeCell ref="S149:T149"/>
    <mergeCell ref="X149:Y149"/>
    <mergeCell ref="Z149:AB149"/>
    <mergeCell ref="B150:C150"/>
    <mergeCell ref="D150:Q150"/>
    <mergeCell ref="S150:T150"/>
    <mergeCell ref="X150:Y150"/>
    <mergeCell ref="Z150:AB150"/>
    <mergeCell ref="B151:C151"/>
    <mergeCell ref="D151:Q151"/>
    <mergeCell ref="S151:T151"/>
    <mergeCell ref="X151:Y151"/>
    <mergeCell ref="Z151:AB151"/>
    <mergeCell ref="B152:C152"/>
    <mergeCell ref="D152:Q152"/>
    <mergeCell ref="S152:T152"/>
    <mergeCell ref="X152:Y152"/>
    <mergeCell ref="Z152:AB152"/>
    <mergeCell ref="B153:C153"/>
    <mergeCell ref="D153:Q153"/>
    <mergeCell ref="S153:T153"/>
    <mergeCell ref="X153:Y153"/>
    <mergeCell ref="Z153:AB153"/>
    <mergeCell ref="B154:C154"/>
    <mergeCell ref="D154:Q154"/>
    <mergeCell ref="S154:T154"/>
    <mergeCell ref="X154:Y154"/>
    <mergeCell ref="Z154:AB154"/>
    <mergeCell ref="B155:C155"/>
    <mergeCell ref="D155:Q155"/>
    <mergeCell ref="S155:T155"/>
    <mergeCell ref="X155:Y155"/>
    <mergeCell ref="Z155:AB155"/>
    <mergeCell ref="B156:C156"/>
    <mergeCell ref="D156:Q156"/>
    <mergeCell ref="S156:T156"/>
    <mergeCell ref="X156:Y156"/>
    <mergeCell ref="Z156:AB156"/>
    <mergeCell ref="B157:C157"/>
    <mergeCell ref="D157:Q157"/>
    <mergeCell ref="S157:T157"/>
    <mergeCell ref="X157:Y157"/>
    <mergeCell ref="Z157:AB157"/>
    <mergeCell ref="B158:C158"/>
    <mergeCell ref="D158:Q158"/>
    <mergeCell ref="S158:T158"/>
    <mergeCell ref="X158:Y158"/>
    <mergeCell ref="Z158:AB158"/>
    <mergeCell ref="B159:C159"/>
    <mergeCell ref="D159:Q159"/>
    <mergeCell ref="S159:T159"/>
    <mergeCell ref="X159:Y159"/>
    <mergeCell ref="Z159:AB159"/>
    <mergeCell ref="B160:C160"/>
    <mergeCell ref="D160:Q160"/>
    <mergeCell ref="S160:T160"/>
    <mergeCell ref="X160:Y160"/>
    <mergeCell ref="Z160:AB160"/>
    <mergeCell ref="B161:C161"/>
    <mergeCell ref="D161:Q161"/>
    <mergeCell ref="S161:T161"/>
    <mergeCell ref="X161:Y161"/>
    <mergeCell ref="Z161:AB161"/>
    <mergeCell ref="B162:C162"/>
    <mergeCell ref="D162:Q162"/>
    <mergeCell ref="S162:T162"/>
    <mergeCell ref="X162:Y162"/>
    <mergeCell ref="Z162:AB162"/>
    <mergeCell ref="B163:C163"/>
    <mergeCell ref="D163:Q163"/>
    <mergeCell ref="S163:T163"/>
    <mergeCell ref="X163:Y163"/>
    <mergeCell ref="Z163:AB163"/>
    <mergeCell ref="B164:C164"/>
    <mergeCell ref="D164:Q164"/>
    <mergeCell ref="S164:T164"/>
    <mergeCell ref="X164:Y164"/>
    <mergeCell ref="Z164:AB164"/>
    <mergeCell ref="B165:C165"/>
    <mergeCell ref="D165:Q165"/>
    <mergeCell ref="S165:T165"/>
    <mergeCell ref="X165:Y165"/>
    <mergeCell ref="Z165:AB165"/>
    <mergeCell ref="B166:C166"/>
    <mergeCell ref="D166:Q166"/>
    <mergeCell ref="S166:T166"/>
    <mergeCell ref="X166:Y166"/>
    <mergeCell ref="Z166:AB166"/>
    <mergeCell ref="B167:C167"/>
    <mergeCell ref="D167:Q167"/>
    <mergeCell ref="S167:T167"/>
    <mergeCell ref="X167:Y167"/>
    <mergeCell ref="Z167:AB167"/>
    <mergeCell ref="B168:C168"/>
    <mergeCell ref="D168:Q168"/>
    <mergeCell ref="S168:T168"/>
    <mergeCell ref="X168:Y168"/>
    <mergeCell ref="Z168:AB168"/>
    <mergeCell ref="B169:C169"/>
    <mergeCell ref="D169:Q169"/>
    <mergeCell ref="S169:T169"/>
    <mergeCell ref="X169:Y169"/>
    <mergeCell ref="Z169:AB169"/>
    <mergeCell ref="B172:C172"/>
    <mergeCell ref="D172:Q172"/>
    <mergeCell ref="S172:T172"/>
    <mergeCell ref="X172:Y172"/>
    <mergeCell ref="Z172:AB172"/>
    <mergeCell ref="B170:C170"/>
    <mergeCell ref="D170:Q170"/>
    <mergeCell ref="S170:T170"/>
    <mergeCell ref="X170:Y170"/>
    <mergeCell ref="Z170:AB170"/>
    <mergeCell ref="B171:C171"/>
    <mergeCell ref="D171:Q171"/>
    <mergeCell ref="S171:T171"/>
    <mergeCell ref="X171:Y171"/>
    <mergeCell ref="Z171:AB171"/>
  </mergeCells>
  <phoneticPr fontId="24"/>
  <conditionalFormatting sqref="AC50">
    <cfRule type="expression" dxfId="8" priority="3">
      <formula>$AN50="□"</formula>
    </cfRule>
  </conditionalFormatting>
  <conditionalFormatting sqref="AC36">
    <cfRule type="expression" dxfId="7" priority="2">
      <formula>$AN36="□"</formula>
    </cfRule>
  </conditionalFormatting>
  <conditionalFormatting sqref="AC49">
    <cfRule type="expression" dxfId="6" priority="1">
      <formula>$AN49="□"</formula>
    </cfRule>
  </conditionalFormatting>
  <dataValidations count="8">
    <dataValidation type="list" allowBlank="1" showInputMessage="1" showErrorMessage="1" sqref="H6:I6 S6:T6" xr:uid="{598ABFF2-90DC-45AF-8B8C-A4E166CB8F86}">
      <formula1>"08,09,10,11,12,13,14,15,16,17,18,19,20,21,22,23,24,25,26,27,28,29,30"</formula1>
    </dataValidation>
    <dataValidation type="list" allowBlank="1" showInputMessage="1" showErrorMessage="1" sqref="F10:R10 F14:S14 F12:S12" xr:uid="{ED993AC7-A1CC-40FE-8C4E-5E2D1B68BC22}">
      <formula1>$F$193:$F$208</formula1>
    </dataValidation>
    <dataValidation type="list" allowBlank="1" showInputMessage="1" showErrorMessage="1" sqref="Z19:AB172" xr:uid="{24E3439E-6F12-401A-9AA0-8F00627D0EDF}">
      <formula1>$C$193:$C$198</formula1>
    </dataValidation>
    <dataValidation type="list" allowBlank="1" showInputMessage="1" showErrorMessage="1" sqref="F4:M4" xr:uid="{2D23F4B6-2828-401F-9625-D3599830E276}">
      <formula1>$A$193:$A$195</formula1>
    </dataValidation>
    <dataValidation type="list" allowBlank="1" showInputMessage="1" showErrorMessage="1" sqref="Q8:W8" xr:uid="{8FD620D5-3345-4832-9046-BA6D2BA78C20}">
      <formula1>$E$193:$E$196</formula1>
    </dataValidation>
    <dataValidation type="list" allowBlank="1" showInputMessage="1" showErrorMessage="1" sqref="X19:Y172" xr:uid="{EF196B4B-3DFB-41A2-A0CE-F008C2336727}">
      <formula1>"○,×"</formula1>
    </dataValidation>
    <dataValidation type="list" allowBlank="1" showInputMessage="1" showErrorMessage="1" sqref="F8:L8" xr:uid="{0D1C3EDD-F6D5-470C-A678-46956B47B912}">
      <formula1>"する,しない"</formula1>
    </dataValidation>
    <dataValidation type="list" allowBlank="1" showInputMessage="1" showErrorMessage="1" sqref="R6" xr:uid="{918B2753-1392-442B-BAA1-26CBC0CF9C3E}">
      <formula1>"08,09,10,11,12,13,14,15,16,17,18,19,20,21,22,23,24,25"</formula1>
    </dataValidation>
  </dataValidations>
  <pageMargins left="0.19685039370078741" right="0.19685039370078741" top="0.39370078740157483" bottom="0.39370078740157483" header="0.19685039370078741" footer="0.19685039370078741"/>
  <pageSetup paperSize="9" scale="86" fitToHeight="0" orientation="landscape" r:id="rId1"/>
  <headerFooter alignWithMargins="0">
    <oddFooter>&amp;C&amp;P</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41FEFD-E85F-405F-A2DA-206AD83D56DB}">
  <sheetPr codeName="Sheet14">
    <pageSetUpPr fitToPage="1"/>
  </sheetPr>
  <dimension ref="A1:AE243"/>
  <sheetViews>
    <sheetView showGridLines="0" view="pageBreakPreview" zoomScaleNormal="100" zoomScaleSheetLayoutView="100" workbookViewId="0"/>
  </sheetViews>
  <sheetFormatPr defaultColWidth="9" defaultRowHeight="13"/>
  <cols>
    <col min="1" max="1" width="2.6328125" style="16" customWidth="1"/>
    <col min="2" max="2" width="2.90625" style="16" customWidth="1"/>
    <col min="3" max="3" width="2.6328125" style="16" customWidth="1"/>
    <col min="4" max="4" width="3.6328125" style="49" customWidth="1"/>
    <col min="5" max="17" width="2.6328125" style="49" customWidth="1"/>
    <col min="18" max="18" width="0.1796875" style="55" hidden="1" customWidth="1"/>
    <col min="19" max="19" width="3.08984375" style="16" customWidth="1"/>
    <col min="20" max="20" width="2.6328125" style="16" customWidth="1"/>
    <col min="21" max="21" width="7.90625" style="16" bestFit="1" customWidth="1"/>
    <col min="22" max="22" width="5" style="16" bestFit="1" customWidth="1"/>
    <col min="23" max="23" width="4.453125" style="16" customWidth="1"/>
    <col min="24" max="26" width="2.6328125" style="16" customWidth="1"/>
    <col min="27" max="27" width="5.90625" style="16" customWidth="1"/>
    <col min="28" max="28" width="2.6328125" style="16" customWidth="1"/>
    <col min="29" max="29" width="81.453125" style="55" bestFit="1" customWidth="1"/>
    <col min="30" max="30" width="5.36328125" style="16" customWidth="1"/>
    <col min="31" max="16384" width="9" style="16"/>
  </cols>
  <sheetData>
    <row r="1" spans="1:31" customFormat="1" ht="39" customHeight="1">
      <c r="A1" s="79"/>
      <c r="B1" s="80" t="s">
        <v>2408</v>
      </c>
      <c r="C1" s="80"/>
      <c r="D1" s="80"/>
      <c r="E1" s="80"/>
      <c r="F1" s="80"/>
      <c r="G1" s="80"/>
      <c r="H1" s="80"/>
      <c r="I1" s="80"/>
      <c r="J1" s="80"/>
      <c r="K1" s="80"/>
      <c r="L1" s="80"/>
      <c r="M1" s="80"/>
      <c r="N1" s="80"/>
      <c r="O1" s="80"/>
      <c r="P1" s="80"/>
      <c r="Q1" s="80"/>
      <c r="R1" s="217"/>
      <c r="S1" s="81"/>
      <c r="T1" s="80"/>
      <c r="U1" s="80"/>
      <c r="V1" s="80"/>
      <c r="W1" s="80"/>
      <c r="X1" s="323"/>
      <c r="Y1" s="323"/>
      <c r="Z1" s="323"/>
      <c r="AA1" s="323"/>
      <c r="AB1" s="323"/>
      <c r="AC1" s="355"/>
      <c r="AD1" s="356"/>
      <c r="AE1" s="71"/>
    </row>
    <row r="2" spans="1:31" s="1" customFormat="1" ht="24.75" customHeight="1">
      <c r="A2" s="83"/>
      <c r="B2" s="84"/>
      <c r="C2" s="85" t="s">
        <v>2662</v>
      </c>
      <c r="D2" s="85"/>
      <c r="E2" s="86"/>
      <c r="F2" s="86"/>
      <c r="G2" s="86"/>
      <c r="H2" s="86"/>
      <c r="I2" s="86"/>
      <c r="J2" s="86"/>
      <c r="K2" s="86"/>
      <c r="L2" s="86"/>
      <c r="M2" s="86"/>
      <c r="N2" s="86"/>
      <c r="O2" s="86"/>
      <c r="P2" s="86"/>
      <c r="Q2" s="86"/>
      <c r="R2" s="86"/>
      <c r="S2" s="86"/>
      <c r="T2" s="86"/>
      <c r="U2" s="86"/>
      <c r="V2" s="86"/>
      <c r="W2" s="86"/>
      <c r="X2" s="324"/>
      <c r="Y2" s="324"/>
      <c r="Z2" s="324"/>
      <c r="AA2" s="324"/>
      <c r="AB2" s="324"/>
      <c r="AC2" s="357"/>
      <c r="AD2" s="358"/>
      <c r="AE2" s="26"/>
    </row>
    <row r="3" spans="1:31" ht="6" customHeight="1">
      <c r="A3" s="42"/>
      <c r="B3" s="43"/>
      <c r="C3" s="43"/>
      <c r="D3" s="44"/>
      <c r="E3" s="44"/>
      <c r="F3" s="44"/>
      <c r="G3" s="44"/>
      <c r="H3" s="44"/>
      <c r="I3" s="44"/>
      <c r="J3" s="44"/>
      <c r="K3" s="44"/>
      <c r="L3" s="44"/>
      <c r="M3" s="44"/>
      <c r="N3" s="44"/>
      <c r="O3" s="44"/>
      <c r="P3" s="44"/>
      <c r="Q3" s="44"/>
      <c r="R3" s="243"/>
      <c r="S3" s="45"/>
      <c r="T3" s="45"/>
      <c r="U3" s="45"/>
      <c r="V3" s="45"/>
      <c r="W3" s="45"/>
      <c r="X3" s="45"/>
      <c r="Y3" s="45"/>
      <c r="Z3" s="45"/>
      <c r="AA3" s="45"/>
      <c r="AB3" s="43"/>
      <c r="AC3" s="273"/>
      <c r="AD3" s="29"/>
    </row>
    <row r="4" spans="1:31">
      <c r="A4" s="42"/>
      <c r="B4" s="7" t="s">
        <v>339</v>
      </c>
      <c r="C4" s="8"/>
      <c r="D4" s="9"/>
      <c r="E4" s="9"/>
      <c r="F4" s="612" t="s">
        <v>340</v>
      </c>
      <c r="G4" s="613"/>
      <c r="H4" s="613"/>
      <c r="I4" s="613"/>
      <c r="J4" s="613"/>
      <c r="K4" s="613"/>
      <c r="L4" s="613"/>
      <c r="M4" s="614"/>
      <c r="N4" s="110"/>
      <c r="O4" s="9"/>
      <c r="P4" s="9"/>
      <c r="Q4" s="9"/>
      <c r="R4" s="9"/>
      <c r="S4" s="9"/>
      <c r="T4" s="9"/>
      <c r="U4" s="9"/>
      <c r="V4" s="9"/>
      <c r="W4" s="9"/>
      <c r="X4" s="250"/>
      <c r="Y4" s="45"/>
      <c r="Z4" s="45"/>
      <c r="AA4" s="45"/>
      <c r="AB4" s="43"/>
      <c r="AC4" s="273"/>
      <c r="AD4" s="29"/>
    </row>
    <row r="5" spans="1:31" s="26" customFormat="1" ht="13.5" customHeight="1">
      <c r="A5" s="46"/>
      <c r="B5" s="8"/>
      <c r="C5" s="8"/>
      <c r="D5" s="9"/>
      <c r="E5" s="9"/>
      <c r="F5" s="9"/>
      <c r="G5" s="9"/>
      <c r="H5" s="9"/>
      <c r="I5" s="9"/>
      <c r="J5" s="9"/>
      <c r="K5" s="9"/>
      <c r="L5" s="9"/>
      <c r="M5" s="9"/>
      <c r="N5" s="9"/>
      <c r="O5" s="9"/>
      <c r="P5" s="9"/>
      <c r="Q5" s="9"/>
      <c r="R5" s="9"/>
      <c r="S5" s="9"/>
      <c r="T5" s="9"/>
      <c r="U5" s="9"/>
      <c r="V5" s="9"/>
      <c r="W5" s="9"/>
      <c r="X5" s="250"/>
      <c r="Y5" s="45"/>
      <c r="Z5" s="45"/>
      <c r="AA5" s="45"/>
      <c r="AB5" s="43"/>
      <c r="AC5" s="273"/>
      <c r="AD5" s="48"/>
    </row>
    <row r="6" spans="1:31" s="26" customFormat="1" ht="13.5" customHeight="1">
      <c r="A6" s="46"/>
      <c r="B6" s="91" t="s">
        <v>341</v>
      </c>
      <c r="C6" s="91"/>
      <c r="D6" s="91"/>
      <c r="E6" s="91"/>
      <c r="F6" s="615">
        <v>20</v>
      </c>
      <c r="G6" s="615"/>
      <c r="H6" s="604"/>
      <c r="I6" s="605"/>
      <c r="J6" s="706" t="s">
        <v>1793</v>
      </c>
      <c r="K6" s="703"/>
      <c r="L6" s="703"/>
      <c r="M6" s="91"/>
      <c r="N6" s="616" t="s">
        <v>344</v>
      </c>
      <c r="O6" s="616"/>
      <c r="P6" s="615">
        <v>20</v>
      </c>
      <c r="Q6" s="615"/>
      <c r="R6" s="377"/>
      <c r="S6" s="604"/>
      <c r="T6" s="605"/>
      <c r="U6" s="379" t="s">
        <v>1793</v>
      </c>
      <c r="V6" s="255" t="s">
        <v>2410</v>
      </c>
      <c r="W6" s="379"/>
      <c r="X6" s="47"/>
      <c r="Y6" s="47"/>
      <c r="AA6" s="43"/>
      <c r="AB6" s="273"/>
      <c r="AC6" s="273"/>
      <c r="AD6" s="29"/>
    </row>
    <row r="7" spans="1:31">
      <c r="A7" s="25"/>
      <c r="B7" s="7"/>
      <c r="C7" s="7"/>
      <c r="D7" s="7"/>
      <c r="E7" s="7"/>
      <c r="F7" s="78"/>
      <c r="G7" s="78"/>
      <c r="H7" s="78"/>
      <c r="I7" s="110"/>
      <c r="J7" s="110"/>
      <c r="K7" s="7"/>
      <c r="L7" s="110"/>
      <c r="M7" s="110"/>
      <c r="N7" s="110"/>
      <c r="O7" s="7"/>
      <c r="P7" s="1"/>
      <c r="Q7" s="110"/>
      <c r="R7" s="110"/>
      <c r="S7" s="78"/>
      <c r="T7" s="78"/>
      <c r="U7" s="78"/>
      <c r="V7" s="110"/>
      <c r="W7" s="110"/>
      <c r="X7" s="47"/>
      <c r="Y7" s="45"/>
      <c r="Z7" s="45"/>
      <c r="AA7" s="45"/>
      <c r="AB7" s="43"/>
      <c r="AD7" s="29"/>
    </row>
    <row r="8" spans="1:31">
      <c r="A8" s="25"/>
      <c r="B8" s="7" t="s">
        <v>41</v>
      </c>
      <c r="C8" s="94"/>
      <c r="D8" s="94"/>
      <c r="E8" s="94"/>
      <c r="F8" s="609"/>
      <c r="G8" s="610"/>
      <c r="H8" s="610"/>
      <c r="I8" s="610"/>
      <c r="J8" s="610"/>
      <c r="K8" s="610"/>
      <c r="L8" s="611"/>
      <c r="M8" s="1"/>
      <c r="N8" s="7" t="s">
        <v>947</v>
      </c>
      <c r="O8" s="1"/>
      <c r="P8" s="1"/>
      <c r="Q8" s="609"/>
      <c r="R8" s="610"/>
      <c r="S8" s="610"/>
      <c r="T8" s="610"/>
      <c r="U8" s="610"/>
      <c r="V8" s="610"/>
      <c r="W8" s="611"/>
      <c r="X8" s="47"/>
      <c r="Y8" s="45"/>
      <c r="Z8" s="45"/>
      <c r="AA8" s="45"/>
      <c r="AB8" s="43"/>
      <c r="AD8" s="29"/>
    </row>
    <row r="9" spans="1:31" ht="13.5" customHeight="1">
      <c r="A9" s="25"/>
      <c r="B9" s="7"/>
      <c r="C9" s="94"/>
      <c r="D9" s="94"/>
      <c r="E9" s="94"/>
      <c r="F9" s="97"/>
      <c r="G9" s="97"/>
      <c r="H9" s="97"/>
      <c r="I9" s="97"/>
      <c r="J9" s="97"/>
      <c r="K9" s="97"/>
      <c r="L9" s="97"/>
      <c r="M9" s="1"/>
      <c r="N9" s="7"/>
      <c r="O9" s="1"/>
      <c r="P9" s="1"/>
      <c r="Q9" s="97"/>
      <c r="R9" s="97"/>
      <c r="S9" s="97"/>
      <c r="T9" s="97"/>
      <c r="U9" s="97"/>
      <c r="V9" s="97"/>
      <c r="W9" s="1"/>
      <c r="X9" s="47"/>
      <c r="Y9" s="45"/>
      <c r="Z9" s="45"/>
      <c r="AA9" s="45"/>
      <c r="AB9" s="43"/>
      <c r="AC9" s="55" t="s">
        <v>348</v>
      </c>
      <c r="AD9" s="29"/>
    </row>
    <row r="10" spans="1:31">
      <c r="A10" s="25"/>
      <c r="B10" s="7" t="s">
        <v>349</v>
      </c>
      <c r="C10" s="1"/>
      <c r="D10" s="1"/>
      <c r="E10" s="1"/>
      <c r="F10" s="606"/>
      <c r="G10" s="607"/>
      <c r="H10" s="607"/>
      <c r="I10" s="607"/>
      <c r="J10" s="607"/>
      <c r="K10" s="607"/>
      <c r="L10" s="607"/>
      <c r="M10" s="607"/>
      <c r="N10" s="607"/>
      <c r="O10" s="607"/>
      <c r="P10" s="607"/>
      <c r="Q10" s="607"/>
      <c r="R10" s="607"/>
      <c r="S10" s="608"/>
      <c r="T10" s="1"/>
      <c r="U10" s="1"/>
      <c r="V10" s="97"/>
      <c r="W10" s="1"/>
      <c r="X10" s="47"/>
      <c r="Y10" s="45"/>
      <c r="Z10" s="45"/>
      <c r="AA10" s="45"/>
      <c r="AB10" s="43"/>
      <c r="AC10" s="55" t="s">
        <v>350</v>
      </c>
      <c r="AD10" s="29"/>
    </row>
    <row r="11" spans="1:31">
      <c r="A11" s="25"/>
      <c r="B11" s="7"/>
      <c r="C11" s="1"/>
      <c r="D11" s="1"/>
      <c r="E11" s="1"/>
      <c r="F11" s="1"/>
      <c r="G11" s="1"/>
      <c r="H11" s="1"/>
      <c r="I11" s="1"/>
      <c r="J11" s="1"/>
      <c r="K11" s="1"/>
      <c r="L11" s="1"/>
      <c r="M11" s="1"/>
      <c r="N11" s="1"/>
      <c r="O11" s="1"/>
      <c r="P11" s="1"/>
      <c r="Q11" s="1"/>
      <c r="R11" s="1"/>
      <c r="S11" s="1"/>
      <c r="T11" s="1"/>
      <c r="U11" s="1"/>
      <c r="V11" s="97"/>
      <c r="W11" s="1"/>
      <c r="X11" s="47"/>
      <c r="Y11" s="45"/>
      <c r="Z11" s="45"/>
      <c r="AA11" s="45"/>
      <c r="AB11" s="43"/>
      <c r="AC11" s="55" t="s">
        <v>351</v>
      </c>
      <c r="AD11" s="29"/>
    </row>
    <row r="12" spans="1:31" ht="13.5" customHeight="1">
      <c r="A12" s="25"/>
      <c r="B12" s="1"/>
      <c r="C12" s="1"/>
      <c r="D12" s="1"/>
      <c r="E12" s="1"/>
      <c r="F12" s="606"/>
      <c r="G12" s="607"/>
      <c r="H12" s="607"/>
      <c r="I12" s="607"/>
      <c r="J12" s="607"/>
      <c r="K12" s="607"/>
      <c r="L12" s="607"/>
      <c r="M12" s="607"/>
      <c r="N12" s="607"/>
      <c r="O12" s="607"/>
      <c r="P12" s="607"/>
      <c r="Q12" s="607"/>
      <c r="R12" s="607"/>
      <c r="S12" s="608"/>
      <c r="T12" s="1"/>
      <c r="U12" s="1"/>
      <c r="V12" s="97"/>
      <c r="W12" s="1"/>
      <c r="X12" s="47"/>
      <c r="Y12" s="45"/>
      <c r="Z12" s="45"/>
      <c r="AA12" s="45"/>
      <c r="AB12" s="43"/>
      <c r="AC12" s="55" t="s">
        <v>352</v>
      </c>
      <c r="AD12" s="29"/>
    </row>
    <row r="13" spans="1:31" s="26" customFormat="1">
      <c r="A13" s="20"/>
      <c r="B13" s="7"/>
      <c r="C13" s="94"/>
      <c r="D13" s="94"/>
      <c r="E13" s="94"/>
      <c r="F13" s="97"/>
      <c r="G13" s="97"/>
      <c r="H13" s="97"/>
      <c r="I13" s="97"/>
      <c r="J13" s="97"/>
      <c r="K13" s="97"/>
      <c r="L13" s="97"/>
      <c r="M13" s="1"/>
      <c r="N13" s="7"/>
      <c r="O13" s="1"/>
      <c r="P13" s="1"/>
      <c r="Q13" s="97"/>
      <c r="R13" s="97"/>
      <c r="S13" s="97"/>
      <c r="T13" s="97"/>
      <c r="U13" s="97"/>
      <c r="V13" s="97"/>
      <c r="W13" s="1"/>
      <c r="X13" s="47"/>
      <c r="Y13" s="45"/>
      <c r="Z13" s="45"/>
      <c r="AA13" s="45"/>
      <c r="AB13" s="43"/>
      <c r="AD13" s="48"/>
    </row>
    <row r="14" spans="1:31" ht="13.5" customHeight="1">
      <c r="A14" s="25"/>
      <c r="B14" s="7"/>
      <c r="C14" s="94"/>
      <c r="D14" s="94"/>
      <c r="E14" s="94"/>
      <c r="F14" s="606"/>
      <c r="G14" s="607"/>
      <c r="H14" s="607"/>
      <c r="I14" s="607"/>
      <c r="J14" s="607"/>
      <c r="K14" s="607"/>
      <c r="L14" s="607"/>
      <c r="M14" s="607"/>
      <c r="N14" s="607"/>
      <c r="O14" s="607"/>
      <c r="P14" s="607"/>
      <c r="Q14" s="607"/>
      <c r="R14" s="607"/>
      <c r="S14" s="608"/>
      <c r="T14" s="97"/>
      <c r="U14" s="97"/>
      <c r="V14" s="97"/>
      <c r="W14" s="1"/>
      <c r="X14" s="47"/>
      <c r="Y14" s="45"/>
      <c r="Z14" s="45"/>
      <c r="AA14" s="45"/>
      <c r="AB14" s="43"/>
      <c r="AD14" s="29"/>
    </row>
    <row r="15" spans="1:31" ht="13.5" customHeight="1">
      <c r="A15" s="25"/>
      <c r="B15" s="43"/>
      <c r="C15" s="43"/>
      <c r="D15" s="44"/>
      <c r="E15" s="44"/>
      <c r="F15" s="44"/>
      <c r="G15" s="44"/>
      <c r="H15" s="44"/>
      <c r="I15" s="44"/>
      <c r="J15" s="44"/>
      <c r="K15" s="44"/>
      <c r="L15" s="44"/>
      <c r="M15" s="44"/>
      <c r="N15" s="44"/>
      <c r="O15" s="44"/>
      <c r="P15" s="44"/>
      <c r="Q15" s="44"/>
      <c r="R15" s="243"/>
      <c r="S15" s="45"/>
      <c r="T15" s="45"/>
      <c r="U15" s="45"/>
      <c r="V15" s="45"/>
      <c r="W15" s="45"/>
      <c r="X15" s="45"/>
      <c r="Y15" s="45"/>
      <c r="Z15" s="45"/>
      <c r="AA15" s="45"/>
      <c r="AB15" s="43"/>
      <c r="AC15" s="26" t="s">
        <v>375</v>
      </c>
      <c r="AD15" s="29"/>
    </row>
    <row r="16" spans="1:31" ht="15" customHeight="1">
      <c r="A16" s="51"/>
      <c r="B16" s="43"/>
      <c r="C16" s="43"/>
      <c r="D16" s="44"/>
      <c r="E16" s="44"/>
      <c r="F16" s="44"/>
      <c r="G16" s="44"/>
      <c r="H16" s="44"/>
      <c r="I16" s="44"/>
      <c r="J16" s="44"/>
      <c r="K16" s="44"/>
      <c r="L16" s="44"/>
      <c r="M16" s="44"/>
      <c r="N16" s="44"/>
      <c r="O16" s="44"/>
      <c r="P16" s="44"/>
      <c r="Q16" s="44"/>
      <c r="R16" s="243"/>
      <c r="S16" s="45"/>
      <c r="T16" s="45"/>
      <c r="U16" s="45"/>
      <c r="V16" s="45"/>
      <c r="W16" s="45"/>
      <c r="X16" s="45"/>
      <c r="Y16" s="45"/>
      <c r="Z16" s="45"/>
      <c r="AA16" s="45"/>
      <c r="AB16" s="43"/>
      <c r="AC16" s="273"/>
      <c r="AD16" s="29"/>
    </row>
    <row r="17" spans="1:30" ht="13.5" customHeight="1">
      <c r="A17" s="51"/>
      <c r="B17" s="583" t="s">
        <v>73</v>
      </c>
      <c r="C17" s="573"/>
      <c r="D17" s="572" t="s">
        <v>94</v>
      </c>
      <c r="E17" s="572"/>
      <c r="F17" s="572"/>
      <c r="G17" s="572"/>
      <c r="H17" s="572"/>
      <c r="I17" s="572"/>
      <c r="J17" s="572"/>
      <c r="K17" s="572"/>
      <c r="L17" s="572"/>
      <c r="M17" s="572"/>
      <c r="N17" s="572"/>
      <c r="O17" s="572"/>
      <c r="P17" s="572"/>
      <c r="Q17" s="572"/>
      <c r="R17" s="226" t="s">
        <v>383</v>
      </c>
      <c r="S17" s="572" t="s">
        <v>138</v>
      </c>
      <c r="T17" s="572"/>
      <c r="U17" s="581" t="s">
        <v>959</v>
      </c>
      <c r="V17" s="572" t="s">
        <v>97</v>
      </c>
      <c r="W17" s="572"/>
      <c r="X17" s="572" t="s">
        <v>98</v>
      </c>
      <c r="Y17" s="572"/>
      <c r="Z17" s="583" t="s">
        <v>75</v>
      </c>
      <c r="AA17" s="583"/>
      <c r="AB17" s="583"/>
      <c r="AC17" s="746" t="s">
        <v>159</v>
      </c>
      <c r="AD17" s="37"/>
    </row>
    <row r="18" spans="1:30" ht="12.75" customHeight="1">
      <c r="A18" s="51"/>
      <c r="B18" s="573"/>
      <c r="C18" s="573"/>
      <c r="D18" s="572"/>
      <c r="E18" s="572"/>
      <c r="F18" s="572"/>
      <c r="G18" s="572"/>
      <c r="H18" s="572"/>
      <c r="I18" s="572"/>
      <c r="J18" s="572"/>
      <c r="K18" s="572"/>
      <c r="L18" s="572"/>
      <c r="M18" s="572"/>
      <c r="N18" s="572"/>
      <c r="O18" s="572"/>
      <c r="P18" s="572"/>
      <c r="Q18" s="572"/>
      <c r="R18" s="227"/>
      <c r="S18" s="572"/>
      <c r="T18" s="572"/>
      <c r="U18" s="582"/>
      <c r="V18" s="572"/>
      <c r="W18" s="572"/>
      <c r="X18" s="572"/>
      <c r="Y18" s="572"/>
      <c r="Z18" s="583"/>
      <c r="AA18" s="583"/>
      <c r="AB18" s="583"/>
      <c r="AC18" s="746"/>
      <c r="AD18" s="37"/>
    </row>
    <row r="19" spans="1:30" s="54" customFormat="1" ht="13.4" customHeight="1">
      <c r="A19" s="20"/>
      <c r="B19" s="644">
        <v>1</v>
      </c>
      <c r="C19" s="645"/>
      <c r="D19" s="563" t="s">
        <v>2411</v>
      </c>
      <c r="E19" s="564"/>
      <c r="F19" s="564"/>
      <c r="G19" s="564"/>
      <c r="H19" s="564"/>
      <c r="I19" s="564"/>
      <c r="J19" s="564"/>
      <c r="K19" s="564"/>
      <c r="L19" s="564"/>
      <c r="M19" s="564"/>
      <c r="N19" s="564"/>
      <c r="O19" s="564"/>
      <c r="P19" s="564"/>
      <c r="Q19" s="565"/>
      <c r="R19" s="219" t="s">
        <v>441</v>
      </c>
      <c r="S19" s="673" t="s">
        <v>1847</v>
      </c>
      <c r="T19" s="675"/>
      <c r="U19" s="408" t="s">
        <v>1120</v>
      </c>
      <c r="V19" s="211">
        <v>46</v>
      </c>
      <c r="W19" s="211" t="s">
        <v>103</v>
      </c>
      <c r="X19" s="752"/>
      <c r="Y19" s="752"/>
      <c r="Z19" s="756"/>
      <c r="AA19" s="756"/>
      <c r="AB19" s="756"/>
      <c r="AC19" s="267"/>
      <c r="AD19" s="38"/>
    </row>
    <row r="20" spans="1:30" s="54" customFormat="1" ht="13.4" customHeight="1">
      <c r="A20" s="20"/>
      <c r="B20" s="644">
        <v>2</v>
      </c>
      <c r="C20" s="645"/>
      <c r="D20" s="670" t="s">
        <v>1805</v>
      </c>
      <c r="E20" s="671"/>
      <c r="F20" s="671"/>
      <c r="G20" s="671"/>
      <c r="H20" s="671"/>
      <c r="I20" s="671"/>
      <c r="J20" s="671"/>
      <c r="K20" s="671"/>
      <c r="L20" s="671"/>
      <c r="M20" s="671"/>
      <c r="N20" s="671"/>
      <c r="O20" s="671"/>
      <c r="P20" s="671"/>
      <c r="Q20" s="672"/>
      <c r="R20" s="221" t="s">
        <v>1806</v>
      </c>
      <c r="S20" s="673" t="s">
        <v>107</v>
      </c>
      <c r="T20" s="675"/>
      <c r="U20" s="408" t="s">
        <v>102</v>
      </c>
      <c r="V20" s="211">
        <v>3</v>
      </c>
      <c r="W20" s="211" t="s">
        <v>103</v>
      </c>
      <c r="X20" s="752"/>
      <c r="Y20" s="752"/>
      <c r="Z20" s="756"/>
      <c r="AA20" s="756"/>
      <c r="AB20" s="756"/>
      <c r="AC20" s="267"/>
      <c r="AD20" s="38"/>
    </row>
    <row r="21" spans="1:30" s="54" customFormat="1" ht="13.4" customHeight="1">
      <c r="A21" s="20"/>
      <c r="B21" s="644">
        <v>3</v>
      </c>
      <c r="C21" s="645"/>
      <c r="D21" s="670" t="s">
        <v>1366</v>
      </c>
      <c r="E21" s="671"/>
      <c r="F21" s="671"/>
      <c r="G21" s="671"/>
      <c r="H21" s="671"/>
      <c r="I21" s="671"/>
      <c r="J21" s="671"/>
      <c r="K21" s="671"/>
      <c r="L21" s="671"/>
      <c r="M21" s="671"/>
      <c r="N21" s="671"/>
      <c r="O21" s="671"/>
      <c r="P21" s="671"/>
      <c r="Q21" s="672"/>
      <c r="R21" s="221" t="s">
        <v>516</v>
      </c>
      <c r="S21" s="673" t="s">
        <v>107</v>
      </c>
      <c r="T21" s="675"/>
      <c r="U21" s="408" t="s">
        <v>102</v>
      </c>
      <c r="V21" s="211">
        <v>6</v>
      </c>
      <c r="W21" s="211" t="s">
        <v>103</v>
      </c>
      <c r="X21" s="752"/>
      <c r="Y21" s="752"/>
      <c r="Z21" s="756"/>
      <c r="AA21" s="756"/>
      <c r="AB21" s="756"/>
      <c r="AC21" s="267"/>
      <c r="AD21" s="38"/>
    </row>
    <row r="22" spans="1:30" s="54" customFormat="1" ht="13.4" customHeight="1">
      <c r="A22" s="20"/>
      <c r="B22" s="552">
        <v>4</v>
      </c>
      <c r="C22" s="553"/>
      <c r="D22" s="566" t="s">
        <v>1804</v>
      </c>
      <c r="E22" s="567"/>
      <c r="F22" s="567"/>
      <c r="G22" s="567"/>
      <c r="H22" s="567"/>
      <c r="I22" s="567"/>
      <c r="J22" s="567"/>
      <c r="K22" s="567"/>
      <c r="L22" s="567"/>
      <c r="M22" s="567"/>
      <c r="N22" s="567"/>
      <c r="O22" s="567"/>
      <c r="P22" s="567"/>
      <c r="Q22" s="568"/>
      <c r="R22" s="230" t="s">
        <v>444</v>
      </c>
      <c r="S22" s="557" t="s">
        <v>107</v>
      </c>
      <c r="T22" s="559"/>
      <c r="U22" s="409" t="s">
        <v>108</v>
      </c>
      <c r="V22" s="275">
        <v>1</v>
      </c>
      <c r="W22" s="275">
        <v>0</v>
      </c>
      <c r="X22" s="750" t="s">
        <v>109</v>
      </c>
      <c r="Y22" s="750"/>
      <c r="Z22" s="593"/>
      <c r="AA22" s="593"/>
      <c r="AB22" s="593"/>
      <c r="AC22" s="321" t="s">
        <v>391</v>
      </c>
      <c r="AD22" s="38"/>
    </row>
    <row r="23" spans="1:30" s="26" customFormat="1">
      <c r="A23" s="20"/>
      <c r="B23" s="541">
        <v>5</v>
      </c>
      <c r="C23" s="542"/>
      <c r="D23" s="543" t="s">
        <v>112</v>
      </c>
      <c r="E23" s="544"/>
      <c r="F23" s="544"/>
      <c r="G23" s="544"/>
      <c r="H23" s="544"/>
      <c r="I23" s="544"/>
      <c r="J23" s="544"/>
      <c r="K23" s="544"/>
      <c r="L23" s="544"/>
      <c r="M23" s="544"/>
      <c r="N23" s="544"/>
      <c r="O23" s="544"/>
      <c r="P23" s="544"/>
      <c r="Q23" s="545"/>
      <c r="R23" s="244" t="s">
        <v>448</v>
      </c>
      <c r="S23" s="546" t="s">
        <v>1847</v>
      </c>
      <c r="T23" s="548"/>
      <c r="U23" s="408" t="s">
        <v>102</v>
      </c>
      <c r="V23" s="210">
        <v>64</v>
      </c>
      <c r="W23" s="210" t="s">
        <v>103</v>
      </c>
      <c r="X23" s="752"/>
      <c r="Y23" s="752"/>
      <c r="Z23" s="592"/>
      <c r="AA23" s="592"/>
      <c r="AB23" s="592"/>
      <c r="AC23" s="265"/>
      <c r="AD23" s="48"/>
    </row>
    <row r="24" spans="1:30" s="26" customFormat="1">
      <c r="A24" s="20"/>
      <c r="B24" s="541">
        <v>6</v>
      </c>
      <c r="C24" s="542"/>
      <c r="D24" s="543" t="s">
        <v>113</v>
      </c>
      <c r="E24" s="544"/>
      <c r="F24" s="544"/>
      <c r="G24" s="544"/>
      <c r="H24" s="544"/>
      <c r="I24" s="544"/>
      <c r="J24" s="544"/>
      <c r="K24" s="544"/>
      <c r="L24" s="544"/>
      <c r="M24" s="544"/>
      <c r="N24" s="544"/>
      <c r="O24" s="544"/>
      <c r="P24" s="544"/>
      <c r="Q24" s="545"/>
      <c r="R24" s="244" t="s">
        <v>449</v>
      </c>
      <c r="S24" s="546" t="s">
        <v>101</v>
      </c>
      <c r="T24" s="548"/>
      <c r="U24" s="408" t="s">
        <v>102</v>
      </c>
      <c r="V24" s="210">
        <v>64</v>
      </c>
      <c r="W24" s="210" t="s">
        <v>103</v>
      </c>
      <c r="X24" s="752"/>
      <c r="Y24" s="752"/>
      <c r="Z24" s="592"/>
      <c r="AA24" s="592"/>
      <c r="AB24" s="592"/>
      <c r="AC24" s="265"/>
      <c r="AD24" s="48"/>
    </row>
    <row r="25" spans="1:30" s="54" customFormat="1">
      <c r="A25" s="20"/>
      <c r="B25" s="541">
        <v>7</v>
      </c>
      <c r="C25" s="542"/>
      <c r="D25" s="543" t="s">
        <v>114</v>
      </c>
      <c r="E25" s="544"/>
      <c r="F25" s="544"/>
      <c r="G25" s="544"/>
      <c r="H25" s="544"/>
      <c r="I25" s="544"/>
      <c r="J25" s="544"/>
      <c r="K25" s="544"/>
      <c r="L25" s="544"/>
      <c r="M25" s="544"/>
      <c r="N25" s="544"/>
      <c r="O25" s="544"/>
      <c r="P25" s="544"/>
      <c r="Q25" s="545"/>
      <c r="R25" s="244" t="s">
        <v>450</v>
      </c>
      <c r="S25" s="546" t="s">
        <v>1847</v>
      </c>
      <c r="T25" s="548"/>
      <c r="U25" s="408" t="s">
        <v>102</v>
      </c>
      <c r="V25" s="210">
        <v>64</v>
      </c>
      <c r="W25" s="210" t="s">
        <v>103</v>
      </c>
      <c r="X25" s="752"/>
      <c r="Y25" s="752"/>
      <c r="Z25" s="592"/>
      <c r="AA25" s="592"/>
      <c r="AB25" s="592"/>
      <c r="AC25" s="267"/>
      <c r="AD25" s="38"/>
    </row>
    <row r="26" spans="1:30" s="57" customFormat="1" ht="13.4" customHeight="1">
      <c r="A26" s="394"/>
      <c r="B26" s="676">
        <v>8</v>
      </c>
      <c r="C26" s="677"/>
      <c r="D26" s="694" t="s">
        <v>2280</v>
      </c>
      <c r="E26" s="695"/>
      <c r="F26" s="695"/>
      <c r="G26" s="695"/>
      <c r="H26" s="695"/>
      <c r="I26" s="695"/>
      <c r="J26" s="695"/>
      <c r="K26" s="695"/>
      <c r="L26" s="695"/>
      <c r="M26" s="695"/>
      <c r="N26" s="695"/>
      <c r="O26" s="695"/>
      <c r="P26" s="695"/>
      <c r="Q26" s="696"/>
      <c r="R26" s="259" t="s">
        <v>447</v>
      </c>
      <c r="S26" s="681" t="s">
        <v>107</v>
      </c>
      <c r="T26" s="683"/>
      <c r="U26" s="416" t="s">
        <v>108</v>
      </c>
      <c r="V26" s="269">
        <v>3</v>
      </c>
      <c r="W26" s="269">
        <v>0</v>
      </c>
      <c r="X26" s="730" t="s">
        <v>109</v>
      </c>
      <c r="Y26" s="730"/>
      <c r="Z26" s="717"/>
      <c r="AA26" s="717"/>
      <c r="AB26" s="717"/>
      <c r="AC26" s="321" t="s">
        <v>416</v>
      </c>
      <c r="AD26" s="39"/>
    </row>
    <row r="27" spans="1:30" s="57" customFormat="1">
      <c r="A27" s="394"/>
      <c r="B27" s="541">
        <v>9</v>
      </c>
      <c r="C27" s="542"/>
      <c r="D27" s="543" t="s">
        <v>2281</v>
      </c>
      <c r="E27" s="544"/>
      <c r="F27" s="544"/>
      <c r="G27" s="544"/>
      <c r="H27" s="544"/>
      <c r="I27" s="544"/>
      <c r="J27" s="544"/>
      <c r="K27" s="544"/>
      <c r="L27" s="544"/>
      <c r="M27" s="544"/>
      <c r="N27" s="544"/>
      <c r="O27" s="544"/>
      <c r="P27" s="544"/>
      <c r="Q27" s="545"/>
      <c r="R27" s="222" t="s">
        <v>518</v>
      </c>
      <c r="S27" s="546" t="s">
        <v>101</v>
      </c>
      <c r="T27" s="548"/>
      <c r="U27" s="408" t="s">
        <v>102</v>
      </c>
      <c r="V27" s="210">
        <v>3</v>
      </c>
      <c r="W27" s="210" t="s">
        <v>103</v>
      </c>
      <c r="X27" s="752"/>
      <c r="Y27" s="752"/>
      <c r="Z27" s="592"/>
      <c r="AA27" s="592"/>
      <c r="AB27" s="592"/>
      <c r="AC27" s="267"/>
      <c r="AD27" s="39"/>
    </row>
    <row r="28" spans="1:30" s="57" customFormat="1" ht="13.4" customHeight="1">
      <c r="A28" s="394"/>
      <c r="B28" s="541">
        <v>10</v>
      </c>
      <c r="C28" s="542"/>
      <c r="D28" s="563" t="s">
        <v>2282</v>
      </c>
      <c r="E28" s="564"/>
      <c r="F28" s="564"/>
      <c r="G28" s="564"/>
      <c r="H28" s="564"/>
      <c r="I28" s="564"/>
      <c r="J28" s="564"/>
      <c r="K28" s="564"/>
      <c r="L28" s="564"/>
      <c r="M28" s="564"/>
      <c r="N28" s="564"/>
      <c r="O28" s="564"/>
      <c r="P28" s="564"/>
      <c r="Q28" s="565"/>
      <c r="R28" s="221" t="s">
        <v>2283</v>
      </c>
      <c r="S28" s="546" t="s">
        <v>1844</v>
      </c>
      <c r="T28" s="548"/>
      <c r="U28" s="408" t="s">
        <v>102</v>
      </c>
      <c r="V28" s="210">
        <v>10</v>
      </c>
      <c r="W28" s="210" t="s">
        <v>103</v>
      </c>
      <c r="X28" s="752"/>
      <c r="Y28" s="752"/>
      <c r="Z28" s="592"/>
      <c r="AA28" s="592"/>
      <c r="AB28" s="592"/>
      <c r="AC28" s="267"/>
      <c r="AD28" s="39"/>
    </row>
    <row r="29" spans="1:30" s="54" customFormat="1">
      <c r="A29" s="20"/>
      <c r="B29" s="541">
        <v>11</v>
      </c>
      <c r="C29" s="542"/>
      <c r="D29" s="543" t="s">
        <v>2284</v>
      </c>
      <c r="E29" s="544"/>
      <c r="F29" s="544"/>
      <c r="G29" s="544"/>
      <c r="H29" s="544"/>
      <c r="I29" s="544"/>
      <c r="J29" s="544"/>
      <c r="K29" s="544"/>
      <c r="L29" s="544"/>
      <c r="M29" s="544"/>
      <c r="N29" s="544"/>
      <c r="O29" s="544"/>
      <c r="P29" s="544"/>
      <c r="Q29" s="545"/>
      <c r="R29" s="222" t="s">
        <v>520</v>
      </c>
      <c r="S29" s="546" t="s">
        <v>101</v>
      </c>
      <c r="T29" s="548"/>
      <c r="U29" s="408" t="s">
        <v>102</v>
      </c>
      <c r="V29" s="210">
        <v>3</v>
      </c>
      <c r="W29" s="210" t="s">
        <v>103</v>
      </c>
      <c r="X29" s="752"/>
      <c r="Y29" s="752"/>
      <c r="Z29" s="592"/>
      <c r="AA29" s="592"/>
      <c r="AB29" s="592"/>
      <c r="AC29" s="267"/>
      <c r="AD29" s="38"/>
    </row>
    <row r="30" spans="1:30" s="54" customFormat="1" ht="13.4" customHeight="1">
      <c r="A30" s="20"/>
      <c r="B30" s="541">
        <v>12</v>
      </c>
      <c r="C30" s="542"/>
      <c r="D30" s="563" t="s">
        <v>2285</v>
      </c>
      <c r="E30" s="564"/>
      <c r="F30" s="564"/>
      <c r="G30" s="564"/>
      <c r="H30" s="564"/>
      <c r="I30" s="564"/>
      <c r="J30" s="564"/>
      <c r="K30" s="564"/>
      <c r="L30" s="564"/>
      <c r="M30" s="564"/>
      <c r="N30" s="564"/>
      <c r="O30" s="564"/>
      <c r="P30" s="564"/>
      <c r="Q30" s="565"/>
      <c r="R30" s="221" t="s">
        <v>2286</v>
      </c>
      <c r="S30" s="546" t="s">
        <v>1844</v>
      </c>
      <c r="T30" s="548"/>
      <c r="U30" s="408" t="s">
        <v>102</v>
      </c>
      <c r="V30" s="210">
        <v>10</v>
      </c>
      <c r="W30" s="210" t="s">
        <v>103</v>
      </c>
      <c r="X30" s="752"/>
      <c r="Y30" s="752"/>
      <c r="Z30" s="592"/>
      <c r="AA30" s="592"/>
      <c r="AB30" s="592"/>
      <c r="AC30" s="267"/>
      <c r="AD30" s="38"/>
    </row>
    <row r="31" spans="1:30" s="54" customFormat="1" ht="13.4" customHeight="1">
      <c r="A31" s="20"/>
      <c r="B31" s="676">
        <v>13</v>
      </c>
      <c r="C31" s="677"/>
      <c r="D31" s="694" t="s">
        <v>1835</v>
      </c>
      <c r="E31" s="695"/>
      <c r="F31" s="695"/>
      <c r="G31" s="695"/>
      <c r="H31" s="695"/>
      <c r="I31" s="695"/>
      <c r="J31" s="695"/>
      <c r="K31" s="695"/>
      <c r="L31" s="695"/>
      <c r="M31" s="695"/>
      <c r="N31" s="695"/>
      <c r="O31" s="695"/>
      <c r="P31" s="695"/>
      <c r="Q31" s="696"/>
      <c r="R31" s="259" t="s">
        <v>522</v>
      </c>
      <c r="S31" s="681" t="s">
        <v>107</v>
      </c>
      <c r="T31" s="683"/>
      <c r="U31" s="416" t="s">
        <v>108</v>
      </c>
      <c r="V31" s="269">
        <v>3</v>
      </c>
      <c r="W31" s="269">
        <v>0</v>
      </c>
      <c r="X31" s="730" t="s">
        <v>109</v>
      </c>
      <c r="Y31" s="730"/>
      <c r="Z31" s="717"/>
      <c r="AA31" s="717"/>
      <c r="AB31" s="717"/>
      <c r="AC31" s="321" t="s">
        <v>391</v>
      </c>
      <c r="AD31" s="38"/>
    </row>
    <row r="32" spans="1:30" s="54" customFormat="1">
      <c r="A32" s="20"/>
      <c r="B32" s="541">
        <v>14</v>
      </c>
      <c r="C32" s="542"/>
      <c r="D32" s="543" t="s">
        <v>2287</v>
      </c>
      <c r="E32" s="544"/>
      <c r="F32" s="544"/>
      <c r="G32" s="544"/>
      <c r="H32" s="544"/>
      <c r="I32" s="544"/>
      <c r="J32" s="544"/>
      <c r="K32" s="544"/>
      <c r="L32" s="544"/>
      <c r="M32" s="544"/>
      <c r="N32" s="544"/>
      <c r="O32" s="544"/>
      <c r="P32" s="544"/>
      <c r="Q32" s="545"/>
      <c r="R32" s="222" t="s">
        <v>524</v>
      </c>
      <c r="S32" s="546" t="s">
        <v>101</v>
      </c>
      <c r="T32" s="548"/>
      <c r="U32" s="408" t="s">
        <v>102</v>
      </c>
      <c r="V32" s="210">
        <v>3</v>
      </c>
      <c r="W32" s="210" t="s">
        <v>103</v>
      </c>
      <c r="X32" s="752"/>
      <c r="Y32" s="752"/>
      <c r="Z32" s="592"/>
      <c r="AA32" s="592"/>
      <c r="AB32" s="592"/>
      <c r="AC32" s="267"/>
      <c r="AD32" s="38"/>
    </row>
    <row r="33" spans="1:30" s="54" customFormat="1" ht="13.4" customHeight="1">
      <c r="A33" s="20"/>
      <c r="B33" s="541">
        <v>15</v>
      </c>
      <c r="C33" s="542"/>
      <c r="D33" s="563" t="s">
        <v>2288</v>
      </c>
      <c r="E33" s="564"/>
      <c r="F33" s="564"/>
      <c r="G33" s="564"/>
      <c r="H33" s="564"/>
      <c r="I33" s="564"/>
      <c r="J33" s="564"/>
      <c r="K33" s="564"/>
      <c r="L33" s="564"/>
      <c r="M33" s="564"/>
      <c r="N33" s="564"/>
      <c r="O33" s="564"/>
      <c r="P33" s="564"/>
      <c r="Q33" s="565"/>
      <c r="R33" s="221" t="s">
        <v>2289</v>
      </c>
      <c r="S33" s="546" t="s">
        <v>1844</v>
      </c>
      <c r="T33" s="548"/>
      <c r="U33" s="408" t="s">
        <v>102</v>
      </c>
      <c r="V33" s="210">
        <v>10</v>
      </c>
      <c r="W33" s="210" t="s">
        <v>103</v>
      </c>
      <c r="X33" s="752"/>
      <c r="Y33" s="752"/>
      <c r="Z33" s="592"/>
      <c r="AA33" s="592"/>
      <c r="AB33" s="592"/>
      <c r="AC33" s="267"/>
      <c r="AD33" s="38"/>
    </row>
    <row r="34" spans="1:30" s="57" customFormat="1">
      <c r="A34" s="394"/>
      <c r="B34" s="541">
        <v>16</v>
      </c>
      <c r="C34" s="542"/>
      <c r="D34" s="543" t="s">
        <v>2290</v>
      </c>
      <c r="E34" s="544"/>
      <c r="F34" s="544"/>
      <c r="G34" s="544"/>
      <c r="H34" s="544"/>
      <c r="I34" s="544"/>
      <c r="J34" s="544"/>
      <c r="K34" s="544"/>
      <c r="L34" s="544"/>
      <c r="M34" s="544"/>
      <c r="N34" s="544"/>
      <c r="O34" s="544"/>
      <c r="P34" s="544"/>
      <c r="Q34" s="545"/>
      <c r="R34" s="222" t="s">
        <v>526</v>
      </c>
      <c r="S34" s="546" t="s">
        <v>101</v>
      </c>
      <c r="T34" s="548"/>
      <c r="U34" s="408" t="s">
        <v>102</v>
      </c>
      <c r="V34" s="210">
        <v>3</v>
      </c>
      <c r="W34" s="210" t="s">
        <v>103</v>
      </c>
      <c r="X34" s="752"/>
      <c r="Y34" s="752"/>
      <c r="Z34" s="592"/>
      <c r="AA34" s="592"/>
      <c r="AB34" s="592"/>
      <c r="AC34" s="267"/>
      <c r="AD34" s="39"/>
    </row>
    <row r="35" spans="1:30" s="54" customFormat="1">
      <c r="A35" s="20"/>
      <c r="B35" s="541">
        <v>17</v>
      </c>
      <c r="C35" s="542"/>
      <c r="D35" s="563" t="s">
        <v>2291</v>
      </c>
      <c r="E35" s="564"/>
      <c r="F35" s="564"/>
      <c r="G35" s="564"/>
      <c r="H35" s="564"/>
      <c r="I35" s="564"/>
      <c r="J35" s="564"/>
      <c r="K35" s="564"/>
      <c r="L35" s="564"/>
      <c r="M35" s="564"/>
      <c r="N35" s="564"/>
      <c r="O35" s="564"/>
      <c r="P35" s="564"/>
      <c r="Q35" s="565"/>
      <c r="R35" s="221" t="s">
        <v>2292</v>
      </c>
      <c r="S35" s="546" t="s">
        <v>1844</v>
      </c>
      <c r="T35" s="548"/>
      <c r="U35" s="408" t="s">
        <v>102</v>
      </c>
      <c r="V35" s="210">
        <v>10</v>
      </c>
      <c r="W35" s="210" t="s">
        <v>103</v>
      </c>
      <c r="X35" s="752"/>
      <c r="Y35" s="752"/>
      <c r="Z35" s="592"/>
      <c r="AA35" s="592"/>
      <c r="AB35" s="592"/>
      <c r="AC35" s="267"/>
      <c r="AD35" s="38"/>
    </row>
    <row r="36" spans="1:30" s="54" customFormat="1" ht="13.4" customHeight="1">
      <c r="A36" s="20"/>
      <c r="B36" s="541">
        <v>18</v>
      </c>
      <c r="C36" s="542"/>
      <c r="D36" s="543" t="s">
        <v>1902</v>
      </c>
      <c r="E36" s="544"/>
      <c r="F36" s="544"/>
      <c r="G36" s="544"/>
      <c r="H36" s="544"/>
      <c r="I36" s="544"/>
      <c r="J36" s="544"/>
      <c r="K36" s="544"/>
      <c r="L36" s="544"/>
      <c r="M36" s="544"/>
      <c r="N36" s="544"/>
      <c r="O36" s="544"/>
      <c r="P36" s="544"/>
      <c r="Q36" s="545"/>
      <c r="R36" s="221" t="s">
        <v>1903</v>
      </c>
      <c r="S36" s="546" t="s">
        <v>1847</v>
      </c>
      <c r="T36" s="548"/>
      <c r="U36" s="408" t="s">
        <v>102</v>
      </c>
      <c r="V36" s="210">
        <v>8</v>
      </c>
      <c r="W36" s="210" t="s">
        <v>103</v>
      </c>
      <c r="X36" s="700"/>
      <c r="Y36" s="700"/>
      <c r="Z36" s="592"/>
      <c r="AA36" s="592"/>
      <c r="AB36" s="592"/>
      <c r="AC36" s="265" t="s">
        <v>3020</v>
      </c>
      <c r="AD36" s="38"/>
    </row>
    <row r="37" spans="1:30" s="54" customFormat="1" ht="13.4" customHeight="1">
      <c r="A37" s="20"/>
      <c r="B37" s="541">
        <v>19</v>
      </c>
      <c r="C37" s="542"/>
      <c r="D37" s="563" t="s">
        <v>420</v>
      </c>
      <c r="E37" s="564"/>
      <c r="F37" s="564"/>
      <c r="G37" s="564"/>
      <c r="H37" s="564"/>
      <c r="I37" s="564"/>
      <c r="J37" s="564"/>
      <c r="K37" s="564"/>
      <c r="L37" s="564"/>
      <c r="M37" s="564"/>
      <c r="N37" s="564"/>
      <c r="O37" s="564"/>
      <c r="P37" s="564"/>
      <c r="Q37" s="565"/>
      <c r="R37" s="221" t="s">
        <v>746</v>
      </c>
      <c r="S37" s="546" t="s">
        <v>107</v>
      </c>
      <c r="T37" s="548"/>
      <c r="U37" s="408" t="s">
        <v>102</v>
      </c>
      <c r="V37" s="210">
        <v>2</v>
      </c>
      <c r="W37" s="210" t="s">
        <v>103</v>
      </c>
      <c r="X37" s="752"/>
      <c r="Y37" s="752"/>
      <c r="Z37" s="592"/>
      <c r="AA37" s="592"/>
      <c r="AB37" s="592"/>
      <c r="AC37" s="267"/>
      <c r="AD37" s="38"/>
    </row>
    <row r="38" spans="1:30" s="54" customFormat="1" ht="13.4" customHeight="1">
      <c r="A38" s="20"/>
      <c r="B38" s="541">
        <v>20</v>
      </c>
      <c r="C38" s="542"/>
      <c r="D38" s="563" t="s">
        <v>2358</v>
      </c>
      <c r="E38" s="564"/>
      <c r="F38" s="564"/>
      <c r="G38" s="564"/>
      <c r="H38" s="564"/>
      <c r="I38" s="564"/>
      <c r="J38" s="564"/>
      <c r="K38" s="564"/>
      <c r="L38" s="564"/>
      <c r="M38" s="564"/>
      <c r="N38" s="564"/>
      <c r="O38" s="564"/>
      <c r="P38" s="564"/>
      <c r="Q38" s="565"/>
      <c r="R38" s="221" t="s">
        <v>2359</v>
      </c>
      <c r="S38" s="546" t="s">
        <v>1844</v>
      </c>
      <c r="T38" s="548"/>
      <c r="U38" s="408" t="s">
        <v>102</v>
      </c>
      <c r="V38" s="210">
        <v>4</v>
      </c>
      <c r="W38" s="210" t="s">
        <v>103</v>
      </c>
      <c r="X38" s="752"/>
      <c r="Y38" s="752"/>
      <c r="Z38" s="592"/>
      <c r="AA38" s="592"/>
      <c r="AB38" s="592"/>
      <c r="AC38" s="267"/>
      <c r="AD38" s="38"/>
    </row>
    <row r="39" spans="1:30" s="57" customFormat="1" ht="13.4" customHeight="1">
      <c r="A39" s="394"/>
      <c r="B39" s="541">
        <v>21</v>
      </c>
      <c r="C39" s="542"/>
      <c r="D39" s="563" t="s">
        <v>2360</v>
      </c>
      <c r="E39" s="564"/>
      <c r="F39" s="564"/>
      <c r="G39" s="564"/>
      <c r="H39" s="564"/>
      <c r="I39" s="564"/>
      <c r="J39" s="564"/>
      <c r="K39" s="564"/>
      <c r="L39" s="564"/>
      <c r="M39" s="564"/>
      <c r="N39" s="564"/>
      <c r="O39" s="564"/>
      <c r="P39" s="564"/>
      <c r="Q39" s="565"/>
      <c r="R39" s="221" t="s">
        <v>2361</v>
      </c>
      <c r="S39" s="546" t="s">
        <v>107</v>
      </c>
      <c r="T39" s="548"/>
      <c r="U39" s="408" t="s">
        <v>2362</v>
      </c>
      <c r="V39" s="210">
        <v>10</v>
      </c>
      <c r="W39" s="210">
        <v>0</v>
      </c>
      <c r="X39" s="752"/>
      <c r="Y39" s="752"/>
      <c r="Z39" s="592"/>
      <c r="AA39" s="592"/>
      <c r="AB39" s="592"/>
      <c r="AC39" s="267"/>
      <c r="AD39" s="39"/>
    </row>
    <row r="40" spans="1:30" s="57" customFormat="1" ht="13.4" customHeight="1">
      <c r="A40" s="394"/>
      <c r="B40" s="541">
        <v>22</v>
      </c>
      <c r="C40" s="542"/>
      <c r="D40" s="563" t="s">
        <v>1904</v>
      </c>
      <c r="E40" s="564"/>
      <c r="F40" s="564"/>
      <c r="G40" s="564"/>
      <c r="H40" s="564"/>
      <c r="I40" s="564"/>
      <c r="J40" s="564"/>
      <c r="K40" s="564"/>
      <c r="L40" s="564"/>
      <c r="M40" s="564"/>
      <c r="N40" s="564"/>
      <c r="O40" s="564"/>
      <c r="P40" s="564"/>
      <c r="Q40" s="565"/>
      <c r="R40" s="229" t="s">
        <v>1905</v>
      </c>
      <c r="S40" s="546" t="s">
        <v>1856</v>
      </c>
      <c r="T40" s="548"/>
      <c r="U40" s="408" t="s">
        <v>102</v>
      </c>
      <c r="V40" s="210">
        <v>1</v>
      </c>
      <c r="W40" s="210" t="s">
        <v>103</v>
      </c>
      <c r="X40" s="752"/>
      <c r="Y40" s="752"/>
      <c r="Z40" s="592"/>
      <c r="AA40" s="592"/>
      <c r="AB40" s="592"/>
      <c r="AC40" s="267"/>
      <c r="AD40" s="39"/>
    </row>
    <row r="41" spans="1:30" s="57" customFormat="1" ht="13.4" customHeight="1">
      <c r="A41" s="394"/>
      <c r="B41" s="541">
        <v>23</v>
      </c>
      <c r="C41" s="542"/>
      <c r="D41" s="563" t="s">
        <v>2663</v>
      </c>
      <c r="E41" s="564"/>
      <c r="F41" s="564"/>
      <c r="G41" s="564"/>
      <c r="H41" s="564"/>
      <c r="I41" s="564"/>
      <c r="J41" s="564"/>
      <c r="K41" s="564"/>
      <c r="L41" s="564"/>
      <c r="M41" s="564"/>
      <c r="N41" s="564"/>
      <c r="O41" s="564"/>
      <c r="P41" s="564"/>
      <c r="Q41" s="565"/>
      <c r="R41" s="225" t="s">
        <v>2664</v>
      </c>
      <c r="S41" s="541" t="s">
        <v>1844</v>
      </c>
      <c r="T41" s="542"/>
      <c r="U41" s="418" t="s">
        <v>102</v>
      </c>
      <c r="V41" s="213">
        <v>3</v>
      </c>
      <c r="W41" s="213" t="s">
        <v>103</v>
      </c>
      <c r="X41" s="752"/>
      <c r="Y41" s="752"/>
      <c r="Z41" s="592"/>
      <c r="AA41" s="592"/>
      <c r="AB41" s="592"/>
      <c r="AC41" s="267"/>
      <c r="AD41" s="39"/>
    </row>
    <row r="42" spans="1:30" s="57" customFormat="1" ht="13.4" customHeight="1">
      <c r="A42" s="394"/>
      <c r="B42" s="676">
        <v>24</v>
      </c>
      <c r="C42" s="677"/>
      <c r="D42" s="694" t="s">
        <v>1906</v>
      </c>
      <c r="E42" s="695"/>
      <c r="F42" s="695"/>
      <c r="G42" s="695"/>
      <c r="H42" s="695"/>
      <c r="I42" s="695"/>
      <c r="J42" s="695"/>
      <c r="K42" s="695"/>
      <c r="L42" s="695"/>
      <c r="M42" s="695"/>
      <c r="N42" s="695"/>
      <c r="O42" s="695"/>
      <c r="P42" s="695"/>
      <c r="Q42" s="696"/>
      <c r="R42" s="262" t="s">
        <v>1907</v>
      </c>
      <c r="S42" s="681" t="s">
        <v>1856</v>
      </c>
      <c r="T42" s="683"/>
      <c r="U42" s="416" t="s">
        <v>102</v>
      </c>
      <c r="V42" s="269">
        <v>8</v>
      </c>
      <c r="W42" s="269" t="s">
        <v>103</v>
      </c>
      <c r="X42" s="730" t="s">
        <v>109</v>
      </c>
      <c r="Y42" s="730"/>
      <c r="Z42" s="717"/>
      <c r="AA42" s="717"/>
      <c r="AB42" s="717"/>
      <c r="AC42" s="321" t="s">
        <v>416</v>
      </c>
      <c r="AD42" s="39"/>
    </row>
    <row r="43" spans="1:30" s="57" customFormat="1" ht="13.4" customHeight="1">
      <c r="A43" s="394"/>
      <c r="B43" s="541">
        <v>25</v>
      </c>
      <c r="C43" s="542"/>
      <c r="D43" s="543" t="s">
        <v>3049</v>
      </c>
      <c r="E43" s="544"/>
      <c r="F43" s="544"/>
      <c r="G43" s="544"/>
      <c r="H43" s="544"/>
      <c r="I43" s="544"/>
      <c r="J43" s="544"/>
      <c r="K43" s="544"/>
      <c r="L43" s="544"/>
      <c r="M43" s="544"/>
      <c r="N43" s="544"/>
      <c r="O43" s="544"/>
      <c r="P43" s="544"/>
      <c r="Q43" s="545"/>
      <c r="R43" s="229" t="s">
        <v>1815</v>
      </c>
      <c r="S43" s="546" t="s">
        <v>1856</v>
      </c>
      <c r="T43" s="548"/>
      <c r="U43" s="408" t="s">
        <v>102</v>
      </c>
      <c r="V43" s="210">
        <v>1</v>
      </c>
      <c r="W43" s="210" t="s">
        <v>103</v>
      </c>
      <c r="X43" s="752"/>
      <c r="Y43" s="752"/>
      <c r="Z43" s="592"/>
      <c r="AA43" s="592"/>
      <c r="AB43" s="592"/>
      <c r="AC43" s="267"/>
      <c r="AD43" s="39"/>
    </row>
    <row r="44" spans="1:30" s="57" customFormat="1" ht="13.4" customHeight="1">
      <c r="A44" s="20"/>
      <c r="B44" s="552">
        <v>26</v>
      </c>
      <c r="C44" s="553"/>
      <c r="D44" s="554" t="s">
        <v>1816</v>
      </c>
      <c r="E44" s="555"/>
      <c r="F44" s="555"/>
      <c r="G44" s="555"/>
      <c r="H44" s="555"/>
      <c r="I44" s="555"/>
      <c r="J44" s="555"/>
      <c r="K44" s="555"/>
      <c r="L44" s="555"/>
      <c r="M44" s="555"/>
      <c r="N44" s="555"/>
      <c r="O44" s="555"/>
      <c r="P44" s="555"/>
      <c r="Q44" s="556"/>
      <c r="R44" s="320" t="s">
        <v>1817</v>
      </c>
      <c r="S44" s="557" t="s">
        <v>1856</v>
      </c>
      <c r="T44" s="559"/>
      <c r="U44" s="409" t="s">
        <v>102</v>
      </c>
      <c r="V44" s="275">
        <v>11</v>
      </c>
      <c r="W44" s="275" t="s">
        <v>103</v>
      </c>
      <c r="X44" s="730" t="s">
        <v>109</v>
      </c>
      <c r="Y44" s="730"/>
      <c r="Z44" s="593"/>
      <c r="AA44" s="593"/>
      <c r="AB44" s="593"/>
      <c r="AC44" s="321" t="s">
        <v>416</v>
      </c>
      <c r="AD44" s="39"/>
    </row>
    <row r="45" spans="1:30" s="54" customFormat="1" ht="13.4" customHeight="1">
      <c r="A45" s="20"/>
      <c r="B45" s="541">
        <v>27</v>
      </c>
      <c r="C45" s="542"/>
      <c r="D45" s="543" t="s">
        <v>1908</v>
      </c>
      <c r="E45" s="544"/>
      <c r="F45" s="544"/>
      <c r="G45" s="544"/>
      <c r="H45" s="544"/>
      <c r="I45" s="544"/>
      <c r="J45" s="544"/>
      <c r="K45" s="544"/>
      <c r="L45" s="544"/>
      <c r="M45" s="544"/>
      <c r="N45" s="544"/>
      <c r="O45" s="544"/>
      <c r="P45" s="544"/>
      <c r="Q45" s="545"/>
      <c r="R45" s="225" t="s">
        <v>1909</v>
      </c>
      <c r="S45" s="546" t="s">
        <v>1856</v>
      </c>
      <c r="T45" s="548"/>
      <c r="U45" s="408" t="s">
        <v>102</v>
      </c>
      <c r="V45" s="210">
        <v>1</v>
      </c>
      <c r="W45" s="210" t="s">
        <v>103</v>
      </c>
      <c r="X45" s="752"/>
      <c r="Y45" s="752"/>
      <c r="Z45" s="592"/>
      <c r="AA45" s="592"/>
      <c r="AB45" s="592"/>
      <c r="AC45" s="267"/>
      <c r="AD45" s="38"/>
    </row>
    <row r="46" spans="1:30" s="54" customFormat="1" ht="13.4" customHeight="1">
      <c r="A46" s="20"/>
      <c r="B46" s="552">
        <v>28</v>
      </c>
      <c r="C46" s="553"/>
      <c r="D46" s="554" t="s">
        <v>1910</v>
      </c>
      <c r="E46" s="555"/>
      <c r="F46" s="555"/>
      <c r="G46" s="555"/>
      <c r="H46" s="555"/>
      <c r="I46" s="555"/>
      <c r="J46" s="555"/>
      <c r="K46" s="555"/>
      <c r="L46" s="555"/>
      <c r="M46" s="555"/>
      <c r="N46" s="555"/>
      <c r="O46" s="555"/>
      <c r="P46" s="555"/>
      <c r="Q46" s="556"/>
      <c r="R46" s="319" t="s">
        <v>1911</v>
      </c>
      <c r="S46" s="557" t="s">
        <v>1856</v>
      </c>
      <c r="T46" s="559"/>
      <c r="U46" s="409" t="s">
        <v>102</v>
      </c>
      <c r="V46" s="275">
        <v>11</v>
      </c>
      <c r="W46" s="275" t="s">
        <v>103</v>
      </c>
      <c r="X46" s="730" t="s">
        <v>109</v>
      </c>
      <c r="Y46" s="730"/>
      <c r="Z46" s="593"/>
      <c r="AA46" s="593"/>
      <c r="AB46" s="593"/>
      <c r="AC46" s="321" t="s">
        <v>416</v>
      </c>
      <c r="AD46" s="38"/>
    </row>
    <row r="47" spans="1:30" s="54" customFormat="1" ht="13.4" customHeight="1">
      <c r="A47" s="20"/>
      <c r="B47" s="541">
        <v>29</v>
      </c>
      <c r="C47" s="542"/>
      <c r="D47" s="543" t="s">
        <v>1912</v>
      </c>
      <c r="E47" s="544"/>
      <c r="F47" s="544"/>
      <c r="G47" s="544"/>
      <c r="H47" s="544"/>
      <c r="I47" s="544"/>
      <c r="J47" s="544"/>
      <c r="K47" s="544"/>
      <c r="L47" s="544"/>
      <c r="M47" s="544"/>
      <c r="N47" s="544"/>
      <c r="O47" s="544"/>
      <c r="P47" s="544"/>
      <c r="Q47" s="545"/>
      <c r="R47" s="221" t="s">
        <v>1913</v>
      </c>
      <c r="S47" s="546" t="s">
        <v>1856</v>
      </c>
      <c r="T47" s="548"/>
      <c r="U47" s="408" t="s">
        <v>102</v>
      </c>
      <c r="V47" s="210">
        <v>3</v>
      </c>
      <c r="W47" s="210" t="s">
        <v>103</v>
      </c>
      <c r="X47" s="752"/>
      <c r="Y47" s="752"/>
      <c r="Z47" s="592"/>
      <c r="AA47" s="592"/>
      <c r="AB47" s="592"/>
      <c r="AC47" s="267"/>
      <c r="AD47" s="38"/>
    </row>
    <row r="48" spans="1:30" s="54" customFormat="1" ht="13.4" customHeight="1">
      <c r="A48" s="20"/>
      <c r="B48" s="541">
        <v>30</v>
      </c>
      <c r="C48" s="542"/>
      <c r="D48" s="543" t="s">
        <v>1914</v>
      </c>
      <c r="E48" s="544"/>
      <c r="F48" s="544"/>
      <c r="G48" s="544"/>
      <c r="H48" s="544"/>
      <c r="I48" s="544"/>
      <c r="J48" s="544"/>
      <c r="K48" s="544"/>
      <c r="L48" s="544"/>
      <c r="M48" s="544"/>
      <c r="N48" s="544"/>
      <c r="O48" s="544"/>
      <c r="P48" s="544"/>
      <c r="Q48" s="545"/>
      <c r="R48" s="221" t="s">
        <v>1915</v>
      </c>
      <c r="S48" s="546" t="s">
        <v>107</v>
      </c>
      <c r="T48" s="548"/>
      <c r="U48" s="408" t="s">
        <v>102</v>
      </c>
      <c r="V48" s="210">
        <v>8</v>
      </c>
      <c r="W48" s="210" t="s">
        <v>103</v>
      </c>
      <c r="X48" s="752"/>
      <c r="Y48" s="752"/>
      <c r="Z48" s="592"/>
      <c r="AA48" s="592"/>
      <c r="AB48" s="592"/>
      <c r="AC48" s="267"/>
      <c r="AD48" s="38"/>
    </row>
    <row r="49" spans="1:30" s="54" customFormat="1" ht="13.4" customHeight="1">
      <c r="A49" s="20"/>
      <c r="B49" s="541">
        <v>31</v>
      </c>
      <c r="C49" s="542"/>
      <c r="D49" s="543" t="s">
        <v>2665</v>
      </c>
      <c r="E49" s="544"/>
      <c r="F49" s="544"/>
      <c r="G49" s="544"/>
      <c r="H49" s="544"/>
      <c r="I49" s="544"/>
      <c r="J49" s="544"/>
      <c r="K49" s="544"/>
      <c r="L49" s="544"/>
      <c r="M49" s="544"/>
      <c r="N49" s="544"/>
      <c r="O49" s="544"/>
      <c r="P49" s="544"/>
      <c r="Q49" s="545"/>
      <c r="R49" s="225" t="s">
        <v>2666</v>
      </c>
      <c r="S49" s="546" t="s">
        <v>107</v>
      </c>
      <c r="T49" s="548"/>
      <c r="U49" s="408" t="s">
        <v>102</v>
      </c>
      <c r="V49" s="210">
        <v>6</v>
      </c>
      <c r="W49" s="210" t="s">
        <v>103</v>
      </c>
      <c r="X49" s="752"/>
      <c r="Y49" s="752"/>
      <c r="Z49" s="592"/>
      <c r="AA49" s="592"/>
      <c r="AB49" s="592"/>
      <c r="AC49" s="267"/>
      <c r="AD49" s="38"/>
    </row>
    <row r="50" spans="1:30" s="57" customFormat="1" ht="13.4" customHeight="1">
      <c r="A50" s="394"/>
      <c r="B50" s="541">
        <v>32</v>
      </c>
      <c r="C50" s="542"/>
      <c r="D50" s="563" t="s">
        <v>2667</v>
      </c>
      <c r="E50" s="564"/>
      <c r="F50" s="564"/>
      <c r="G50" s="564"/>
      <c r="H50" s="564"/>
      <c r="I50" s="564"/>
      <c r="J50" s="564"/>
      <c r="K50" s="564"/>
      <c r="L50" s="564"/>
      <c r="M50" s="564"/>
      <c r="N50" s="564"/>
      <c r="O50" s="564"/>
      <c r="P50" s="564"/>
      <c r="Q50" s="565"/>
      <c r="R50" s="225" t="s">
        <v>1924</v>
      </c>
      <c r="S50" s="541" t="s">
        <v>107</v>
      </c>
      <c r="T50" s="542"/>
      <c r="U50" s="418" t="s">
        <v>102</v>
      </c>
      <c r="V50" s="213">
        <v>4</v>
      </c>
      <c r="W50" s="213" t="s">
        <v>103</v>
      </c>
      <c r="X50" s="752"/>
      <c r="Y50" s="752"/>
      <c r="Z50" s="592"/>
      <c r="AA50" s="592"/>
      <c r="AB50" s="592"/>
      <c r="AC50" s="267"/>
      <c r="AD50" s="39"/>
    </row>
    <row r="51" spans="1:30" s="54" customFormat="1" ht="13.4" customHeight="1">
      <c r="A51" s="20"/>
      <c r="B51" s="541">
        <v>33</v>
      </c>
      <c r="C51" s="542"/>
      <c r="D51" s="563" t="s">
        <v>2668</v>
      </c>
      <c r="E51" s="564"/>
      <c r="F51" s="564"/>
      <c r="G51" s="564"/>
      <c r="H51" s="564"/>
      <c r="I51" s="564"/>
      <c r="J51" s="564"/>
      <c r="K51" s="564"/>
      <c r="L51" s="564"/>
      <c r="M51" s="564"/>
      <c r="N51" s="564"/>
      <c r="O51" s="564"/>
      <c r="P51" s="564"/>
      <c r="Q51" s="565"/>
      <c r="R51" s="225" t="s">
        <v>1917</v>
      </c>
      <c r="S51" s="546" t="s">
        <v>1844</v>
      </c>
      <c r="T51" s="548"/>
      <c r="U51" s="408" t="s">
        <v>102</v>
      </c>
      <c r="V51" s="210">
        <v>128</v>
      </c>
      <c r="W51" s="210" t="s">
        <v>103</v>
      </c>
      <c r="X51" s="752"/>
      <c r="Y51" s="752"/>
      <c r="Z51" s="592"/>
      <c r="AA51" s="592"/>
      <c r="AB51" s="592"/>
      <c r="AC51" s="267"/>
      <c r="AD51" s="38"/>
    </row>
    <row r="52" spans="1:30" s="54" customFormat="1" ht="13.4" customHeight="1">
      <c r="A52" s="20"/>
      <c r="B52" s="541">
        <v>34</v>
      </c>
      <c r="C52" s="542"/>
      <c r="D52" s="543" t="s">
        <v>3050</v>
      </c>
      <c r="E52" s="544"/>
      <c r="F52" s="544"/>
      <c r="G52" s="544"/>
      <c r="H52" s="544"/>
      <c r="I52" s="544"/>
      <c r="J52" s="544"/>
      <c r="K52" s="544"/>
      <c r="L52" s="544"/>
      <c r="M52" s="544"/>
      <c r="N52" s="544"/>
      <c r="O52" s="544"/>
      <c r="P52" s="544"/>
      <c r="Q52" s="545"/>
      <c r="R52" s="229" t="s">
        <v>1921</v>
      </c>
      <c r="S52" s="546" t="s">
        <v>1856</v>
      </c>
      <c r="T52" s="548"/>
      <c r="U52" s="406" t="s">
        <v>102</v>
      </c>
      <c r="V52" s="210">
        <v>10</v>
      </c>
      <c r="W52" s="210" t="s">
        <v>103</v>
      </c>
      <c r="X52" s="752"/>
      <c r="Y52" s="752"/>
      <c r="Z52" s="592"/>
      <c r="AA52" s="592"/>
      <c r="AB52" s="592"/>
      <c r="AC52" s="265" t="s">
        <v>3020</v>
      </c>
      <c r="AD52" s="38"/>
    </row>
    <row r="53" spans="1:30" s="54" customFormat="1" ht="13.4" customHeight="1">
      <c r="A53" s="20"/>
      <c r="B53" s="541">
        <v>35</v>
      </c>
      <c r="C53" s="542"/>
      <c r="D53" s="543" t="s">
        <v>3051</v>
      </c>
      <c r="E53" s="544"/>
      <c r="F53" s="544"/>
      <c r="G53" s="544"/>
      <c r="H53" s="544"/>
      <c r="I53" s="544"/>
      <c r="J53" s="544"/>
      <c r="K53" s="544"/>
      <c r="L53" s="544"/>
      <c r="M53" s="544"/>
      <c r="N53" s="544"/>
      <c r="O53" s="544"/>
      <c r="P53" s="544"/>
      <c r="Q53" s="545"/>
      <c r="R53" s="229" t="s">
        <v>550</v>
      </c>
      <c r="S53" s="546" t="s">
        <v>101</v>
      </c>
      <c r="T53" s="548"/>
      <c r="U53" s="408" t="s">
        <v>102</v>
      </c>
      <c r="V53" s="210">
        <v>8</v>
      </c>
      <c r="W53" s="210" t="s">
        <v>103</v>
      </c>
      <c r="X53" s="752"/>
      <c r="Y53" s="752"/>
      <c r="Z53" s="592"/>
      <c r="AA53" s="592"/>
      <c r="AB53" s="592"/>
      <c r="AC53" s="265" t="s">
        <v>3020</v>
      </c>
      <c r="AD53" s="38"/>
    </row>
    <row r="54" spans="1:30" s="54" customFormat="1" ht="13.4" customHeight="1">
      <c r="A54" s="20"/>
      <c r="B54" s="541">
        <v>36</v>
      </c>
      <c r="C54" s="542"/>
      <c r="D54" s="543" t="s">
        <v>1829</v>
      </c>
      <c r="E54" s="544"/>
      <c r="F54" s="544"/>
      <c r="G54" s="544"/>
      <c r="H54" s="544"/>
      <c r="I54" s="544"/>
      <c r="J54" s="544"/>
      <c r="K54" s="544"/>
      <c r="L54" s="544"/>
      <c r="M54" s="544"/>
      <c r="N54" s="544"/>
      <c r="O54" s="544"/>
      <c r="P54" s="544"/>
      <c r="Q54" s="545"/>
      <c r="R54" s="229" t="s">
        <v>1830</v>
      </c>
      <c r="S54" s="546" t="s">
        <v>1856</v>
      </c>
      <c r="T54" s="548"/>
      <c r="U54" s="406" t="s">
        <v>102</v>
      </c>
      <c r="V54" s="210">
        <v>2</v>
      </c>
      <c r="W54" s="210" t="s">
        <v>103</v>
      </c>
      <c r="X54" s="752"/>
      <c r="Y54" s="752"/>
      <c r="Z54" s="592"/>
      <c r="AA54" s="592"/>
      <c r="AB54" s="592"/>
      <c r="AC54" s="265"/>
      <c r="AD54" s="38"/>
    </row>
    <row r="55" spans="1:30" s="54" customFormat="1" ht="13.4" customHeight="1">
      <c r="A55" s="20"/>
      <c r="B55" s="541">
        <v>37</v>
      </c>
      <c r="C55" s="542"/>
      <c r="D55" s="543" t="s">
        <v>1831</v>
      </c>
      <c r="E55" s="544"/>
      <c r="F55" s="544"/>
      <c r="G55" s="544"/>
      <c r="H55" s="544"/>
      <c r="I55" s="544"/>
      <c r="J55" s="544"/>
      <c r="K55" s="544"/>
      <c r="L55" s="544"/>
      <c r="M55" s="544"/>
      <c r="N55" s="544"/>
      <c r="O55" s="544"/>
      <c r="P55" s="544"/>
      <c r="Q55" s="545"/>
      <c r="R55" s="221" t="s">
        <v>1832</v>
      </c>
      <c r="S55" s="546" t="s">
        <v>1856</v>
      </c>
      <c r="T55" s="548"/>
      <c r="U55" s="406" t="s">
        <v>102</v>
      </c>
      <c r="V55" s="210">
        <v>1</v>
      </c>
      <c r="W55" s="210" t="s">
        <v>103</v>
      </c>
      <c r="X55" s="752"/>
      <c r="Y55" s="752"/>
      <c r="Z55" s="592"/>
      <c r="AA55" s="592"/>
      <c r="AB55" s="592"/>
      <c r="AC55" s="265"/>
      <c r="AD55" s="38"/>
    </row>
    <row r="56" spans="1:30" s="54" customFormat="1">
      <c r="A56" s="20"/>
      <c r="B56" s="541">
        <v>38</v>
      </c>
      <c r="C56" s="542"/>
      <c r="D56" s="543" t="s">
        <v>2669</v>
      </c>
      <c r="E56" s="544"/>
      <c r="F56" s="544"/>
      <c r="G56" s="544"/>
      <c r="H56" s="544"/>
      <c r="I56" s="544"/>
      <c r="J56" s="544"/>
      <c r="K56" s="544"/>
      <c r="L56" s="544"/>
      <c r="M56" s="544"/>
      <c r="N56" s="544"/>
      <c r="O56" s="544"/>
      <c r="P56" s="544"/>
      <c r="Q56" s="545"/>
      <c r="R56" s="221" t="s">
        <v>2670</v>
      </c>
      <c r="S56" s="546" t="s">
        <v>1856</v>
      </c>
      <c r="T56" s="548"/>
      <c r="U56" s="408" t="s">
        <v>102</v>
      </c>
      <c r="V56" s="210">
        <v>1</v>
      </c>
      <c r="W56" s="210" t="s">
        <v>103</v>
      </c>
      <c r="X56" s="752"/>
      <c r="Y56" s="752"/>
      <c r="Z56" s="592"/>
      <c r="AA56" s="592"/>
      <c r="AB56" s="592"/>
      <c r="AC56" s="267"/>
      <c r="AD56" s="38"/>
    </row>
    <row r="57" spans="1:30" s="54" customFormat="1" ht="13.4" customHeight="1">
      <c r="A57" s="20"/>
      <c r="B57" s="541">
        <v>39</v>
      </c>
      <c r="C57" s="542"/>
      <c r="D57" s="543" t="s">
        <v>2671</v>
      </c>
      <c r="E57" s="544"/>
      <c r="F57" s="544"/>
      <c r="G57" s="544"/>
      <c r="H57" s="544"/>
      <c r="I57" s="544"/>
      <c r="J57" s="544"/>
      <c r="K57" s="544"/>
      <c r="L57" s="544"/>
      <c r="M57" s="544"/>
      <c r="N57" s="544"/>
      <c r="O57" s="544"/>
      <c r="P57" s="544"/>
      <c r="Q57" s="545"/>
      <c r="R57" s="221" t="s">
        <v>2672</v>
      </c>
      <c r="S57" s="546" t="s">
        <v>1856</v>
      </c>
      <c r="T57" s="548"/>
      <c r="U57" s="408" t="s">
        <v>102</v>
      </c>
      <c r="V57" s="210">
        <v>1</v>
      </c>
      <c r="W57" s="210" t="s">
        <v>103</v>
      </c>
      <c r="X57" s="752"/>
      <c r="Y57" s="752"/>
      <c r="Z57" s="592"/>
      <c r="AA57" s="592"/>
      <c r="AB57" s="592"/>
      <c r="AC57" s="267"/>
      <c r="AD57" s="38"/>
    </row>
    <row r="58" spans="1:30" s="57" customFormat="1" ht="13.4" customHeight="1">
      <c r="A58" s="394"/>
      <c r="B58" s="541">
        <v>40</v>
      </c>
      <c r="C58" s="542"/>
      <c r="D58" s="543" t="s">
        <v>2673</v>
      </c>
      <c r="E58" s="544"/>
      <c r="F58" s="544"/>
      <c r="G58" s="544"/>
      <c r="H58" s="544"/>
      <c r="I58" s="544"/>
      <c r="J58" s="544"/>
      <c r="K58" s="544"/>
      <c r="L58" s="544"/>
      <c r="M58" s="544"/>
      <c r="N58" s="544"/>
      <c r="O58" s="544"/>
      <c r="P58" s="544"/>
      <c r="Q58" s="545"/>
      <c r="R58" s="221" t="s">
        <v>2674</v>
      </c>
      <c r="S58" s="546" t="s">
        <v>1856</v>
      </c>
      <c r="T58" s="548"/>
      <c r="U58" s="408" t="s">
        <v>102</v>
      </c>
      <c r="V58" s="210">
        <v>8</v>
      </c>
      <c r="W58" s="210" t="s">
        <v>103</v>
      </c>
      <c r="X58" s="752"/>
      <c r="Y58" s="752"/>
      <c r="Z58" s="592"/>
      <c r="AA58" s="592"/>
      <c r="AB58" s="592"/>
      <c r="AC58" s="267"/>
      <c r="AD58" s="39"/>
    </row>
    <row r="59" spans="1:30" s="57" customFormat="1" ht="13.4" customHeight="1">
      <c r="A59" s="394"/>
      <c r="B59" s="541">
        <v>41</v>
      </c>
      <c r="C59" s="542"/>
      <c r="D59" s="563" t="s">
        <v>2675</v>
      </c>
      <c r="E59" s="564"/>
      <c r="F59" s="564"/>
      <c r="G59" s="564"/>
      <c r="H59" s="564"/>
      <c r="I59" s="564"/>
      <c r="J59" s="564"/>
      <c r="K59" s="564"/>
      <c r="L59" s="564"/>
      <c r="M59" s="564"/>
      <c r="N59" s="564"/>
      <c r="O59" s="564"/>
      <c r="P59" s="564"/>
      <c r="Q59" s="565"/>
      <c r="R59" s="221" t="s">
        <v>2676</v>
      </c>
      <c r="S59" s="546" t="s">
        <v>1856</v>
      </c>
      <c r="T59" s="548"/>
      <c r="U59" s="408" t="s">
        <v>102</v>
      </c>
      <c r="V59" s="210">
        <v>1</v>
      </c>
      <c r="W59" s="210" t="s">
        <v>103</v>
      </c>
      <c r="X59" s="752"/>
      <c r="Y59" s="752"/>
      <c r="Z59" s="592"/>
      <c r="AA59" s="592"/>
      <c r="AB59" s="592"/>
      <c r="AC59" s="267"/>
      <c r="AD59" s="39"/>
    </row>
    <row r="60" spans="1:30" s="57" customFormat="1" ht="13.4" customHeight="1">
      <c r="A60" s="394"/>
      <c r="B60" s="541">
        <v>42</v>
      </c>
      <c r="C60" s="542"/>
      <c r="D60" s="563" t="s">
        <v>2677</v>
      </c>
      <c r="E60" s="564"/>
      <c r="F60" s="564"/>
      <c r="G60" s="564"/>
      <c r="H60" s="564"/>
      <c r="I60" s="564"/>
      <c r="J60" s="564"/>
      <c r="K60" s="564"/>
      <c r="L60" s="564"/>
      <c r="M60" s="564"/>
      <c r="N60" s="564"/>
      <c r="O60" s="564"/>
      <c r="P60" s="564"/>
      <c r="Q60" s="565"/>
      <c r="R60" s="221" t="s">
        <v>2678</v>
      </c>
      <c r="S60" s="546" t="s">
        <v>1856</v>
      </c>
      <c r="T60" s="548"/>
      <c r="U60" s="408" t="s">
        <v>108</v>
      </c>
      <c r="V60" s="210">
        <v>5</v>
      </c>
      <c r="W60" s="210" t="s">
        <v>103</v>
      </c>
      <c r="X60" s="752"/>
      <c r="Y60" s="752"/>
      <c r="Z60" s="592"/>
      <c r="AA60" s="592"/>
      <c r="AB60" s="592"/>
      <c r="AC60" s="267"/>
      <c r="AD60" s="39"/>
    </row>
    <row r="61" spans="1:30" s="57" customFormat="1" ht="13.4" customHeight="1">
      <c r="A61" s="394"/>
      <c r="B61" s="541">
        <v>43</v>
      </c>
      <c r="C61" s="542"/>
      <c r="D61" s="563" t="s">
        <v>2679</v>
      </c>
      <c r="E61" s="564"/>
      <c r="F61" s="564"/>
      <c r="G61" s="564"/>
      <c r="H61" s="564"/>
      <c r="I61" s="564"/>
      <c r="J61" s="564"/>
      <c r="K61" s="564"/>
      <c r="L61" s="564"/>
      <c r="M61" s="564"/>
      <c r="N61" s="564"/>
      <c r="O61" s="564"/>
      <c r="P61" s="564"/>
      <c r="Q61" s="565"/>
      <c r="R61" s="221" t="s">
        <v>2680</v>
      </c>
      <c r="S61" s="546" t="s">
        <v>1856</v>
      </c>
      <c r="T61" s="548"/>
      <c r="U61" s="408" t="s">
        <v>102</v>
      </c>
      <c r="V61" s="210">
        <v>1</v>
      </c>
      <c r="W61" s="210" t="s">
        <v>103</v>
      </c>
      <c r="X61" s="752"/>
      <c r="Y61" s="752"/>
      <c r="Z61" s="592"/>
      <c r="AA61" s="592"/>
      <c r="AB61" s="592"/>
      <c r="AC61" s="267"/>
      <c r="AD61" s="39"/>
    </row>
    <row r="62" spans="1:30" s="57" customFormat="1" ht="13.4" customHeight="1">
      <c r="A62" s="394"/>
      <c r="B62" s="541">
        <v>44</v>
      </c>
      <c r="C62" s="542"/>
      <c r="D62" s="563" t="s">
        <v>2681</v>
      </c>
      <c r="E62" s="564"/>
      <c r="F62" s="564"/>
      <c r="G62" s="564"/>
      <c r="H62" s="564"/>
      <c r="I62" s="564"/>
      <c r="J62" s="564"/>
      <c r="K62" s="564"/>
      <c r="L62" s="564"/>
      <c r="M62" s="564"/>
      <c r="N62" s="564"/>
      <c r="O62" s="564"/>
      <c r="P62" s="564"/>
      <c r="Q62" s="565"/>
      <c r="R62" s="221" t="s">
        <v>2682</v>
      </c>
      <c r="S62" s="546" t="s">
        <v>1856</v>
      </c>
      <c r="T62" s="548"/>
      <c r="U62" s="408" t="s">
        <v>710</v>
      </c>
      <c r="V62" s="210">
        <v>7</v>
      </c>
      <c r="W62" s="210">
        <v>3</v>
      </c>
      <c r="X62" s="752"/>
      <c r="Y62" s="752"/>
      <c r="Z62" s="592"/>
      <c r="AA62" s="592"/>
      <c r="AB62" s="592"/>
      <c r="AC62" s="267"/>
      <c r="AD62" s="39"/>
    </row>
    <row r="63" spans="1:30" s="57" customFormat="1" ht="13.4" customHeight="1">
      <c r="A63" s="394"/>
      <c r="B63" s="541">
        <v>45</v>
      </c>
      <c r="C63" s="542"/>
      <c r="D63" s="563" t="s">
        <v>2683</v>
      </c>
      <c r="E63" s="564"/>
      <c r="F63" s="564"/>
      <c r="G63" s="564"/>
      <c r="H63" s="564"/>
      <c r="I63" s="564"/>
      <c r="J63" s="564"/>
      <c r="K63" s="564"/>
      <c r="L63" s="564"/>
      <c r="M63" s="564"/>
      <c r="N63" s="564"/>
      <c r="O63" s="564"/>
      <c r="P63" s="564"/>
      <c r="Q63" s="565"/>
      <c r="R63" s="221" t="s">
        <v>2684</v>
      </c>
      <c r="S63" s="546" t="s">
        <v>1856</v>
      </c>
      <c r="T63" s="548"/>
      <c r="U63" s="408" t="s">
        <v>710</v>
      </c>
      <c r="V63" s="210">
        <v>7</v>
      </c>
      <c r="W63" s="210">
        <v>3</v>
      </c>
      <c r="X63" s="752"/>
      <c r="Y63" s="752"/>
      <c r="Z63" s="592"/>
      <c r="AA63" s="592"/>
      <c r="AB63" s="592"/>
      <c r="AC63" s="267"/>
      <c r="AD63" s="39"/>
    </row>
    <row r="64" spans="1:30" s="54" customFormat="1" ht="13.4" customHeight="1">
      <c r="A64" s="20"/>
      <c r="B64" s="541">
        <v>46</v>
      </c>
      <c r="C64" s="542"/>
      <c r="D64" s="563" t="s">
        <v>2685</v>
      </c>
      <c r="E64" s="564"/>
      <c r="F64" s="564"/>
      <c r="G64" s="564"/>
      <c r="H64" s="564"/>
      <c r="I64" s="564"/>
      <c r="J64" s="564"/>
      <c r="K64" s="564"/>
      <c r="L64" s="564"/>
      <c r="M64" s="564"/>
      <c r="N64" s="564"/>
      <c r="O64" s="564"/>
      <c r="P64" s="564"/>
      <c r="Q64" s="565"/>
      <c r="R64" s="221" t="s">
        <v>2686</v>
      </c>
      <c r="S64" s="546" t="s">
        <v>1856</v>
      </c>
      <c r="T64" s="548"/>
      <c r="U64" s="408" t="s">
        <v>710</v>
      </c>
      <c r="V64" s="210">
        <v>7</v>
      </c>
      <c r="W64" s="210">
        <v>3</v>
      </c>
      <c r="X64" s="752"/>
      <c r="Y64" s="752"/>
      <c r="Z64" s="592"/>
      <c r="AA64" s="592"/>
      <c r="AB64" s="592"/>
      <c r="AC64" s="267"/>
      <c r="AD64" s="38"/>
    </row>
    <row r="65" spans="1:30" s="54" customFormat="1" ht="13.4" customHeight="1">
      <c r="A65" s="20"/>
      <c r="B65" s="541">
        <v>47</v>
      </c>
      <c r="C65" s="542"/>
      <c r="D65" s="563" t="s">
        <v>2687</v>
      </c>
      <c r="E65" s="564"/>
      <c r="F65" s="564"/>
      <c r="G65" s="564"/>
      <c r="H65" s="564"/>
      <c r="I65" s="564"/>
      <c r="J65" s="564"/>
      <c r="K65" s="564"/>
      <c r="L65" s="564"/>
      <c r="M65" s="564"/>
      <c r="N65" s="564"/>
      <c r="O65" s="564"/>
      <c r="P65" s="564"/>
      <c r="Q65" s="565"/>
      <c r="R65" s="221" t="s">
        <v>2688</v>
      </c>
      <c r="S65" s="546" t="s">
        <v>1856</v>
      </c>
      <c r="T65" s="548"/>
      <c r="U65" s="408" t="s">
        <v>710</v>
      </c>
      <c r="V65" s="210">
        <v>7</v>
      </c>
      <c r="W65" s="210">
        <v>3</v>
      </c>
      <c r="X65" s="752"/>
      <c r="Y65" s="752"/>
      <c r="Z65" s="592"/>
      <c r="AA65" s="592"/>
      <c r="AB65" s="592"/>
      <c r="AC65" s="267"/>
      <c r="AD65" s="38"/>
    </row>
    <row r="66" spans="1:30" s="54" customFormat="1" ht="13.4" customHeight="1">
      <c r="A66" s="20"/>
      <c r="B66" s="541">
        <v>48</v>
      </c>
      <c r="C66" s="542"/>
      <c r="D66" s="563" t="s">
        <v>2689</v>
      </c>
      <c r="E66" s="564"/>
      <c r="F66" s="564"/>
      <c r="G66" s="564"/>
      <c r="H66" s="564"/>
      <c r="I66" s="564"/>
      <c r="J66" s="564"/>
      <c r="K66" s="564"/>
      <c r="L66" s="564"/>
      <c r="M66" s="564"/>
      <c r="N66" s="564"/>
      <c r="O66" s="564"/>
      <c r="P66" s="564"/>
      <c r="Q66" s="565"/>
      <c r="R66" s="221" t="s">
        <v>2690</v>
      </c>
      <c r="S66" s="546" t="s">
        <v>1856</v>
      </c>
      <c r="T66" s="548"/>
      <c r="U66" s="408" t="s">
        <v>710</v>
      </c>
      <c r="V66" s="210">
        <v>7</v>
      </c>
      <c r="W66" s="210">
        <v>3</v>
      </c>
      <c r="X66" s="752"/>
      <c r="Y66" s="752"/>
      <c r="Z66" s="592"/>
      <c r="AA66" s="592"/>
      <c r="AB66" s="592"/>
      <c r="AC66" s="267"/>
      <c r="AD66" s="38"/>
    </row>
    <row r="67" spans="1:30" s="54" customFormat="1" ht="13.4" customHeight="1">
      <c r="A67" s="20"/>
      <c r="B67" s="541">
        <v>49</v>
      </c>
      <c r="C67" s="542"/>
      <c r="D67" s="563" t="s">
        <v>2691</v>
      </c>
      <c r="E67" s="564"/>
      <c r="F67" s="564"/>
      <c r="G67" s="564"/>
      <c r="H67" s="564"/>
      <c r="I67" s="564"/>
      <c r="J67" s="564"/>
      <c r="K67" s="564"/>
      <c r="L67" s="564"/>
      <c r="M67" s="564"/>
      <c r="N67" s="564"/>
      <c r="O67" s="564"/>
      <c r="P67" s="564"/>
      <c r="Q67" s="565"/>
      <c r="R67" s="221" t="s">
        <v>2692</v>
      </c>
      <c r="S67" s="546" t="s">
        <v>1856</v>
      </c>
      <c r="T67" s="548"/>
      <c r="U67" s="408" t="s">
        <v>710</v>
      </c>
      <c r="V67" s="210">
        <v>7</v>
      </c>
      <c r="W67" s="210">
        <v>3</v>
      </c>
      <c r="X67" s="752"/>
      <c r="Y67" s="752"/>
      <c r="Z67" s="592"/>
      <c r="AA67" s="592"/>
      <c r="AB67" s="592"/>
      <c r="AC67" s="267"/>
      <c r="AD67" s="38"/>
    </row>
    <row r="68" spans="1:30" s="57" customFormat="1" ht="13.4" customHeight="1">
      <c r="A68" s="394"/>
      <c r="B68" s="541">
        <v>50</v>
      </c>
      <c r="C68" s="542"/>
      <c r="D68" s="563" t="s">
        <v>2693</v>
      </c>
      <c r="E68" s="564"/>
      <c r="F68" s="564"/>
      <c r="G68" s="564"/>
      <c r="H68" s="564"/>
      <c r="I68" s="564"/>
      <c r="J68" s="564"/>
      <c r="K68" s="564"/>
      <c r="L68" s="564"/>
      <c r="M68" s="564"/>
      <c r="N68" s="564"/>
      <c r="O68" s="564"/>
      <c r="P68" s="564"/>
      <c r="Q68" s="565"/>
      <c r="R68" s="221" t="s">
        <v>2694</v>
      </c>
      <c r="S68" s="546" t="s">
        <v>1856</v>
      </c>
      <c r="T68" s="548"/>
      <c r="U68" s="408" t="s">
        <v>710</v>
      </c>
      <c r="V68" s="210">
        <v>7</v>
      </c>
      <c r="W68" s="210">
        <v>3</v>
      </c>
      <c r="X68" s="752"/>
      <c r="Y68" s="752"/>
      <c r="Z68" s="592"/>
      <c r="AA68" s="592"/>
      <c r="AB68" s="592"/>
      <c r="AC68" s="267"/>
      <c r="AD68" s="39"/>
    </row>
    <row r="69" spans="1:30" s="57" customFormat="1" ht="13.4" customHeight="1">
      <c r="A69" s="394"/>
      <c r="B69" s="541">
        <v>51</v>
      </c>
      <c r="C69" s="542"/>
      <c r="D69" s="563" t="s">
        <v>2695</v>
      </c>
      <c r="E69" s="564"/>
      <c r="F69" s="564"/>
      <c r="G69" s="564"/>
      <c r="H69" s="564"/>
      <c r="I69" s="564"/>
      <c r="J69" s="564"/>
      <c r="K69" s="564"/>
      <c r="L69" s="564"/>
      <c r="M69" s="564"/>
      <c r="N69" s="564"/>
      <c r="O69" s="564"/>
      <c r="P69" s="564"/>
      <c r="Q69" s="565"/>
      <c r="R69" s="221" t="s">
        <v>2696</v>
      </c>
      <c r="S69" s="546" t="s">
        <v>1856</v>
      </c>
      <c r="T69" s="548"/>
      <c r="U69" s="408" t="s">
        <v>710</v>
      </c>
      <c r="V69" s="210">
        <v>7</v>
      </c>
      <c r="W69" s="210">
        <v>3</v>
      </c>
      <c r="X69" s="752"/>
      <c r="Y69" s="752"/>
      <c r="Z69" s="592"/>
      <c r="AA69" s="592"/>
      <c r="AB69" s="592"/>
      <c r="AC69" s="267"/>
      <c r="AD69" s="39"/>
    </row>
    <row r="70" spans="1:30" s="57" customFormat="1" ht="13.4" customHeight="1">
      <c r="A70" s="394"/>
      <c r="B70" s="541">
        <v>52</v>
      </c>
      <c r="C70" s="542"/>
      <c r="D70" s="563" t="s">
        <v>2697</v>
      </c>
      <c r="E70" s="564"/>
      <c r="F70" s="564"/>
      <c r="G70" s="564"/>
      <c r="H70" s="564"/>
      <c r="I70" s="564"/>
      <c r="J70" s="564"/>
      <c r="K70" s="564"/>
      <c r="L70" s="564"/>
      <c r="M70" s="564"/>
      <c r="N70" s="564"/>
      <c r="O70" s="564"/>
      <c r="P70" s="564"/>
      <c r="Q70" s="565"/>
      <c r="R70" s="221" t="s">
        <v>2698</v>
      </c>
      <c r="S70" s="546" t="s">
        <v>1856</v>
      </c>
      <c r="T70" s="548"/>
      <c r="U70" s="408" t="s">
        <v>102</v>
      </c>
      <c r="V70" s="210">
        <v>8</v>
      </c>
      <c r="W70" s="210" t="s">
        <v>103</v>
      </c>
      <c r="X70" s="752"/>
      <c r="Y70" s="752"/>
      <c r="Z70" s="592"/>
      <c r="AA70" s="592"/>
      <c r="AB70" s="592"/>
      <c r="AC70" s="267"/>
      <c r="AD70" s="39"/>
    </row>
    <row r="71" spans="1:30" s="57" customFormat="1" ht="13.4" customHeight="1">
      <c r="A71" s="394"/>
      <c r="B71" s="541">
        <v>53</v>
      </c>
      <c r="C71" s="542"/>
      <c r="D71" s="563" t="s">
        <v>2699</v>
      </c>
      <c r="E71" s="564"/>
      <c r="F71" s="564"/>
      <c r="G71" s="564"/>
      <c r="H71" s="564"/>
      <c r="I71" s="564"/>
      <c r="J71" s="564"/>
      <c r="K71" s="564"/>
      <c r="L71" s="564"/>
      <c r="M71" s="564"/>
      <c r="N71" s="564"/>
      <c r="O71" s="564"/>
      <c r="P71" s="564"/>
      <c r="Q71" s="565"/>
      <c r="R71" s="221" t="s">
        <v>2700</v>
      </c>
      <c r="S71" s="546" t="s">
        <v>1856</v>
      </c>
      <c r="T71" s="548"/>
      <c r="U71" s="408" t="s">
        <v>102</v>
      </c>
      <c r="V71" s="210">
        <v>1</v>
      </c>
      <c r="W71" s="210" t="s">
        <v>103</v>
      </c>
      <c r="X71" s="752"/>
      <c r="Y71" s="752"/>
      <c r="Z71" s="592"/>
      <c r="AA71" s="592"/>
      <c r="AB71" s="592"/>
      <c r="AC71" s="267"/>
      <c r="AD71" s="39"/>
    </row>
    <row r="72" spans="1:30" s="57" customFormat="1" ht="13.4" customHeight="1">
      <c r="A72" s="394"/>
      <c r="B72" s="541">
        <v>54</v>
      </c>
      <c r="C72" s="542"/>
      <c r="D72" s="563" t="s">
        <v>2701</v>
      </c>
      <c r="E72" s="564"/>
      <c r="F72" s="564"/>
      <c r="G72" s="564"/>
      <c r="H72" s="564"/>
      <c r="I72" s="564"/>
      <c r="J72" s="564"/>
      <c r="K72" s="564"/>
      <c r="L72" s="564"/>
      <c r="M72" s="564"/>
      <c r="N72" s="564"/>
      <c r="O72" s="564"/>
      <c r="P72" s="564"/>
      <c r="Q72" s="565"/>
      <c r="R72" s="221" t="s">
        <v>2702</v>
      </c>
      <c r="S72" s="546" t="s">
        <v>1856</v>
      </c>
      <c r="T72" s="548"/>
      <c r="U72" s="408" t="s">
        <v>108</v>
      </c>
      <c r="V72" s="210">
        <v>5</v>
      </c>
      <c r="W72" s="210">
        <v>0</v>
      </c>
      <c r="X72" s="752"/>
      <c r="Y72" s="752"/>
      <c r="Z72" s="592"/>
      <c r="AA72" s="592"/>
      <c r="AB72" s="592"/>
      <c r="AC72" s="267"/>
      <c r="AD72" s="39"/>
    </row>
    <row r="73" spans="1:30" s="57" customFormat="1" ht="13.4" customHeight="1">
      <c r="A73" s="394"/>
      <c r="B73" s="541">
        <v>55</v>
      </c>
      <c r="C73" s="542"/>
      <c r="D73" s="563" t="s">
        <v>2703</v>
      </c>
      <c r="E73" s="564"/>
      <c r="F73" s="564"/>
      <c r="G73" s="564"/>
      <c r="H73" s="564"/>
      <c r="I73" s="564"/>
      <c r="J73" s="564"/>
      <c r="K73" s="564"/>
      <c r="L73" s="564"/>
      <c r="M73" s="564"/>
      <c r="N73" s="564"/>
      <c r="O73" s="564"/>
      <c r="P73" s="564"/>
      <c r="Q73" s="565"/>
      <c r="R73" s="221" t="s">
        <v>2704</v>
      </c>
      <c r="S73" s="546" t="s">
        <v>1856</v>
      </c>
      <c r="T73" s="548"/>
      <c r="U73" s="408" t="s">
        <v>710</v>
      </c>
      <c r="V73" s="210">
        <v>7</v>
      </c>
      <c r="W73" s="210">
        <v>3</v>
      </c>
      <c r="X73" s="752"/>
      <c r="Y73" s="752"/>
      <c r="Z73" s="592"/>
      <c r="AA73" s="592"/>
      <c r="AB73" s="592"/>
      <c r="AC73" s="267"/>
      <c r="AD73" s="39"/>
    </row>
    <row r="74" spans="1:30" s="54" customFormat="1" ht="13.4" customHeight="1">
      <c r="A74" s="20"/>
      <c r="B74" s="541">
        <v>56</v>
      </c>
      <c r="C74" s="542"/>
      <c r="D74" s="563" t="s">
        <v>2705</v>
      </c>
      <c r="E74" s="564"/>
      <c r="F74" s="564"/>
      <c r="G74" s="564"/>
      <c r="H74" s="564"/>
      <c r="I74" s="564"/>
      <c r="J74" s="564"/>
      <c r="K74" s="564"/>
      <c r="L74" s="564"/>
      <c r="M74" s="564"/>
      <c r="N74" s="564"/>
      <c r="O74" s="564"/>
      <c r="P74" s="564"/>
      <c r="Q74" s="565"/>
      <c r="R74" s="221" t="s">
        <v>2706</v>
      </c>
      <c r="S74" s="546" t="s">
        <v>1856</v>
      </c>
      <c r="T74" s="548"/>
      <c r="U74" s="408" t="s">
        <v>102</v>
      </c>
      <c r="V74" s="210">
        <v>1</v>
      </c>
      <c r="W74" s="210" t="s">
        <v>103</v>
      </c>
      <c r="X74" s="752"/>
      <c r="Y74" s="752"/>
      <c r="Z74" s="592"/>
      <c r="AA74" s="592"/>
      <c r="AB74" s="592"/>
      <c r="AC74" s="267"/>
      <c r="AD74" s="38"/>
    </row>
    <row r="75" spans="1:30" s="54" customFormat="1" ht="13.4" customHeight="1">
      <c r="A75" s="20"/>
      <c r="B75" s="541">
        <v>57</v>
      </c>
      <c r="C75" s="542"/>
      <c r="D75" s="563" t="s">
        <v>2707</v>
      </c>
      <c r="E75" s="564"/>
      <c r="F75" s="564"/>
      <c r="G75" s="564"/>
      <c r="H75" s="564"/>
      <c r="I75" s="564"/>
      <c r="J75" s="564"/>
      <c r="K75" s="564"/>
      <c r="L75" s="564"/>
      <c r="M75" s="564"/>
      <c r="N75" s="564"/>
      <c r="O75" s="564"/>
      <c r="P75" s="564"/>
      <c r="Q75" s="565"/>
      <c r="R75" s="221" t="s">
        <v>2708</v>
      </c>
      <c r="S75" s="546" t="s">
        <v>1856</v>
      </c>
      <c r="T75" s="548"/>
      <c r="U75" s="408" t="s">
        <v>710</v>
      </c>
      <c r="V75" s="210">
        <v>7</v>
      </c>
      <c r="W75" s="210">
        <v>3</v>
      </c>
      <c r="X75" s="752"/>
      <c r="Y75" s="752"/>
      <c r="Z75" s="592"/>
      <c r="AA75" s="592"/>
      <c r="AB75" s="592"/>
      <c r="AC75" s="267"/>
      <c r="AD75" s="38"/>
    </row>
    <row r="76" spans="1:30" s="54" customFormat="1" ht="13.4" customHeight="1">
      <c r="A76" s="20"/>
      <c r="B76" s="541">
        <v>58</v>
      </c>
      <c r="C76" s="542"/>
      <c r="D76" s="563" t="s">
        <v>2709</v>
      </c>
      <c r="E76" s="564"/>
      <c r="F76" s="564"/>
      <c r="G76" s="564"/>
      <c r="H76" s="564"/>
      <c r="I76" s="564"/>
      <c r="J76" s="564"/>
      <c r="K76" s="564"/>
      <c r="L76" s="564"/>
      <c r="M76" s="564"/>
      <c r="N76" s="564"/>
      <c r="O76" s="564"/>
      <c r="P76" s="564"/>
      <c r="Q76" s="565"/>
      <c r="R76" s="229" t="s">
        <v>2710</v>
      </c>
      <c r="S76" s="546" t="s">
        <v>1856</v>
      </c>
      <c r="T76" s="548"/>
      <c r="U76" s="408" t="s">
        <v>710</v>
      </c>
      <c r="V76" s="210">
        <v>7</v>
      </c>
      <c r="W76" s="210">
        <v>3</v>
      </c>
      <c r="X76" s="752"/>
      <c r="Y76" s="752"/>
      <c r="Z76" s="592"/>
      <c r="AA76" s="592"/>
      <c r="AB76" s="592"/>
      <c r="AC76" s="267"/>
      <c r="AD76" s="38"/>
    </row>
    <row r="77" spans="1:30" s="54" customFormat="1" ht="13.4" customHeight="1">
      <c r="A77" s="20"/>
      <c r="B77" s="541">
        <v>59</v>
      </c>
      <c r="C77" s="542"/>
      <c r="D77" s="563" t="s">
        <v>2711</v>
      </c>
      <c r="E77" s="564"/>
      <c r="F77" s="564"/>
      <c r="G77" s="564"/>
      <c r="H77" s="564"/>
      <c r="I77" s="564"/>
      <c r="J77" s="564"/>
      <c r="K77" s="564"/>
      <c r="L77" s="564"/>
      <c r="M77" s="564"/>
      <c r="N77" s="564"/>
      <c r="O77" s="564"/>
      <c r="P77" s="564"/>
      <c r="Q77" s="565"/>
      <c r="R77" s="229" t="s">
        <v>2712</v>
      </c>
      <c r="S77" s="546" t="s">
        <v>1856</v>
      </c>
      <c r="T77" s="548"/>
      <c r="U77" s="408" t="s">
        <v>710</v>
      </c>
      <c r="V77" s="210">
        <v>7</v>
      </c>
      <c r="W77" s="210">
        <v>3</v>
      </c>
      <c r="X77" s="752"/>
      <c r="Y77" s="752"/>
      <c r="Z77" s="592"/>
      <c r="AA77" s="592"/>
      <c r="AB77" s="592"/>
      <c r="AC77" s="267"/>
      <c r="AD77" s="38"/>
    </row>
    <row r="78" spans="1:30" s="54" customFormat="1" ht="13.4" customHeight="1">
      <c r="A78" s="20"/>
      <c r="B78" s="541">
        <v>60</v>
      </c>
      <c r="C78" s="542"/>
      <c r="D78" s="563" t="s">
        <v>2713</v>
      </c>
      <c r="E78" s="564"/>
      <c r="F78" s="564"/>
      <c r="G78" s="564"/>
      <c r="H78" s="564"/>
      <c r="I78" s="564"/>
      <c r="J78" s="564"/>
      <c r="K78" s="564"/>
      <c r="L78" s="564"/>
      <c r="M78" s="564"/>
      <c r="N78" s="564"/>
      <c r="O78" s="564"/>
      <c r="P78" s="564"/>
      <c r="Q78" s="565"/>
      <c r="R78" s="229" t="s">
        <v>2714</v>
      </c>
      <c r="S78" s="546" t="s">
        <v>1856</v>
      </c>
      <c r="T78" s="548"/>
      <c r="U78" s="408" t="s">
        <v>710</v>
      </c>
      <c r="V78" s="210">
        <v>7</v>
      </c>
      <c r="W78" s="210">
        <v>3</v>
      </c>
      <c r="X78" s="752"/>
      <c r="Y78" s="752"/>
      <c r="Z78" s="592"/>
      <c r="AA78" s="592"/>
      <c r="AB78" s="592"/>
      <c r="AC78" s="267"/>
      <c r="AD78" s="38"/>
    </row>
    <row r="79" spans="1:30" s="57" customFormat="1" ht="29.5" customHeight="1">
      <c r="A79" s="394"/>
      <c r="B79" s="541">
        <v>61</v>
      </c>
      <c r="C79" s="542"/>
      <c r="D79" s="563" t="s">
        <v>2715</v>
      </c>
      <c r="E79" s="564"/>
      <c r="F79" s="564"/>
      <c r="G79" s="564"/>
      <c r="H79" s="564"/>
      <c r="I79" s="564"/>
      <c r="J79" s="564"/>
      <c r="K79" s="564"/>
      <c r="L79" s="564"/>
      <c r="M79" s="564"/>
      <c r="N79" s="564"/>
      <c r="O79" s="564"/>
      <c r="P79" s="564"/>
      <c r="Q79" s="565"/>
      <c r="R79" s="221" t="s">
        <v>2716</v>
      </c>
      <c r="S79" s="546" t="s">
        <v>1856</v>
      </c>
      <c r="T79" s="548"/>
      <c r="U79" s="408" t="s">
        <v>102</v>
      </c>
      <c r="V79" s="210">
        <v>1</v>
      </c>
      <c r="W79" s="210" t="s">
        <v>103</v>
      </c>
      <c r="X79" s="752"/>
      <c r="Y79" s="752"/>
      <c r="Z79" s="592"/>
      <c r="AA79" s="592"/>
      <c r="AB79" s="592"/>
      <c r="AC79" s="267"/>
      <c r="AD79" s="39"/>
    </row>
    <row r="80" spans="1:30" s="54" customFormat="1" ht="28.4" customHeight="1">
      <c r="A80" s="20"/>
      <c r="B80" s="541">
        <v>62</v>
      </c>
      <c r="C80" s="542"/>
      <c r="D80" s="563" t="s">
        <v>2717</v>
      </c>
      <c r="E80" s="564"/>
      <c r="F80" s="564"/>
      <c r="G80" s="564"/>
      <c r="H80" s="564"/>
      <c r="I80" s="564"/>
      <c r="J80" s="564"/>
      <c r="K80" s="564"/>
      <c r="L80" s="564"/>
      <c r="M80" s="564"/>
      <c r="N80" s="564"/>
      <c r="O80" s="564"/>
      <c r="P80" s="564"/>
      <c r="Q80" s="565"/>
      <c r="R80" s="221" t="s">
        <v>2718</v>
      </c>
      <c r="S80" s="546" t="s">
        <v>1856</v>
      </c>
      <c r="T80" s="548"/>
      <c r="U80" s="408" t="s">
        <v>102</v>
      </c>
      <c r="V80" s="210">
        <v>1</v>
      </c>
      <c r="W80" s="210" t="s">
        <v>103</v>
      </c>
      <c r="X80" s="752"/>
      <c r="Y80" s="752"/>
      <c r="Z80" s="592"/>
      <c r="AA80" s="592"/>
      <c r="AB80" s="592"/>
      <c r="AC80" s="267"/>
      <c r="AD80" s="38"/>
    </row>
    <row r="81" spans="1:30" s="54" customFormat="1" ht="13.4" customHeight="1">
      <c r="A81" s="20"/>
      <c r="B81" s="541">
        <v>63</v>
      </c>
      <c r="C81" s="542"/>
      <c r="D81" s="563" t="s">
        <v>2719</v>
      </c>
      <c r="E81" s="564"/>
      <c r="F81" s="564"/>
      <c r="G81" s="564"/>
      <c r="H81" s="564"/>
      <c r="I81" s="564"/>
      <c r="J81" s="564"/>
      <c r="K81" s="564"/>
      <c r="L81" s="564"/>
      <c r="M81" s="564"/>
      <c r="N81" s="564"/>
      <c r="O81" s="564"/>
      <c r="P81" s="564"/>
      <c r="Q81" s="565"/>
      <c r="R81" s="221" t="s">
        <v>2720</v>
      </c>
      <c r="S81" s="546" t="s">
        <v>1856</v>
      </c>
      <c r="T81" s="548"/>
      <c r="U81" s="408" t="s">
        <v>102</v>
      </c>
      <c r="V81" s="210">
        <v>1</v>
      </c>
      <c r="W81" s="210" t="s">
        <v>103</v>
      </c>
      <c r="X81" s="752"/>
      <c r="Y81" s="752"/>
      <c r="Z81" s="592"/>
      <c r="AA81" s="592"/>
      <c r="AB81" s="592"/>
      <c r="AC81" s="267"/>
      <c r="AD81" s="38"/>
    </row>
    <row r="82" spans="1:30" s="54" customFormat="1" ht="13.4" customHeight="1">
      <c r="A82" s="20"/>
      <c r="B82" s="541">
        <v>64</v>
      </c>
      <c r="C82" s="542"/>
      <c r="D82" s="563" t="s">
        <v>2721</v>
      </c>
      <c r="E82" s="564"/>
      <c r="F82" s="564"/>
      <c r="G82" s="564"/>
      <c r="H82" s="564"/>
      <c r="I82" s="564"/>
      <c r="J82" s="564"/>
      <c r="K82" s="564"/>
      <c r="L82" s="564"/>
      <c r="M82" s="564"/>
      <c r="N82" s="564"/>
      <c r="O82" s="564"/>
      <c r="P82" s="564"/>
      <c r="Q82" s="565"/>
      <c r="R82" s="221" t="s">
        <v>2722</v>
      </c>
      <c r="S82" s="546" t="s">
        <v>1856</v>
      </c>
      <c r="T82" s="548"/>
      <c r="U82" s="408" t="s">
        <v>102</v>
      </c>
      <c r="V82" s="210">
        <v>8</v>
      </c>
      <c r="W82" s="210" t="s">
        <v>103</v>
      </c>
      <c r="X82" s="752"/>
      <c r="Y82" s="752"/>
      <c r="Z82" s="592"/>
      <c r="AA82" s="592"/>
      <c r="AB82" s="592"/>
      <c r="AC82" s="267"/>
      <c r="AD82" s="38"/>
    </row>
    <row r="83" spans="1:30" s="54" customFormat="1" ht="13.4" customHeight="1">
      <c r="A83" s="20"/>
      <c r="B83" s="541">
        <v>65</v>
      </c>
      <c r="C83" s="542"/>
      <c r="D83" s="563" t="s">
        <v>2723</v>
      </c>
      <c r="E83" s="564"/>
      <c r="F83" s="564"/>
      <c r="G83" s="564"/>
      <c r="H83" s="564"/>
      <c r="I83" s="564"/>
      <c r="J83" s="564"/>
      <c r="K83" s="564"/>
      <c r="L83" s="564"/>
      <c r="M83" s="564"/>
      <c r="N83" s="564"/>
      <c r="O83" s="564"/>
      <c r="P83" s="564"/>
      <c r="Q83" s="565"/>
      <c r="R83" s="221" t="s">
        <v>2724</v>
      </c>
      <c r="S83" s="546" t="s">
        <v>1856</v>
      </c>
      <c r="T83" s="548"/>
      <c r="U83" s="408" t="s">
        <v>102</v>
      </c>
      <c r="V83" s="210">
        <v>1</v>
      </c>
      <c r="W83" s="210" t="s">
        <v>103</v>
      </c>
      <c r="X83" s="752"/>
      <c r="Y83" s="752"/>
      <c r="Z83" s="592"/>
      <c r="AA83" s="592"/>
      <c r="AB83" s="592"/>
      <c r="AC83" s="267"/>
      <c r="AD83" s="38"/>
    </row>
    <row r="84" spans="1:30" s="57" customFormat="1" ht="13.4" customHeight="1">
      <c r="A84" s="394"/>
      <c r="B84" s="541">
        <v>66</v>
      </c>
      <c r="C84" s="542"/>
      <c r="D84" s="563" t="s">
        <v>2725</v>
      </c>
      <c r="E84" s="564"/>
      <c r="F84" s="564"/>
      <c r="G84" s="564"/>
      <c r="H84" s="564"/>
      <c r="I84" s="564"/>
      <c r="J84" s="564"/>
      <c r="K84" s="564"/>
      <c r="L84" s="564"/>
      <c r="M84" s="564"/>
      <c r="N84" s="564"/>
      <c r="O84" s="564"/>
      <c r="P84" s="564"/>
      <c r="Q84" s="565"/>
      <c r="R84" s="221" t="s">
        <v>2726</v>
      </c>
      <c r="S84" s="546" t="s">
        <v>1856</v>
      </c>
      <c r="T84" s="548"/>
      <c r="U84" s="408" t="s">
        <v>108</v>
      </c>
      <c r="V84" s="210">
        <v>5</v>
      </c>
      <c r="W84" s="210">
        <v>0</v>
      </c>
      <c r="X84" s="752"/>
      <c r="Y84" s="752"/>
      <c r="Z84" s="592"/>
      <c r="AA84" s="592"/>
      <c r="AB84" s="592"/>
      <c r="AC84" s="267"/>
      <c r="AD84" s="39"/>
    </row>
    <row r="85" spans="1:30" s="57" customFormat="1" ht="13.4" customHeight="1">
      <c r="A85" s="394"/>
      <c r="B85" s="541">
        <v>67</v>
      </c>
      <c r="C85" s="542"/>
      <c r="D85" s="563" t="s">
        <v>2727</v>
      </c>
      <c r="E85" s="564"/>
      <c r="F85" s="564"/>
      <c r="G85" s="564"/>
      <c r="H85" s="564"/>
      <c r="I85" s="564"/>
      <c r="J85" s="564"/>
      <c r="K85" s="564"/>
      <c r="L85" s="564"/>
      <c r="M85" s="564"/>
      <c r="N85" s="564"/>
      <c r="O85" s="564"/>
      <c r="P85" s="564"/>
      <c r="Q85" s="565"/>
      <c r="R85" s="221" t="s">
        <v>2728</v>
      </c>
      <c r="S85" s="546" t="s">
        <v>1856</v>
      </c>
      <c r="T85" s="548"/>
      <c r="U85" s="408" t="s">
        <v>710</v>
      </c>
      <c r="V85" s="210">
        <v>7</v>
      </c>
      <c r="W85" s="210">
        <v>3</v>
      </c>
      <c r="X85" s="752"/>
      <c r="Y85" s="752"/>
      <c r="Z85" s="592"/>
      <c r="AA85" s="592"/>
      <c r="AB85" s="592"/>
      <c r="AC85" s="267"/>
      <c r="AD85" s="39"/>
    </row>
    <row r="86" spans="1:30" s="57" customFormat="1" ht="13.4" customHeight="1">
      <c r="A86" s="394"/>
      <c r="B86" s="541">
        <v>68</v>
      </c>
      <c r="C86" s="542"/>
      <c r="D86" s="563" t="s">
        <v>2729</v>
      </c>
      <c r="E86" s="564"/>
      <c r="F86" s="564"/>
      <c r="G86" s="564"/>
      <c r="H86" s="564"/>
      <c r="I86" s="564"/>
      <c r="J86" s="564"/>
      <c r="K86" s="564"/>
      <c r="L86" s="564"/>
      <c r="M86" s="564"/>
      <c r="N86" s="564"/>
      <c r="O86" s="564"/>
      <c r="P86" s="564"/>
      <c r="Q86" s="565"/>
      <c r="R86" s="221" t="s">
        <v>2730</v>
      </c>
      <c r="S86" s="546" t="s">
        <v>1856</v>
      </c>
      <c r="T86" s="548"/>
      <c r="U86" s="408" t="s">
        <v>102</v>
      </c>
      <c r="V86" s="210">
        <v>1</v>
      </c>
      <c r="W86" s="210" t="s">
        <v>103</v>
      </c>
      <c r="X86" s="752"/>
      <c r="Y86" s="752"/>
      <c r="Z86" s="592"/>
      <c r="AA86" s="592"/>
      <c r="AB86" s="592"/>
      <c r="AC86" s="267"/>
      <c r="AD86" s="39"/>
    </row>
    <row r="87" spans="1:30" s="57" customFormat="1" ht="13.4" customHeight="1">
      <c r="A87" s="394"/>
      <c r="B87" s="541">
        <v>69</v>
      </c>
      <c r="C87" s="542"/>
      <c r="D87" s="563" t="s">
        <v>2731</v>
      </c>
      <c r="E87" s="564"/>
      <c r="F87" s="564"/>
      <c r="G87" s="564"/>
      <c r="H87" s="564"/>
      <c r="I87" s="564"/>
      <c r="J87" s="564"/>
      <c r="K87" s="564"/>
      <c r="L87" s="564"/>
      <c r="M87" s="564"/>
      <c r="N87" s="564"/>
      <c r="O87" s="564"/>
      <c r="P87" s="564"/>
      <c r="Q87" s="565"/>
      <c r="R87" s="221" t="s">
        <v>2732</v>
      </c>
      <c r="S87" s="546" t="s">
        <v>1856</v>
      </c>
      <c r="T87" s="548"/>
      <c r="U87" s="408" t="s">
        <v>102</v>
      </c>
      <c r="V87" s="210">
        <v>8</v>
      </c>
      <c r="W87" s="210" t="s">
        <v>103</v>
      </c>
      <c r="X87" s="752"/>
      <c r="Y87" s="752"/>
      <c r="Z87" s="592"/>
      <c r="AA87" s="592"/>
      <c r="AB87" s="592"/>
      <c r="AC87" s="267"/>
      <c r="AD87" s="39"/>
    </row>
    <row r="88" spans="1:30" s="57" customFormat="1" ht="13.4" customHeight="1">
      <c r="A88" s="394"/>
      <c r="B88" s="541">
        <v>70</v>
      </c>
      <c r="C88" s="542"/>
      <c r="D88" s="563" t="s">
        <v>2733</v>
      </c>
      <c r="E88" s="564"/>
      <c r="F88" s="564"/>
      <c r="G88" s="564"/>
      <c r="H88" s="564"/>
      <c r="I88" s="564"/>
      <c r="J88" s="564"/>
      <c r="K88" s="564"/>
      <c r="L88" s="564"/>
      <c r="M88" s="564"/>
      <c r="N88" s="564"/>
      <c r="O88" s="564"/>
      <c r="P88" s="564"/>
      <c r="Q88" s="565"/>
      <c r="R88" s="221" t="s">
        <v>2734</v>
      </c>
      <c r="S88" s="546" t="s">
        <v>1856</v>
      </c>
      <c r="T88" s="548"/>
      <c r="U88" s="408" t="s">
        <v>102</v>
      </c>
      <c r="V88" s="210">
        <v>1</v>
      </c>
      <c r="W88" s="210" t="s">
        <v>103</v>
      </c>
      <c r="X88" s="752"/>
      <c r="Y88" s="752"/>
      <c r="Z88" s="592"/>
      <c r="AA88" s="592"/>
      <c r="AB88" s="592"/>
      <c r="AC88" s="267"/>
      <c r="AD88" s="39"/>
    </row>
    <row r="89" spans="1:30" s="57" customFormat="1" ht="13.4" customHeight="1">
      <c r="A89" s="394"/>
      <c r="B89" s="541">
        <v>71</v>
      </c>
      <c r="C89" s="542"/>
      <c r="D89" s="563" t="s">
        <v>2735</v>
      </c>
      <c r="E89" s="564"/>
      <c r="F89" s="564"/>
      <c r="G89" s="564"/>
      <c r="H89" s="564"/>
      <c r="I89" s="564"/>
      <c r="J89" s="564"/>
      <c r="K89" s="564"/>
      <c r="L89" s="564"/>
      <c r="M89" s="564"/>
      <c r="N89" s="564"/>
      <c r="O89" s="564"/>
      <c r="P89" s="564"/>
      <c r="Q89" s="565"/>
      <c r="R89" s="221" t="s">
        <v>2736</v>
      </c>
      <c r="S89" s="546" t="s">
        <v>1856</v>
      </c>
      <c r="T89" s="548"/>
      <c r="U89" s="408" t="s">
        <v>108</v>
      </c>
      <c r="V89" s="210">
        <v>5</v>
      </c>
      <c r="W89" s="210">
        <v>0</v>
      </c>
      <c r="X89" s="752"/>
      <c r="Y89" s="752"/>
      <c r="Z89" s="592"/>
      <c r="AA89" s="592"/>
      <c r="AB89" s="592"/>
      <c r="AC89" s="267"/>
      <c r="AD89" s="39"/>
    </row>
    <row r="90" spans="1:30" s="54" customFormat="1" ht="13.4" customHeight="1">
      <c r="A90" s="20"/>
      <c r="B90" s="541">
        <v>72</v>
      </c>
      <c r="C90" s="542"/>
      <c r="D90" s="563" t="s">
        <v>2737</v>
      </c>
      <c r="E90" s="564"/>
      <c r="F90" s="564"/>
      <c r="G90" s="564"/>
      <c r="H90" s="564"/>
      <c r="I90" s="564"/>
      <c r="J90" s="564"/>
      <c r="K90" s="564"/>
      <c r="L90" s="564"/>
      <c r="M90" s="564"/>
      <c r="N90" s="564"/>
      <c r="O90" s="564"/>
      <c r="P90" s="564"/>
      <c r="Q90" s="565"/>
      <c r="R90" s="221" t="s">
        <v>2738</v>
      </c>
      <c r="S90" s="546" t="s">
        <v>1856</v>
      </c>
      <c r="T90" s="548"/>
      <c r="U90" s="408" t="s">
        <v>710</v>
      </c>
      <c r="V90" s="210">
        <v>7</v>
      </c>
      <c r="W90" s="210">
        <v>3</v>
      </c>
      <c r="X90" s="752"/>
      <c r="Y90" s="752"/>
      <c r="Z90" s="592"/>
      <c r="AA90" s="592"/>
      <c r="AB90" s="592"/>
      <c r="AC90" s="267"/>
      <c r="AD90" s="38"/>
    </row>
    <row r="91" spans="1:30" s="54" customFormat="1" ht="13.4" customHeight="1">
      <c r="A91" s="20"/>
      <c r="B91" s="541">
        <v>73</v>
      </c>
      <c r="C91" s="542"/>
      <c r="D91" s="563" t="s">
        <v>2739</v>
      </c>
      <c r="E91" s="564"/>
      <c r="F91" s="564"/>
      <c r="G91" s="564"/>
      <c r="H91" s="564"/>
      <c r="I91" s="564"/>
      <c r="J91" s="564"/>
      <c r="K91" s="564"/>
      <c r="L91" s="564"/>
      <c r="M91" s="564"/>
      <c r="N91" s="564"/>
      <c r="O91" s="564"/>
      <c r="P91" s="564"/>
      <c r="Q91" s="565"/>
      <c r="R91" s="221" t="s">
        <v>2740</v>
      </c>
      <c r="S91" s="546" t="s">
        <v>1856</v>
      </c>
      <c r="T91" s="548"/>
      <c r="U91" s="408" t="s">
        <v>102</v>
      </c>
      <c r="V91" s="210">
        <v>1</v>
      </c>
      <c r="W91" s="210" t="s">
        <v>103</v>
      </c>
      <c r="X91" s="752"/>
      <c r="Y91" s="752"/>
      <c r="Z91" s="592"/>
      <c r="AA91" s="592"/>
      <c r="AB91" s="592"/>
      <c r="AC91" s="267"/>
      <c r="AD91" s="38"/>
    </row>
    <row r="92" spans="1:30" s="54" customFormat="1" ht="13.4" customHeight="1">
      <c r="A92" s="20"/>
      <c r="B92" s="541">
        <v>74</v>
      </c>
      <c r="C92" s="542"/>
      <c r="D92" s="563" t="s">
        <v>2741</v>
      </c>
      <c r="E92" s="564"/>
      <c r="F92" s="564"/>
      <c r="G92" s="564"/>
      <c r="H92" s="564"/>
      <c r="I92" s="564"/>
      <c r="J92" s="564"/>
      <c r="K92" s="564"/>
      <c r="L92" s="564"/>
      <c r="M92" s="564"/>
      <c r="N92" s="564"/>
      <c r="O92" s="564"/>
      <c r="P92" s="564"/>
      <c r="Q92" s="565"/>
      <c r="R92" s="221" t="s">
        <v>2742</v>
      </c>
      <c r="S92" s="546" t="s">
        <v>1856</v>
      </c>
      <c r="T92" s="548"/>
      <c r="U92" s="408" t="s">
        <v>102</v>
      </c>
      <c r="V92" s="210">
        <v>8</v>
      </c>
      <c r="W92" s="210" t="s">
        <v>103</v>
      </c>
      <c r="X92" s="752"/>
      <c r="Y92" s="752"/>
      <c r="Z92" s="592"/>
      <c r="AA92" s="592"/>
      <c r="AB92" s="592"/>
      <c r="AC92" s="267"/>
      <c r="AD92" s="38"/>
    </row>
    <row r="93" spans="1:30" s="54" customFormat="1" ht="13.4" customHeight="1">
      <c r="A93" s="20"/>
      <c r="B93" s="541">
        <v>75</v>
      </c>
      <c r="C93" s="542"/>
      <c r="D93" s="563" t="s">
        <v>2743</v>
      </c>
      <c r="E93" s="564"/>
      <c r="F93" s="564"/>
      <c r="G93" s="564"/>
      <c r="H93" s="564"/>
      <c r="I93" s="564"/>
      <c r="J93" s="564"/>
      <c r="K93" s="564"/>
      <c r="L93" s="564"/>
      <c r="M93" s="564"/>
      <c r="N93" s="564"/>
      <c r="O93" s="564"/>
      <c r="P93" s="564"/>
      <c r="Q93" s="565"/>
      <c r="R93" s="221" t="s">
        <v>2744</v>
      </c>
      <c r="S93" s="546" t="s">
        <v>1856</v>
      </c>
      <c r="T93" s="548"/>
      <c r="U93" s="408" t="s">
        <v>102</v>
      </c>
      <c r="V93" s="210">
        <v>1</v>
      </c>
      <c r="W93" s="210" t="s">
        <v>103</v>
      </c>
      <c r="X93" s="752"/>
      <c r="Y93" s="752"/>
      <c r="Z93" s="592"/>
      <c r="AA93" s="592"/>
      <c r="AB93" s="592"/>
      <c r="AC93" s="267"/>
      <c r="AD93" s="38"/>
    </row>
    <row r="94" spans="1:30" s="54" customFormat="1" ht="13.4" customHeight="1">
      <c r="A94" s="20"/>
      <c r="B94" s="541">
        <v>76</v>
      </c>
      <c r="C94" s="542"/>
      <c r="D94" s="563" t="s">
        <v>2745</v>
      </c>
      <c r="E94" s="564"/>
      <c r="F94" s="564"/>
      <c r="G94" s="564"/>
      <c r="H94" s="564"/>
      <c r="I94" s="564"/>
      <c r="J94" s="564"/>
      <c r="K94" s="564"/>
      <c r="L94" s="564"/>
      <c r="M94" s="564"/>
      <c r="N94" s="564"/>
      <c r="O94" s="564"/>
      <c r="P94" s="564"/>
      <c r="Q94" s="565"/>
      <c r="R94" s="221" t="s">
        <v>2746</v>
      </c>
      <c r="S94" s="546" t="s">
        <v>1856</v>
      </c>
      <c r="T94" s="548"/>
      <c r="U94" s="408" t="s">
        <v>108</v>
      </c>
      <c r="V94" s="210">
        <v>5</v>
      </c>
      <c r="W94" s="210">
        <v>0</v>
      </c>
      <c r="X94" s="752"/>
      <c r="Y94" s="752"/>
      <c r="Z94" s="592"/>
      <c r="AA94" s="592"/>
      <c r="AB94" s="592"/>
      <c r="AC94" s="267"/>
      <c r="AD94" s="38"/>
    </row>
    <row r="95" spans="1:30" s="57" customFormat="1" ht="13.4" customHeight="1">
      <c r="A95" s="394"/>
      <c r="B95" s="541">
        <v>77</v>
      </c>
      <c r="C95" s="542"/>
      <c r="D95" s="563" t="s">
        <v>2747</v>
      </c>
      <c r="E95" s="564"/>
      <c r="F95" s="564"/>
      <c r="G95" s="564"/>
      <c r="H95" s="564"/>
      <c r="I95" s="564"/>
      <c r="J95" s="564"/>
      <c r="K95" s="564"/>
      <c r="L95" s="564"/>
      <c r="M95" s="564"/>
      <c r="N95" s="564"/>
      <c r="O95" s="564"/>
      <c r="P95" s="564"/>
      <c r="Q95" s="565"/>
      <c r="R95" s="221" t="s">
        <v>2748</v>
      </c>
      <c r="S95" s="546" t="s">
        <v>1856</v>
      </c>
      <c r="T95" s="548"/>
      <c r="U95" s="408" t="s">
        <v>710</v>
      </c>
      <c r="V95" s="210">
        <v>7</v>
      </c>
      <c r="W95" s="210">
        <v>3</v>
      </c>
      <c r="X95" s="752"/>
      <c r="Y95" s="752"/>
      <c r="Z95" s="592"/>
      <c r="AA95" s="592"/>
      <c r="AB95" s="592"/>
      <c r="AC95" s="267"/>
      <c r="AD95" s="39"/>
    </row>
    <row r="96" spans="1:30" s="54" customFormat="1" ht="13.4" customHeight="1">
      <c r="A96" s="20"/>
      <c r="B96" s="541">
        <v>78</v>
      </c>
      <c r="C96" s="542"/>
      <c r="D96" s="563" t="s">
        <v>2749</v>
      </c>
      <c r="E96" s="564"/>
      <c r="F96" s="564"/>
      <c r="G96" s="564"/>
      <c r="H96" s="564"/>
      <c r="I96" s="564"/>
      <c r="J96" s="564"/>
      <c r="K96" s="564"/>
      <c r="L96" s="564"/>
      <c r="M96" s="564"/>
      <c r="N96" s="564"/>
      <c r="O96" s="564"/>
      <c r="P96" s="564"/>
      <c r="Q96" s="565"/>
      <c r="R96" s="221" t="s">
        <v>2750</v>
      </c>
      <c r="S96" s="546" t="s">
        <v>1856</v>
      </c>
      <c r="T96" s="548"/>
      <c r="U96" s="408" t="s">
        <v>102</v>
      </c>
      <c r="V96" s="210">
        <v>1</v>
      </c>
      <c r="W96" s="210" t="s">
        <v>103</v>
      </c>
      <c r="X96" s="752"/>
      <c r="Y96" s="752"/>
      <c r="Z96" s="592"/>
      <c r="AA96" s="592"/>
      <c r="AB96" s="592"/>
      <c r="AC96" s="267"/>
      <c r="AD96" s="38"/>
    </row>
    <row r="97" spans="1:30" s="54" customFormat="1" ht="13.4" customHeight="1">
      <c r="A97" s="20"/>
      <c r="B97" s="541">
        <v>79</v>
      </c>
      <c r="C97" s="542"/>
      <c r="D97" s="563" t="s">
        <v>2751</v>
      </c>
      <c r="E97" s="564"/>
      <c r="F97" s="564"/>
      <c r="G97" s="564"/>
      <c r="H97" s="564"/>
      <c r="I97" s="564"/>
      <c r="J97" s="564"/>
      <c r="K97" s="564"/>
      <c r="L97" s="564"/>
      <c r="M97" s="564"/>
      <c r="N97" s="564"/>
      <c r="O97" s="564"/>
      <c r="P97" s="564"/>
      <c r="Q97" s="565"/>
      <c r="R97" s="221" t="s">
        <v>2752</v>
      </c>
      <c r="S97" s="546" t="s">
        <v>1856</v>
      </c>
      <c r="T97" s="548"/>
      <c r="U97" s="408" t="s">
        <v>102</v>
      </c>
      <c r="V97" s="210">
        <v>8</v>
      </c>
      <c r="W97" s="210" t="s">
        <v>103</v>
      </c>
      <c r="X97" s="752"/>
      <c r="Y97" s="752"/>
      <c r="Z97" s="592"/>
      <c r="AA97" s="592"/>
      <c r="AB97" s="592"/>
      <c r="AC97" s="267"/>
      <c r="AD97" s="38"/>
    </row>
    <row r="98" spans="1:30" s="54" customFormat="1" ht="13.4" customHeight="1">
      <c r="A98" s="20"/>
      <c r="B98" s="541">
        <v>80</v>
      </c>
      <c r="C98" s="542"/>
      <c r="D98" s="563" t="s">
        <v>2753</v>
      </c>
      <c r="E98" s="564"/>
      <c r="F98" s="564"/>
      <c r="G98" s="564"/>
      <c r="H98" s="564"/>
      <c r="I98" s="564"/>
      <c r="J98" s="564"/>
      <c r="K98" s="564"/>
      <c r="L98" s="564"/>
      <c r="M98" s="564"/>
      <c r="N98" s="564"/>
      <c r="O98" s="564"/>
      <c r="P98" s="564"/>
      <c r="Q98" s="565"/>
      <c r="R98" s="221" t="s">
        <v>2754</v>
      </c>
      <c r="S98" s="546" t="s">
        <v>1856</v>
      </c>
      <c r="T98" s="548"/>
      <c r="U98" s="408" t="s">
        <v>102</v>
      </c>
      <c r="V98" s="210">
        <v>1</v>
      </c>
      <c r="W98" s="210" t="s">
        <v>103</v>
      </c>
      <c r="X98" s="752"/>
      <c r="Y98" s="752"/>
      <c r="Z98" s="592"/>
      <c r="AA98" s="592"/>
      <c r="AB98" s="592"/>
      <c r="AC98" s="267"/>
      <c r="AD98" s="38"/>
    </row>
    <row r="99" spans="1:30" s="54" customFormat="1" ht="13.4" customHeight="1">
      <c r="A99" s="20"/>
      <c r="B99" s="541">
        <v>81</v>
      </c>
      <c r="C99" s="542"/>
      <c r="D99" s="563" t="s">
        <v>2755</v>
      </c>
      <c r="E99" s="564"/>
      <c r="F99" s="564"/>
      <c r="G99" s="564"/>
      <c r="H99" s="564"/>
      <c r="I99" s="564"/>
      <c r="J99" s="564"/>
      <c r="K99" s="564"/>
      <c r="L99" s="564"/>
      <c r="M99" s="564"/>
      <c r="N99" s="564"/>
      <c r="O99" s="564"/>
      <c r="P99" s="564"/>
      <c r="Q99" s="565"/>
      <c r="R99" s="221" t="s">
        <v>2756</v>
      </c>
      <c r="S99" s="546" t="s">
        <v>1856</v>
      </c>
      <c r="T99" s="548"/>
      <c r="U99" s="408" t="s">
        <v>108</v>
      </c>
      <c r="V99" s="210">
        <v>5</v>
      </c>
      <c r="W99" s="210">
        <v>0</v>
      </c>
      <c r="X99" s="752"/>
      <c r="Y99" s="752"/>
      <c r="Z99" s="592"/>
      <c r="AA99" s="592"/>
      <c r="AB99" s="592"/>
      <c r="AC99" s="267"/>
      <c r="AD99" s="38"/>
    </row>
    <row r="100" spans="1:30" s="57" customFormat="1" ht="13.4" customHeight="1">
      <c r="A100" s="394"/>
      <c r="B100" s="541">
        <v>82</v>
      </c>
      <c r="C100" s="542"/>
      <c r="D100" s="563" t="s">
        <v>2757</v>
      </c>
      <c r="E100" s="564"/>
      <c r="F100" s="564"/>
      <c r="G100" s="564"/>
      <c r="H100" s="564"/>
      <c r="I100" s="564"/>
      <c r="J100" s="564"/>
      <c r="K100" s="564"/>
      <c r="L100" s="564"/>
      <c r="M100" s="564"/>
      <c r="N100" s="564"/>
      <c r="O100" s="564"/>
      <c r="P100" s="564"/>
      <c r="Q100" s="565"/>
      <c r="R100" s="221" t="s">
        <v>2758</v>
      </c>
      <c r="S100" s="546" t="s">
        <v>1856</v>
      </c>
      <c r="T100" s="548"/>
      <c r="U100" s="408" t="s">
        <v>710</v>
      </c>
      <c r="V100" s="210">
        <v>7</v>
      </c>
      <c r="W100" s="210">
        <v>3</v>
      </c>
      <c r="X100" s="752"/>
      <c r="Y100" s="752"/>
      <c r="Z100" s="592"/>
      <c r="AA100" s="592"/>
      <c r="AB100" s="592"/>
      <c r="AC100" s="267"/>
      <c r="AD100" s="39"/>
    </row>
    <row r="101" spans="1:30" s="57" customFormat="1" ht="13.4" customHeight="1">
      <c r="A101" s="394"/>
      <c r="B101" s="541">
        <v>83</v>
      </c>
      <c r="C101" s="542"/>
      <c r="D101" s="563" t="s">
        <v>2759</v>
      </c>
      <c r="E101" s="564"/>
      <c r="F101" s="564"/>
      <c r="G101" s="564"/>
      <c r="H101" s="564"/>
      <c r="I101" s="564"/>
      <c r="J101" s="564"/>
      <c r="K101" s="564"/>
      <c r="L101" s="564"/>
      <c r="M101" s="564"/>
      <c r="N101" s="564"/>
      <c r="O101" s="564"/>
      <c r="P101" s="564"/>
      <c r="Q101" s="565"/>
      <c r="R101" s="221" t="s">
        <v>2760</v>
      </c>
      <c r="S101" s="546" t="s">
        <v>1856</v>
      </c>
      <c r="T101" s="548"/>
      <c r="U101" s="408" t="s">
        <v>102</v>
      </c>
      <c r="V101" s="210">
        <v>1</v>
      </c>
      <c r="W101" s="210" t="s">
        <v>103</v>
      </c>
      <c r="X101" s="752"/>
      <c r="Y101" s="752"/>
      <c r="Z101" s="592"/>
      <c r="AA101" s="592"/>
      <c r="AB101" s="592"/>
      <c r="AC101" s="267"/>
      <c r="AD101" s="39"/>
    </row>
    <row r="102" spans="1:30" s="57" customFormat="1" ht="13.4" customHeight="1">
      <c r="A102" s="394"/>
      <c r="B102" s="541">
        <v>84</v>
      </c>
      <c r="C102" s="542"/>
      <c r="D102" s="563" t="s">
        <v>2761</v>
      </c>
      <c r="E102" s="564"/>
      <c r="F102" s="564"/>
      <c r="G102" s="564"/>
      <c r="H102" s="564"/>
      <c r="I102" s="564"/>
      <c r="J102" s="564"/>
      <c r="K102" s="564"/>
      <c r="L102" s="564"/>
      <c r="M102" s="564"/>
      <c r="N102" s="564"/>
      <c r="O102" s="564"/>
      <c r="P102" s="564"/>
      <c r="Q102" s="565"/>
      <c r="R102" s="221" t="s">
        <v>2762</v>
      </c>
      <c r="S102" s="546" t="s">
        <v>1856</v>
      </c>
      <c r="T102" s="548"/>
      <c r="U102" s="408" t="s">
        <v>102</v>
      </c>
      <c r="V102" s="210">
        <v>8</v>
      </c>
      <c r="W102" s="210" t="s">
        <v>103</v>
      </c>
      <c r="X102" s="752"/>
      <c r="Y102" s="752"/>
      <c r="Z102" s="592"/>
      <c r="AA102" s="592"/>
      <c r="AB102" s="592"/>
      <c r="AC102" s="267"/>
      <c r="AD102" s="39"/>
    </row>
    <row r="103" spans="1:30" s="57" customFormat="1" ht="13.4" customHeight="1">
      <c r="A103" s="394"/>
      <c r="B103" s="541">
        <v>85</v>
      </c>
      <c r="C103" s="542"/>
      <c r="D103" s="563" t="s">
        <v>2763</v>
      </c>
      <c r="E103" s="564"/>
      <c r="F103" s="564"/>
      <c r="G103" s="564"/>
      <c r="H103" s="564"/>
      <c r="I103" s="564"/>
      <c r="J103" s="564"/>
      <c r="K103" s="564"/>
      <c r="L103" s="564"/>
      <c r="M103" s="564"/>
      <c r="N103" s="564"/>
      <c r="O103" s="564"/>
      <c r="P103" s="564"/>
      <c r="Q103" s="565"/>
      <c r="R103" s="221" t="s">
        <v>2764</v>
      </c>
      <c r="S103" s="546" t="s">
        <v>1856</v>
      </c>
      <c r="T103" s="548"/>
      <c r="U103" s="408" t="s">
        <v>102</v>
      </c>
      <c r="V103" s="210">
        <v>1</v>
      </c>
      <c r="W103" s="210" t="s">
        <v>103</v>
      </c>
      <c r="X103" s="752"/>
      <c r="Y103" s="752"/>
      <c r="Z103" s="592"/>
      <c r="AA103" s="592"/>
      <c r="AB103" s="592"/>
      <c r="AC103" s="267"/>
      <c r="AD103" s="39"/>
    </row>
    <row r="104" spans="1:30" s="57" customFormat="1" ht="13.4" customHeight="1">
      <c r="A104" s="394"/>
      <c r="B104" s="541">
        <v>86</v>
      </c>
      <c r="C104" s="542"/>
      <c r="D104" s="563" t="s">
        <v>2765</v>
      </c>
      <c r="E104" s="564"/>
      <c r="F104" s="564"/>
      <c r="G104" s="564"/>
      <c r="H104" s="564"/>
      <c r="I104" s="564"/>
      <c r="J104" s="564"/>
      <c r="K104" s="564"/>
      <c r="L104" s="564"/>
      <c r="M104" s="564"/>
      <c r="N104" s="564"/>
      <c r="O104" s="564"/>
      <c r="P104" s="564"/>
      <c r="Q104" s="565"/>
      <c r="R104" s="221" t="s">
        <v>2766</v>
      </c>
      <c r="S104" s="546" t="s">
        <v>1856</v>
      </c>
      <c r="T104" s="548"/>
      <c r="U104" s="408" t="s">
        <v>108</v>
      </c>
      <c r="V104" s="210">
        <v>5</v>
      </c>
      <c r="W104" s="210">
        <v>0</v>
      </c>
      <c r="X104" s="752"/>
      <c r="Y104" s="752"/>
      <c r="Z104" s="592"/>
      <c r="AA104" s="592"/>
      <c r="AB104" s="592"/>
      <c r="AC104" s="267"/>
      <c r="AD104" s="39"/>
    </row>
    <row r="105" spans="1:30" s="57" customFormat="1" ht="13.4" customHeight="1">
      <c r="A105" s="394"/>
      <c r="B105" s="541">
        <v>87</v>
      </c>
      <c r="C105" s="542"/>
      <c r="D105" s="563" t="s">
        <v>2767</v>
      </c>
      <c r="E105" s="564"/>
      <c r="F105" s="564"/>
      <c r="G105" s="564"/>
      <c r="H105" s="564"/>
      <c r="I105" s="564"/>
      <c r="J105" s="564"/>
      <c r="K105" s="564"/>
      <c r="L105" s="564"/>
      <c r="M105" s="564"/>
      <c r="N105" s="564"/>
      <c r="O105" s="564"/>
      <c r="P105" s="564"/>
      <c r="Q105" s="565"/>
      <c r="R105" s="221" t="s">
        <v>2768</v>
      </c>
      <c r="S105" s="546" t="s">
        <v>1856</v>
      </c>
      <c r="T105" s="548"/>
      <c r="U105" s="408" t="s">
        <v>710</v>
      </c>
      <c r="V105" s="210">
        <v>7</v>
      </c>
      <c r="W105" s="210">
        <v>3</v>
      </c>
      <c r="X105" s="752"/>
      <c r="Y105" s="752"/>
      <c r="Z105" s="592"/>
      <c r="AA105" s="592"/>
      <c r="AB105" s="592"/>
      <c r="AC105" s="267"/>
      <c r="AD105" s="39"/>
    </row>
    <row r="106" spans="1:30" s="54" customFormat="1" ht="13.4" customHeight="1">
      <c r="A106" s="20"/>
      <c r="B106" s="541">
        <v>88</v>
      </c>
      <c r="C106" s="542"/>
      <c r="D106" s="563" t="s">
        <v>2769</v>
      </c>
      <c r="E106" s="564"/>
      <c r="F106" s="564"/>
      <c r="G106" s="564"/>
      <c r="H106" s="564"/>
      <c r="I106" s="564"/>
      <c r="J106" s="564"/>
      <c r="K106" s="564"/>
      <c r="L106" s="564"/>
      <c r="M106" s="564"/>
      <c r="N106" s="564"/>
      <c r="O106" s="564"/>
      <c r="P106" s="564"/>
      <c r="Q106" s="565"/>
      <c r="R106" s="221" t="s">
        <v>2770</v>
      </c>
      <c r="S106" s="546" t="s">
        <v>1856</v>
      </c>
      <c r="T106" s="548"/>
      <c r="U106" s="408" t="s">
        <v>102</v>
      </c>
      <c r="V106" s="210">
        <v>1</v>
      </c>
      <c r="W106" s="210" t="s">
        <v>103</v>
      </c>
      <c r="X106" s="752"/>
      <c r="Y106" s="752"/>
      <c r="Z106" s="592"/>
      <c r="AA106" s="592"/>
      <c r="AB106" s="592"/>
      <c r="AC106" s="267"/>
      <c r="AD106" s="38"/>
    </row>
    <row r="107" spans="1:30" s="54" customFormat="1" ht="13.4" customHeight="1">
      <c r="A107" s="20"/>
      <c r="B107" s="541">
        <v>89</v>
      </c>
      <c r="C107" s="542"/>
      <c r="D107" s="563" t="s">
        <v>2771</v>
      </c>
      <c r="E107" s="564"/>
      <c r="F107" s="564"/>
      <c r="G107" s="564"/>
      <c r="H107" s="564"/>
      <c r="I107" s="564"/>
      <c r="J107" s="564"/>
      <c r="K107" s="564"/>
      <c r="L107" s="564"/>
      <c r="M107" s="564"/>
      <c r="N107" s="564"/>
      <c r="O107" s="564"/>
      <c r="P107" s="564"/>
      <c r="Q107" s="565"/>
      <c r="R107" s="221" t="s">
        <v>2772</v>
      </c>
      <c r="S107" s="546" t="s">
        <v>1856</v>
      </c>
      <c r="T107" s="548"/>
      <c r="U107" s="408" t="s">
        <v>102</v>
      </c>
      <c r="V107" s="210">
        <v>8</v>
      </c>
      <c r="W107" s="210" t="s">
        <v>103</v>
      </c>
      <c r="X107" s="752"/>
      <c r="Y107" s="752"/>
      <c r="Z107" s="592"/>
      <c r="AA107" s="592"/>
      <c r="AB107" s="592"/>
      <c r="AC107" s="267"/>
      <c r="AD107" s="38"/>
    </row>
    <row r="108" spans="1:30" s="54" customFormat="1" ht="13.4" customHeight="1">
      <c r="A108" s="20"/>
      <c r="B108" s="541">
        <v>90</v>
      </c>
      <c r="C108" s="542"/>
      <c r="D108" s="563" t="s">
        <v>2773</v>
      </c>
      <c r="E108" s="564"/>
      <c r="F108" s="564"/>
      <c r="G108" s="564"/>
      <c r="H108" s="564"/>
      <c r="I108" s="564"/>
      <c r="J108" s="564"/>
      <c r="K108" s="564"/>
      <c r="L108" s="564"/>
      <c r="M108" s="564"/>
      <c r="N108" s="564"/>
      <c r="O108" s="564"/>
      <c r="P108" s="564"/>
      <c r="Q108" s="565"/>
      <c r="R108" s="221" t="s">
        <v>2774</v>
      </c>
      <c r="S108" s="546" t="s">
        <v>1856</v>
      </c>
      <c r="T108" s="548"/>
      <c r="U108" s="408" t="s">
        <v>102</v>
      </c>
      <c r="V108" s="210">
        <v>1</v>
      </c>
      <c r="W108" s="210" t="s">
        <v>103</v>
      </c>
      <c r="X108" s="752"/>
      <c r="Y108" s="752"/>
      <c r="Z108" s="592"/>
      <c r="AA108" s="592"/>
      <c r="AB108" s="592"/>
      <c r="AC108" s="267"/>
      <c r="AD108" s="38"/>
    </row>
    <row r="109" spans="1:30" s="54" customFormat="1" ht="13.4" customHeight="1">
      <c r="A109" s="20"/>
      <c r="B109" s="541">
        <v>91</v>
      </c>
      <c r="C109" s="542"/>
      <c r="D109" s="563" t="s">
        <v>2775</v>
      </c>
      <c r="E109" s="564"/>
      <c r="F109" s="564"/>
      <c r="G109" s="564"/>
      <c r="H109" s="564"/>
      <c r="I109" s="564"/>
      <c r="J109" s="564"/>
      <c r="K109" s="564"/>
      <c r="L109" s="564"/>
      <c r="M109" s="564"/>
      <c r="N109" s="564"/>
      <c r="O109" s="564"/>
      <c r="P109" s="564"/>
      <c r="Q109" s="565"/>
      <c r="R109" s="221" t="s">
        <v>2776</v>
      </c>
      <c r="S109" s="546" t="s">
        <v>1856</v>
      </c>
      <c r="T109" s="548"/>
      <c r="U109" s="408" t="s">
        <v>108</v>
      </c>
      <c r="V109" s="210">
        <v>5</v>
      </c>
      <c r="W109" s="210">
        <v>0</v>
      </c>
      <c r="X109" s="752"/>
      <c r="Y109" s="752"/>
      <c r="Z109" s="592"/>
      <c r="AA109" s="592"/>
      <c r="AB109" s="592"/>
      <c r="AC109" s="267"/>
      <c r="AD109" s="38"/>
    </row>
    <row r="110" spans="1:30" s="57" customFormat="1" ht="13.4" customHeight="1">
      <c r="A110" s="394"/>
      <c r="B110" s="541">
        <v>92</v>
      </c>
      <c r="C110" s="542"/>
      <c r="D110" s="563" t="s">
        <v>2777</v>
      </c>
      <c r="E110" s="564"/>
      <c r="F110" s="564"/>
      <c r="G110" s="564"/>
      <c r="H110" s="564"/>
      <c r="I110" s="564"/>
      <c r="J110" s="564"/>
      <c r="K110" s="564"/>
      <c r="L110" s="564"/>
      <c r="M110" s="564"/>
      <c r="N110" s="564"/>
      <c r="O110" s="564"/>
      <c r="P110" s="564"/>
      <c r="Q110" s="565"/>
      <c r="R110" s="221" t="s">
        <v>2778</v>
      </c>
      <c r="S110" s="546" t="s">
        <v>1856</v>
      </c>
      <c r="T110" s="548"/>
      <c r="U110" s="408" t="s">
        <v>710</v>
      </c>
      <c r="V110" s="210">
        <v>7</v>
      </c>
      <c r="W110" s="210">
        <v>3</v>
      </c>
      <c r="X110" s="752"/>
      <c r="Y110" s="752"/>
      <c r="Z110" s="592"/>
      <c r="AA110" s="592"/>
      <c r="AB110" s="592"/>
      <c r="AC110" s="267"/>
      <c r="AD110" s="39"/>
    </row>
    <row r="111" spans="1:30" s="57" customFormat="1" ht="13.4" customHeight="1">
      <c r="A111" s="394"/>
      <c r="B111" s="541">
        <v>93</v>
      </c>
      <c r="C111" s="542"/>
      <c r="D111" s="563" t="s">
        <v>2779</v>
      </c>
      <c r="E111" s="564"/>
      <c r="F111" s="564"/>
      <c r="G111" s="564"/>
      <c r="H111" s="564"/>
      <c r="I111" s="564"/>
      <c r="J111" s="564"/>
      <c r="K111" s="564"/>
      <c r="L111" s="564"/>
      <c r="M111" s="564"/>
      <c r="N111" s="564"/>
      <c r="O111" s="564"/>
      <c r="P111" s="564"/>
      <c r="Q111" s="565"/>
      <c r="R111" s="221" t="s">
        <v>2780</v>
      </c>
      <c r="S111" s="546" t="s">
        <v>1856</v>
      </c>
      <c r="T111" s="548"/>
      <c r="U111" s="408" t="s">
        <v>102</v>
      </c>
      <c r="V111" s="210">
        <v>1</v>
      </c>
      <c r="W111" s="210" t="s">
        <v>103</v>
      </c>
      <c r="X111" s="752"/>
      <c r="Y111" s="752"/>
      <c r="Z111" s="592"/>
      <c r="AA111" s="592"/>
      <c r="AB111" s="592"/>
      <c r="AC111" s="267"/>
      <c r="AD111" s="39"/>
    </row>
    <row r="112" spans="1:30" s="57" customFormat="1" ht="13.4" customHeight="1">
      <c r="A112" s="394"/>
      <c r="B112" s="541">
        <v>94</v>
      </c>
      <c r="C112" s="542"/>
      <c r="D112" s="563" t="s">
        <v>2781</v>
      </c>
      <c r="E112" s="564"/>
      <c r="F112" s="564"/>
      <c r="G112" s="564"/>
      <c r="H112" s="564"/>
      <c r="I112" s="564"/>
      <c r="J112" s="564"/>
      <c r="K112" s="564"/>
      <c r="L112" s="564"/>
      <c r="M112" s="564"/>
      <c r="N112" s="564"/>
      <c r="O112" s="564"/>
      <c r="P112" s="564"/>
      <c r="Q112" s="565"/>
      <c r="R112" s="221" t="s">
        <v>2782</v>
      </c>
      <c r="S112" s="546" t="s">
        <v>1856</v>
      </c>
      <c r="T112" s="548"/>
      <c r="U112" s="408" t="s">
        <v>102</v>
      </c>
      <c r="V112" s="210">
        <v>8</v>
      </c>
      <c r="W112" s="210" t="s">
        <v>103</v>
      </c>
      <c r="X112" s="752"/>
      <c r="Y112" s="752"/>
      <c r="Z112" s="592"/>
      <c r="AA112" s="592"/>
      <c r="AB112" s="592"/>
      <c r="AC112" s="267"/>
      <c r="AD112" s="39"/>
    </row>
    <row r="113" spans="1:30" s="57" customFormat="1" ht="13.4" customHeight="1">
      <c r="A113" s="394"/>
      <c r="B113" s="541">
        <v>95</v>
      </c>
      <c r="C113" s="542"/>
      <c r="D113" s="563" t="s">
        <v>2783</v>
      </c>
      <c r="E113" s="564"/>
      <c r="F113" s="564"/>
      <c r="G113" s="564"/>
      <c r="H113" s="564"/>
      <c r="I113" s="564"/>
      <c r="J113" s="564"/>
      <c r="K113" s="564"/>
      <c r="L113" s="564"/>
      <c r="M113" s="564"/>
      <c r="N113" s="564"/>
      <c r="O113" s="564"/>
      <c r="P113" s="564"/>
      <c r="Q113" s="565"/>
      <c r="R113" s="221" t="s">
        <v>2784</v>
      </c>
      <c r="S113" s="546" t="s">
        <v>1856</v>
      </c>
      <c r="T113" s="548"/>
      <c r="U113" s="408" t="s">
        <v>102</v>
      </c>
      <c r="V113" s="210">
        <v>1</v>
      </c>
      <c r="W113" s="210" t="s">
        <v>103</v>
      </c>
      <c r="X113" s="752"/>
      <c r="Y113" s="752"/>
      <c r="Z113" s="592"/>
      <c r="AA113" s="592"/>
      <c r="AB113" s="592"/>
      <c r="AC113" s="267"/>
      <c r="AD113" s="39"/>
    </row>
    <row r="114" spans="1:30" s="57" customFormat="1" ht="13.4" customHeight="1">
      <c r="A114" s="394"/>
      <c r="B114" s="541">
        <v>96</v>
      </c>
      <c r="C114" s="542"/>
      <c r="D114" s="563" t="s">
        <v>2785</v>
      </c>
      <c r="E114" s="564"/>
      <c r="F114" s="564"/>
      <c r="G114" s="564"/>
      <c r="H114" s="564"/>
      <c r="I114" s="564"/>
      <c r="J114" s="564"/>
      <c r="K114" s="564"/>
      <c r="L114" s="564"/>
      <c r="M114" s="564"/>
      <c r="N114" s="564"/>
      <c r="O114" s="564"/>
      <c r="P114" s="564"/>
      <c r="Q114" s="565"/>
      <c r="R114" s="221" t="s">
        <v>2786</v>
      </c>
      <c r="S114" s="546" t="s">
        <v>1856</v>
      </c>
      <c r="T114" s="548"/>
      <c r="U114" s="408" t="s">
        <v>108</v>
      </c>
      <c r="V114" s="210">
        <v>5</v>
      </c>
      <c r="W114" s="210">
        <v>0</v>
      </c>
      <c r="X114" s="752"/>
      <c r="Y114" s="752"/>
      <c r="Z114" s="592"/>
      <c r="AA114" s="592"/>
      <c r="AB114" s="592"/>
      <c r="AC114" s="267"/>
      <c r="AD114" s="39"/>
    </row>
    <row r="115" spans="1:30" s="57" customFormat="1" ht="13.4" customHeight="1">
      <c r="A115" s="394"/>
      <c r="B115" s="541">
        <v>97</v>
      </c>
      <c r="C115" s="542"/>
      <c r="D115" s="563" t="s">
        <v>2787</v>
      </c>
      <c r="E115" s="564"/>
      <c r="F115" s="564"/>
      <c r="G115" s="564"/>
      <c r="H115" s="564"/>
      <c r="I115" s="564"/>
      <c r="J115" s="564"/>
      <c r="K115" s="564"/>
      <c r="L115" s="564"/>
      <c r="M115" s="564"/>
      <c r="N115" s="564"/>
      <c r="O115" s="564"/>
      <c r="P115" s="564"/>
      <c r="Q115" s="565"/>
      <c r="R115" s="221" t="s">
        <v>2788</v>
      </c>
      <c r="S115" s="546" t="s">
        <v>1856</v>
      </c>
      <c r="T115" s="548"/>
      <c r="U115" s="408" t="s">
        <v>710</v>
      </c>
      <c r="V115" s="210">
        <v>7</v>
      </c>
      <c r="W115" s="210">
        <v>3</v>
      </c>
      <c r="X115" s="752"/>
      <c r="Y115" s="752"/>
      <c r="Z115" s="592"/>
      <c r="AA115" s="592"/>
      <c r="AB115" s="592"/>
      <c r="AC115" s="267"/>
      <c r="AD115" s="39"/>
    </row>
    <row r="116" spans="1:30" s="54" customFormat="1" ht="13.4" customHeight="1">
      <c r="A116" s="20"/>
      <c r="B116" s="541">
        <v>98</v>
      </c>
      <c r="C116" s="542"/>
      <c r="D116" s="563" t="s">
        <v>2789</v>
      </c>
      <c r="E116" s="564"/>
      <c r="F116" s="564"/>
      <c r="G116" s="564"/>
      <c r="H116" s="564"/>
      <c r="I116" s="564"/>
      <c r="J116" s="564"/>
      <c r="K116" s="564"/>
      <c r="L116" s="564"/>
      <c r="M116" s="564"/>
      <c r="N116" s="564"/>
      <c r="O116" s="564"/>
      <c r="P116" s="564"/>
      <c r="Q116" s="565"/>
      <c r="R116" s="221" t="s">
        <v>2790</v>
      </c>
      <c r="S116" s="546" t="s">
        <v>1856</v>
      </c>
      <c r="T116" s="548"/>
      <c r="U116" s="408" t="s">
        <v>102</v>
      </c>
      <c r="V116" s="210">
        <v>1</v>
      </c>
      <c r="W116" s="210" t="s">
        <v>103</v>
      </c>
      <c r="X116" s="752"/>
      <c r="Y116" s="752"/>
      <c r="Z116" s="592"/>
      <c r="AA116" s="592"/>
      <c r="AB116" s="592"/>
      <c r="AC116" s="267"/>
      <c r="AD116" s="38"/>
    </row>
    <row r="117" spans="1:30" s="54" customFormat="1" ht="13.4" customHeight="1">
      <c r="A117" s="20"/>
      <c r="B117" s="541">
        <v>99</v>
      </c>
      <c r="C117" s="542"/>
      <c r="D117" s="563" t="s">
        <v>2791</v>
      </c>
      <c r="E117" s="564"/>
      <c r="F117" s="564"/>
      <c r="G117" s="564"/>
      <c r="H117" s="564"/>
      <c r="I117" s="564"/>
      <c r="J117" s="564"/>
      <c r="K117" s="564"/>
      <c r="L117" s="564"/>
      <c r="M117" s="564"/>
      <c r="N117" s="564"/>
      <c r="O117" s="564"/>
      <c r="P117" s="564"/>
      <c r="Q117" s="565"/>
      <c r="R117" s="221" t="s">
        <v>2792</v>
      </c>
      <c r="S117" s="546" t="s">
        <v>1856</v>
      </c>
      <c r="T117" s="548"/>
      <c r="U117" s="408" t="s">
        <v>102</v>
      </c>
      <c r="V117" s="210">
        <v>8</v>
      </c>
      <c r="W117" s="210" t="s">
        <v>103</v>
      </c>
      <c r="X117" s="752"/>
      <c r="Y117" s="752"/>
      <c r="Z117" s="592"/>
      <c r="AA117" s="592"/>
      <c r="AB117" s="592"/>
      <c r="AC117" s="267"/>
      <c r="AD117" s="38"/>
    </row>
    <row r="118" spans="1:30" s="54" customFormat="1" ht="13.4" customHeight="1">
      <c r="A118" s="20"/>
      <c r="B118" s="541">
        <v>100</v>
      </c>
      <c r="C118" s="542"/>
      <c r="D118" s="563" t="s">
        <v>2793</v>
      </c>
      <c r="E118" s="564"/>
      <c r="F118" s="564"/>
      <c r="G118" s="564"/>
      <c r="H118" s="564"/>
      <c r="I118" s="564"/>
      <c r="J118" s="564"/>
      <c r="K118" s="564"/>
      <c r="L118" s="564"/>
      <c r="M118" s="564"/>
      <c r="N118" s="564"/>
      <c r="O118" s="564"/>
      <c r="P118" s="564"/>
      <c r="Q118" s="565"/>
      <c r="R118" s="221" t="s">
        <v>2794</v>
      </c>
      <c r="S118" s="546" t="s">
        <v>1856</v>
      </c>
      <c r="T118" s="548"/>
      <c r="U118" s="408" t="s">
        <v>102</v>
      </c>
      <c r="V118" s="210">
        <v>1</v>
      </c>
      <c r="W118" s="210" t="s">
        <v>103</v>
      </c>
      <c r="X118" s="752"/>
      <c r="Y118" s="752"/>
      <c r="Z118" s="592"/>
      <c r="AA118" s="592"/>
      <c r="AB118" s="592"/>
      <c r="AC118" s="267"/>
      <c r="AD118" s="38"/>
    </row>
    <row r="119" spans="1:30" s="54" customFormat="1" ht="13.4" customHeight="1">
      <c r="A119" s="20"/>
      <c r="B119" s="541">
        <v>101</v>
      </c>
      <c r="C119" s="542"/>
      <c r="D119" s="563" t="s">
        <v>2795</v>
      </c>
      <c r="E119" s="564"/>
      <c r="F119" s="564"/>
      <c r="G119" s="564"/>
      <c r="H119" s="564"/>
      <c r="I119" s="564"/>
      <c r="J119" s="564"/>
      <c r="K119" s="564"/>
      <c r="L119" s="564"/>
      <c r="M119" s="564"/>
      <c r="N119" s="564"/>
      <c r="O119" s="564"/>
      <c r="P119" s="564"/>
      <c r="Q119" s="565"/>
      <c r="R119" s="221" t="s">
        <v>2796</v>
      </c>
      <c r="S119" s="546" t="s">
        <v>1856</v>
      </c>
      <c r="T119" s="548"/>
      <c r="U119" s="408" t="s">
        <v>108</v>
      </c>
      <c r="V119" s="210">
        <v>5</v>
      </c>
      <c r="W119" s="210">
        <v>0</v>
      </c>
      <c r="X119" s="752"/>
      <c r="Y119" s="752"/>
      <c r="Z119" s="592"/>
      <c r="AA119" s="592"/>
      <c r="AB119" s="592"/>
      <c r="AC119" s="267"/>
      <c r="AD119" s="38"/>
    </row>
    <row r="120" spans="1:30" s="54" customFormat="1" ht="13.4" customHeight="1">
      <c r="A120" s="20"/>
      <c r="B120" s="541">
        <v>102</v>
      </c>
      <c r="C120" s="542"/>
      <c r="D120" s="563" t="s">
        <v>2797</v>
      </c>
      <c r="E120" s="564"/>
      <c r="F120" s="564"/>
      <c r="G120" s="564"/>
      <c r="H120" s="564"/>
      <c r="I120" s="564"/>
      <c r="J120" s="564"/>
      <c r="K120" s="564"/>
      <c r="L120" s="564"/>
      <c r="M120" s="564"/>
      <c r="N120" s="564"/>
      <c r="O120" s="564"/>
      <c r="P120" s="564"/>
      <c r="Q120" s="565"/>
      <c r="R120" s="221" t="s">
        <v>2798</v>
      </c>
      <c r="S120" s="546" t="s">
        <v>1856</v>
      </c>
      <c r="T120" s="548"/>
      <c r="U120" s="408" t="s">
        <v>710</v>
      </c>
      <c r="V120" s="210">
        <v>7</v>
      </c>
      <c r="W120" s="210">
        <v>3</v>
      </c>
      <c r="X120" s="752"/>
      <c r="Y120" s="752"/>
      <c r="Z120" s="592"/>
      <c r="AA120" s="592"/>
      <c r="AB120" s="592"/>
      <c r="AC120" s="267"/>
      <c r="AD120" s="38"/>
    </row>
    <row r="121" spans="1:30" s="57" customFormat="1" ht="13.4" customHeight="1">
      <c r="A121" s="394"/>
      <c r="B121" s="541">
        <v>103</v>
      </c>
      <c r="C121" s="542"/>
      <c r="D121" s="563" t="s">
        <v>2799</v>
      </c>
      <c r="E121" s="564"/>
      <c r="F121" s="564"/>
      <c r="G121" s="564"/>
      <c r="H121" s="564"/>
      <c r="I121" s="564"/>
      <c r="J121" s="564"/>
      <c r="K121" s="564"/>
      <c r="L121" s="564"/>
      <c r="M121" s="564"/>
      <c r="N121" s="564"/>
      <c r="O121" s="564"/>
      <c r="P121" s="564"/>
      <c r="Q121" s="565"/>
      <c r="R121" s="221" t="s">
        <v>2800</v>
      </c>
      <c r="S121" s="546" t="s">
        <v>1856</v>
      </c>
      <c r="T121" s="548"/>
      <c r="U121" s="408" t="s">
        <v>102</v>
      </c>
      <c r="V121" s="210">
        <v>1</v>
      </c>
      <c r="W121" s="210" t="s">
        <v>103</v>
      </c>
      <c r="X121" s="752"/>
      <c r="Y121" s="752"/>
      <c r="Z121" s="592"/>
      <c r="AA121" s="592"/>
      <c r="AB121" s="592"/>
      <c r="AC121" s="267"/>
      <c r="AD121" s="39"/>
    </row>
    <row r="122" spans="1:30" s="54" customFormat="1" ht="13.4" customHeight="1">
      <c r="A122" s="20"/>
      <c r="B122" s="541">
        <v>104</v>
      </c>
      <c r="C122" s="542"/>
      <c r="D122" s="563" t="s">
        <v>2801</v>
      </c>
      <c r="E122" s="564"/>
      <c r="F122" s="564"/>
      <c r="G122" s="564"/>
      <c r="H122" s="564"/>
      <c r="I122" s="564"/>
      <c r="J122" s="564"/>
      <c r="K122" s="564"/>
      <c r="L122" s="564"/>
      <c r="M122" s="564"/>
      <c r="N122" s="564"/>
      <c r="O122" s="564"/>
      <c r="P122" s="564"/>
      <c r="Q122" s="565"/>
      <c r="R122" s="221" t="s">
        <v>2802</v>
      </c>
      <c r="S122" s="546" t="s">
        <v>1856</v>
      </c>
      <c r="T122" s="548"/>
      <c r="U122" s="408" t="s">
        <v>102</v>
      </c>
      <c r="V122" s="210">
        <v>8</v>
      </c>
      <c r="W122" s="210" t="s">
        <v>103</v>
      </c>
      <c r="X122" s="752"/>
      <c r="Y122" s="752"/>
      <c r="Z122" s="592"/>
      <c r="AA122" s="592"/>
      <c r="AB122" s="592"/>
      <c r="AC122" s="267"/>
      <c r="AD122" s="38"/>
    </row>
    <row r="123" spans="1:30" s="54" customFormat="1" ht="13.4" customHeight="1">
      <c r="A123" s="20"/>
      <c r="B123" s="541">
        <v>105</v>
      </c>
      <c r="C123" s="542"/>
      <c r="D123" s="563" t="s">
        <v>2803</v>
      </c>
      <c r="E123" s="564"/>
      <c r="F123" s="564"/>
      <c r="G123" s="564"/>
      <c r="H123" s="564"/>
      <c r="I123" s="564"/>
      <c r="J123" s="564"/>
      <c r="K123" s="564"/>
      <c r="L123" s="564"/>
      <c r="M123" s="564"/>
      <c r="N123" s="564"/>
      <c r="O123" s="564"/>
      <c r="P123" s="564"/>
      <c r="Q123" s="565"/>
      <c r="R123" s="221" t="s">
        <v>2804</v>
      </c>
      <c r="S123" s="546" t="s">
        <v>1856</v>
      </c>
      <c r="T123" s="548"/>
      <c r="U123" s="408" t="s">
        <v>102</v>
      </c>
      <c r="V123" s="210">
        <v>1</v>
      </c>
      <c r="W123" s="210" t="s">
        <v>103</v>
      </c>
      <c r="X123" s="752"/>
      <c r="Y123" s="752"/>
      <c r="Z123" s="592"/>
      <c r="AA123" s="592"/>
      <c r="AB123" s="592"/>
      <c r="AC123" s="267"/>
      <c r="AD123" s="38"/>
    </row>
    <row r="124" spans="1:30" s="54" customFormat="1" ht="13.4" customHeight="1">
      <c r="A124" s="20"/>
      <c r="B124" s="541">
        <v>106</v>
      </c>
      <c r="C124" s="542"/>
      <c r="D124" s="563" t="s">
        <v>2805</v>
      </c>
      <c r="E124" s="564"/>
      <c r="F124" s="564"/>
      <c r="G124" s="564"/>
      <c r="H124" s="564"/>
      <c r="I124" s="564"/>
      <c r="J124" s="564"/>
      <c r="K124" s="564"/>
      <c r="L124" s="564"/>
      <c r="M124" s="564"/>
      <c r="N124" s="564"/>
      <c r="O124" s="564"/>
      <c r="P124" s="564"/>
      <c r="Q124" s="565"/>
      <c r="R124" s="221" t="s">
        <v>2806</v>
      </c>
      <c r="S124" s="546" t="s">
        <v>1856</v>
      </c>
      <c r="T124" s="548"/>
      <c r="U124" s="408" t="s">
        <v>108</v>
      </c>
      <c r="V124" s="210">
        <v>5</v>
      </c>
      <c r="W124" s="210">
        <v>0</v>
      </c>
      <c r="X124" s="752"/>
      <c r="Y124" s="752"/>
      <c r="Z124" s="592"/>
      <c r="AA124" s="592"/>
      <c r="AB124" s="592"/>
      <c r="AC124" s="267"/>
      <c r="AD124" s="38"/>
    </row>
    <row r="125" spans="1:30" s="54" customFormat="1" ht="13.4" customHeight="1">
      <c r="A125" s="20"/>
      <c r="B125" s="541">
        <v>107</v>
      </c>
      <c r="C125" s="542"/>
      <c r="D125" s="563" t="s">
        <v>2807</v>
      </c>
      <c r="E125" s="564"/>
      <c r="F125" s="564"/>
      <c r="G125" s="564"/>
      <c r="H125" s="564"/>
      <c r="I125" s="564"/>
      <c r="J125" s="564"/>
      <c r="K125" s="564"/>
      <c r="L125" s="564"/>
      <c r="M125" s="564"/>
      <c r="N125" s="564"/>
      <c r="O125" s="564"/>
      <c r="P125" s="564"/>
      <c r="Q125" s="565"/>
      <c r="R125" s="221" t="s">
        <v>2808</v>
      </c>
      <c r="S125" s="546" t="s">
        <v>1856</v>
      </c>
      <c r="T125" s="548"/>
      <c r="U125" s="408" t="s">
        <v>710</v>
      </c>
      <c r="V125" s="210">
        <v>7</v>
      </c>
      <c r="W125" s="210">
        <v>3</v>
      </c>
      <c r="X125" s="752"/>
      <c r="Y125" s="752"/>
      <c r="Z125" s="592"/>
      <c r="AA125" s="592"/>
      <c r="AB125" s="592"/>
      <c r="AC125" s="267"/>
      <c r="AD125" s="38"/>
    </row>
    <row r="126" spans="1:30" s="57" customFormat="1" ht="13.4" customHeight="1">
      <c r="A126" s="394"/>
      <c r="B126" s="541">
        <v>108</v>
      </c>
      <c r="C126" s="542"/>
      <c r="D126" s="563" t="s">
        <v>2809</v>
      </c>
      <c r="E126" s="564"/>
      <c r="F126" s="564"/>
      <c r="G126" s="564"/>
      <c r="H126" s="564"/>
      <c r="I126" s="564"/>
      <c r="J126" s="564"/>
      <c r="K126" s="564"/>
      <c r="L126" s="564"/>
      <c r="M126" s="564"/>
      <c r="N126" s="564"/>
      <c r="O126" s="564"/>
      <c r="P126" s="564"/>
      <c r="Q126" s="565"/>
      <c r="R126" s="221" t="s">
        <v>2810</v>
      </c>
      <c r="S126" s="546" t="s">
        <v>1856</v>
      </c>
      <c r="T126" s="548"/>
      <c r="U126" s="408" t="s">
        <v>102</v>
      </c>
      <c r="V126" s="210">
        <v>1</v>
      </c>
      <c r="W126" s="210" t="s">
        <v>103</v>
      </c>
      <c r="X126" s="752"/>
      <c r="Y126" s="752"/>
      <c r="Z126" s="592"/>
      <c r="AA126" s="592"/>
      <c r="AB126" s="592"/>
      <c r="AC126" s="267"/>
      <c r="AD126" s="39"/>
    </row>
    <row r="127" spans="1:30" s="57" customFormat="1" ht="13.4" customHeight="1">
      <c r="A127" s="394"/>
      <c r="B127" s="541">
        <v>109</v>
      </c>
      <c r="C127" s="542"/>
      <c r="D127" s="563" t="s">
        <v>2811</v>
      </c>
      <c r="E127" s="564"/>
      <c r="F127" s="564"/>
      <c r="G127" s="564"/>
      <c r="H127" s="564"/>
      <c r="I127" s="564"/>
      <c r="J127" s="564"/>
      <c r="K127" s="564"/>
      <c r="L127" s="564"/>
      <c r="M127" s="564"/>
      <c r="N127" s="564"/>
      <c r="O127" s="564"/>
      <c r="P127" s="564"/>
      <c r="Q127" s="565"/>
      <c r="R127" s="221" t="s">
        <v>2812</v>
      </c>
      <c r="S127" s="546" t="s">
        <v>1856</v>
      </c>
      <c r="T127" s="548"/>
      <c r="U127" s="408" t="s">
        <v>102</v>
      </c>
      <c r="V127" s="210">
        <v>8</v>
      </c>
      <c r="W127" s="210" t="s">
        <v>103</v>
      </c>
      <c r="X127" s="752"/>
      <c r="Y127" s="752"/>
      <c r="Z127" s="592"/>
      <c r="AA127" s="592"/>
      <c r="AB127" s="592"/>
      <c r="AC127" s="267"/>
      <c r="AD127" s="39"/>
    </row>
    <row r="128" spans="1:30" s="57" customFormat="1" ht="13.4" customHeight="1">
      <c r="A128" s="394"/>
      <c r="B128" s="541">
        <v>110</v>
      </c>
      <c r="C128" s="542"/>
      <c r="D128" s="563" t="s">
        <v>2813</v>
      </c>
      <c r="E128" s="564"/>
      <c r="F128" s="564"/>
      <c r="G128" s="564"/>
      <c r="H128" s="564"/>
      <c r="I128" s="564"/>
      <c r="J128" s="564"/>
      <c r="K128" s="564"/>
      <c r="L128" s="564"/>
      <c r="M128" s="564"/>
      <c r="N128" s="564"/>
      <c r="O128" s="564"/>
      <c r="P128" s="564"/>
      <c r="Q128" s="565"/>
      <c r="R128" s="221" t="s">
        <v>2814</v>
      </c>
      <c r="S128" s="546" t="s">
        <v>1856</v>
      </c>
      <c r="T128" s="548"/>
      <c r="U128" s="408" t="s">
        <v>102</v>
      </c>
      <c r="V128" s="210">
        <v>1</v>
      </c>
      <c r="W128" s="210" t="s">
        <v>103</v>
      </c>
      <c r="X128" s="752"/>
      <c r="Y128" s="752"/>
      <c r="Z128" s="592"/>
      <c r="AA128" s="592"/>
      <c r="AB128" s="592"/>
      <c r="AC128" s="267"/>
      <c r="AD128" s="39"/>
    </row>
    <row r="129" spans="1:30" s="57" customFormat="1" ht="13.4" customHeight="1">
      <c r="A129" s="394"/>
      <c r="B129" s="541">
        <v>111</v>
      </c>
      <c r="C129" s="542"/>
      <c r="D129" s="563" t="s">
        <v>2815</v>
      </c>
      <c r="E129" s="564"/>
      <c r="F129" s="564"/>
      <c r="G129" s="564"/>
      <c r="H129" s="564"/>
      <c r="I129" s="564"/>
      <c r="J129" s="564"/>
      <c r="K129" s="564"/>
      <c r="L129" s="564"/>
      <c r="M129" s="564"/>
      <c r="N129" s="564"/>
      <c r="O129" s="564"/>
      <c r="P129" s="564"/>
      <c r="Q129" s="565"/>
      <c r="R129" s="221" t="s">
        <v>2816</v>
      </c>
      <c r="S129" s="546" t="s">
        <v>1856</v>
      </c>
      <c r="T129" s="548"/>
      <c r="U129" s="408" t="s">
        <v>108</v>
      </c>
      <c r="V129" s="210">
        <v>5</v>
      </c>
      <c r="W129" s="210">
        <v>0</v>
      </c>
      <c r="X129" s="752"/>
      <c r="Y129" s="752"/>
      <c r="Z129" s="592"/>
      <c r="AA129" s="592"/>
      <c r="AB129" s="592"/>
      <c r="AC129" s="267"/>
      <c r="AD129" s="39"/>
    </row>
    <row r="130" spans="1:30" s="57" customFormat="1" ht="13.4" customHeight="1">
      <c r="A130" s="394"/>
      <c r="B130" s="541">
        <v>112</v>
      </c>
      <c r="C130" s="542"/>
      <c r="D130" s="563" t="s">
        <v>2817</v>
      </c>
      <c r="E130" s="564"/>
      <c r="F130" s="564"/>
      <c r="G130" s="564"/>
      <c r="H130" s="564"/>
      <c r="I130" s="564"/>
      <c r="J130" s="564"/>
      <c r="K130" s="564"/>
      <c r="L130" s="564"/>
      <c r="M130" s="564"/>
      <c r="N130" s="564"/>
      <c r="O130" s="564"/>
      <c r="P130" s="564"/>
      <c r="Q130" s="565"/>
      <c r="R130" s="221" t="s">
        <v>2818</v>
      </c>
      <c r="S130" s="546" t="s">
        <v>1856</v>
      </c>
      <c r="T130" s="548"/>
      <c r="U130" s="408" t="s">
        <v>710</v>
      </c>
      <c r="V130" s="210">
        <v>7</v>
      </c>
      <c r="W130" s="210">
        <v>3</v>
      </c>
      <c r="X130" s="752"/>
      <c r="Y130" s="752"/>
      <c r="Z130" s="592"/>
      <c r="AA130" s="592"/>
      <c r="AB130" s="592"/>
      <c r="AC130" s="267"/>
      <c r="AD130" s="39"/>
    </row>
    <row r="131" spans="1:30" s="57" customFormat="1" ht="13.4" customHeight="1">
      <c r="A131" s="394"/>
      <c r="B131" s="541">
        <v>113</v>
      </c>
      <c r="C131" s="542"/>
      <c r="D131" s="563" t="s">
        <v>2819</v>
      </c>
      <c r="E131" s="564"/>
      <c r="F131" s="564"/>
      <c r="G131" s="564"/>
      <c r="H131" s="564"/>
      <c r="I131" s="564"/>
      <c r="J131" s="564"/>
      <c r="K131" s="564"/>
      <c r="L131" s="564"/>
      <c r="M131" s="564"/>
      <c r="N131" s="564"/>
      <c r="O131" s="564"/>
      <c r="P131" s="564"/>
      <c r="Q131" s="565"/>
      <c r="R131" s="221" t="s">
        <v>2820</v>
      </c>
      <c r="S131" s="546" t="s">
        <v>1856</v>
      </c>
      <c r="T131" s="548"/>
      <c r="U131" s="408" t="s">
        <v>102</v>
      </c>
      <c r="V131" s="210">
        <v>1</v>
      </c>
      <c r="W131" s="210" t="s">
        <v>103</v>
      </c>
      <c r="X131" s="752"/>
      <c r="Y131" s="752"/>
      <c r="Z131" s="592"/>
      <c r="AA131" s="592"/>
      <c r="AB131" s="592"/>
      <c r="AC131" s="267"/>
      <c r="AD131" s="39"/>
    </row>
    <row r="132" spans="1:30" s="54" customFormat="1" ht="29.5" customHeight="1">
      <c r="A132" s="20"/>
      <c r="B132" s="541">
        <v>114</v>
      </c>
      <c r="C132" s="542"/>
      <c r="D132" s="563" t="s">
        <v>2821</v>
      </c>
      <c r="E132" s="564"/>
      <c r="F132" s="564"/>
      <c r="G132" s="564"/>
      <c r="H132" s="564"/>
      <c r="I132" s="564"/>
      <c r="J132" s="564"/>
      <c r="K132" s="564"/>
      <c r="L132" s="564"/>
      <c r="M132" s="564"/>
      <c r="N132" s="564"/>
      <c r="O132" s="564"/>
      <c r="P132" s="564"/>
      <c r="Q132" s="565"/>
      <c r="R132" s="221" t="s">
        <v>2822</v>
      </c>
      <c r="S132" s="546" t="s">
        <v>1856</v>
      </c>
      <c r="T132" s="548"/>
      <c r="U132" s="408" t="s">
        <v>102</v>
      </c>
      <c r="V132" s="210">
        <v>8</v>
      </c>
      <c r="W132" s="210" t="s">
        <v>103</v>
      </c>
      <c r="X132" s="752"/>
      <c r="Y132" s="752"/>
      <c r="Z132" s="592"/>
      <c r="AA132" s="592"/>
      <c r="AB132" s="592"/>
      <c r="AC132" s="267"/>
      <c r="AD132" s="38"/>
    </row>
    <row r="133" spans="1:30" s="54" customFormat="1" ht="33.65" customHeight="1">
      <c r="A133" s="20"/>
      <c r="B133" s="541">
        <v>115</v>
      </c>
      <c r="C133" s="542"/>
      <c r="D133" s="563" t="s">
        <v>2823</v>
      </c>
      <c r="E133" s="564"/>
      <c r="F133" s="564"/>
      <c r="G133" s="564"/>
      <c r="H133" s="564"/>
      <c r="I133" s="564"/>
      <c r="J133" s="564"/>
      <c r="K133" s="564"/>
      <c r="L133" s="564"/>
      <c r="M133" s="564"/>
      <c r="N133" s="564"/>
      <c r="O133" s="564"/>
      <c r="P133" s="564"/>
      <c r="Q133" s="565"/>
      <c r="R133" s="221" t="s">
        <v>2824</v>
      </c>
      <c r="S133" s="546" t="s">
        <v>1856</v>
      </c>
      <c r="T133" s="548"/>
      <c r="U133" s="408" t="s">
        <v>102</v>
      </c>
      <c r="V133" s="210">
        <v>1</v>
      </c>
      <c r="W133" s="210" t="s">
        <v>103</v>
      </c>
      <c r="X133" s="752"/>
      <c r="Y133" s="752"/>
      <c r="Z133" s="592"/>
      <c r="AA133" s="592"/>
      <c r="AB133" s="592"/>
      <c r="AC133" s="267"/>
      <c r="AD133" s="38"/>
    </row>
    <row r="134" spans="1:30" s="54" customFormat="1" ht="29.15" customHeight="1">
      <c r="A134" s="20"/>
      <c r="B134" s="541">
        <v>116</v>
      </c>
      <c r="C134" s="542"/>
      <c r="D134" s="563" t="s">
        <v>2825</v>
      </c>
      <c r="E134" s="564"/>
      <c r="F134" s="564"/>
      <c r="G134" s="564"/>
      <c r="H134" s="564"/>
      <c r="I134" s="564"/>
      <c r="J134" s="564"/>
      <c r="K134" s="564"/>
      <c r="L134" s="564"/>
      <c r="M134" s="564"/>
      <c r="N134" s="564"/>
      <c r="O134" s="564"/>
      <c r="P134" s="564"/>
      <c r="Q134" s="565"/>
      <c r="R134" s="221" t="s">
        <v>2826</v>
      </c>
      <c r="S134" s="546" t="s">
        <v>1856</v>
      </c>
      <c r="T134" s="548"/>
      <c r="U134" s="408" t="s">
        <v>102</v>
      </c>
      <c r="V134" s="210">
        <v>1</v>
      </c>
      <c r="W134" s="210" t="s">
        <v>103</v>
      </c>
      <c r="X134" s="752"/>
      <c r="Y134" s="752"/>
      <c r="Z134" s="592"/>
      <c r="AA134" s="592"/>
      <c r="AB134" s="592"/>
      <c r="AC134" s="267"/>
      <c r="AD134" s="38"/>
    </row>
    <row r="135" spans="1:30" s="54" customFormat="1" ht="59.15" customHeight="1">
      <c r="A135" s="20"/>
      <c r="B135" s="541">
        <v>117</v>
      </c>
      <c r="C135" s="542"/>
      <c r="D135" s="727" t="s">
        <v>2827</v>
      </c>
      <c r="E135" s="728"/>
      <c r="F135" s="728"/>
      <c r="G135" s="728"/>
      <c r="H135" s="728"/>
      <c r="I135" s="728"/>
      <c r="J135" s="728"/>
      <c r="K135" s="728"/>
      <c r="L135" s="728"/>
      <c r="M135" s="728"/>
      <c r="N135" s="728"/>
      <c r="O135" s="728"/>
      <c r="P135" s="728"/>
      <c r="Q135" s="729"/>
      <c r="R135" s="221" t="s">
        <v>2828</v>
      </c>
      <c r="S135" s="546" t="s">
        <v>1856</v>
      </c>
      <c r="T135" s="548"/>
      <c r="U135" s="408" t="s">
        <v>710</v>
      </c>
      <c r="V135" s="210">
        <v>7</v>
      </c>
      <c r="W135" s="210">
        <v>3</v>
      </c>
      <c r="X135" s="752"/>
      <c r="Y135" s="752"/>
      <c r="Z135" s="592"/>
      <c r="AA135" s="592"/>
      <c r="AB135" s="592"/>
      <c r="AC135" s="267"/>
      <c r="AD135" s="38"/>
    </row>
    <row r="136" spans="1:30" s="54" customFormat="1" ht="27.65" customHeight="1">
      <c r="A136" s="20"/>
      <c r="B136" s="541">
        <v>118</v>
      </c>
      <c r="C136" s="542"/>
      <c r="D136" s="727" t="s">
        <v>2829</v>
      </c>
      <c r="E136" s="728"/>
      <c r="F136" s="728"/>
      <c r="G136" s="728"/>
      <c r="H136" s="728"/>
      <c r="I136" s="728"/>
      <c r="J136" s="728"/>
      <c r="K136" s="728"/>
      <c r="L136" s="728"/>
      <c r="M136" s="728"/>
      <c r="N136" s="728"/>
      <c r="O136" s="728"/>
      <c r="P136" s="728"/>
      <c r="Q136" s="729"/>
      <c r="R136" s="221" t="s">
        <v>2830</v>
      </c>
      <c r="S136" s="546" t="s">
        <v>1856</v>
      </c>
      <c r="T136" s="548"/>
      <c r="U136" s="408" t="s">
        <v>710</v>
      </c>
      <c r="V136" s="210">
        <v>7</v>
      </c>
      <c r="W136" s="210">
        <v>3</v>
      </c>
      <c r="X136" s="752"/>
      <c r="Y136" s="752"/>
      <c r="Z136" s="592"/>
      <c r="AA136" s="592"/>
      <c r="AB136" s="592"/>
      <c r="AC136" s="267"/>
      <c r="AD136" s="38"/>
    </row>
    <row r="137" spans="1:30" s="57" customFormat="1" ht="30" customHeight="1">
      <c r="A137" s="394"/>
      <c r="B137" s="541">
        <v>119</v>
      </c>
      <c r="C137" s="542"/>
      <c r="D137" s="727" t="s">
        <v>2831</v>
      </c>
      <c r="E137" s="728"/>
      <c r="F137" s="728"/>
      <c r="G137" s="728"/>
      <c r="H137" s="728"/>
      <c r="I137" s="728"/>
      <c r="J137" s="728"/>
      <c r="K137" s="728"/>
      <c r="L137" s="728"/>
      <c r="M137" s="728"/>
      <c r="N137" s="728"/>
      <c r="O137" s="728"/>
      <c r="P137" s="728"/>
      <c r="Q137" s="729"/>
      <c r="R137" s="221" t="s">
        <v>2832</v>
      </c>
      <c r="S137" s="546" t="s">
        <v>1856</v>
      </c>
      <c r="T137" s="548"/>
      <c r="U137" s="408" t="s">
        <v>710</v>
      </c>
      <c r="V137" s="210">
        <v>7</v>
      </c>
      <c r="W137" s="210">
        <v>3</v>
      </c>
      <c r="X137" s="752"/>
      <c r="Y137" s="752"/>
      <c r="Z137" s="592"/>
      <c r="AA137" s="592"/>
      <c r="AB137" s="592"/>
      <c r="AC137" s="267"/>
      <c r="AD137" s="39"/>
    </row>
    <row r="138" spans="1:30" s="54" customFormat="1" ht="26.5" customHeight="1">
      <c r="A138" s="20"/>
      <c r="B138" s="541">
        <v>120</v>
      </c>
      <c r="C138" s="542"/>
      <c r="D138" s="727" t="s">
        <v>2833</v>
      </c>
      <c r="E138" s="728"/>
      <c r="F138" s="728"/>
      <c r="G138" s="728"/>
      <c r="H138" s="728"/>
      <c r="I138" s="728"/>
      <c r="J138" s="728"/>
      <c r="K138" s="728"/>
      <c r="L138" s="728"/>
      <c r="M138" s="728"/>
      <c r="N138" s="728"/>
      <c r="O138" s="728"/>
      <c r="P138" s="728"/>
      <c r="Q138" s="729"/>
      <c r="R138" s="221" t="s">
        <v>2834</v>
      </c>
      <c r="S138" s="546" t="s">
        <v>1856</v>
      </c>
      <c r="T138" s="548"/>
      <c r="U138" s="408" t="s">
        <v>710</v>
      </c>
      <c r="V138" s="210">
        <v>7</v>
      </c>
      <c r="W138" s="210">
        <v>3</v>
      </c>
      <c r="X138" s="752"/>
      <c r="Y138" s="752"/>
      <c r="Z138" s="592"/>
      <c r="AA138" s="592"/>
      <c r="AB138" s="592"/>
      <c r="AC138" s="267"/>
      <c r="AD138" s="38"/>
    </row>
    <row r="139" spans="1:30" s="54" customFormat="1" ht="29.5" customHeight="1">
      <c r="A139" s="20"/>
      <c r="B139" s="541">
        <v>121</v>
      </c>
      <c r="C139" s="542"/>
      <c r="D139" s="727" t="s">
        <v>2835</v>
      </c>
      <c r="E139" s="728"/>
      <c r="F139" s="728"/>
      <c r="G139" s="728"/>
      <c r="H139" s="728"/>
      <c r="I139" s="728"/>
      <c r="J139" s="728"/>
      <c r="K139" s="728"/>
      <c r="L139" s="728"/>
      <c r="M139" s="728"/>
      <c r="N139" s="728"/>
      <c r="O139" s="728"/>
      <c r="P139" s="728"/>
      <c r="Q139" s="729"/>
      <c r="R139" s="221" t="s">
        <v>2836</v>
      </c>
      <c r="S139" s="546" t="s">
        <v>1856</v>
      </c>
      <c r="T139" s="548"/>
      <c r="U139" s="408" t="s">
        <v>710</v>
      </c>
      <c r="V139" s="210">
        <v>7</v>
      </c>
      <c r="W139" s="210">
        <v>3</v>
      </c>
      <c r="X139" s="752"/>
      <c r="Y139" s="752"/>
      <c r="Z139" s="592"/>
      <c r="AA139" s="592"/>
      <c r="AB139" s="592"/>
      <c r="AC139" s="267"/>
      <c r="AD139" s="38"/>
    </row>
    <row r="140" spans="1:30" s="54" customFormat="1" ht="62.5" customHeight="1">
      <c r="A140" s="20"/>
      <c r="B140" s="541">
        <v>122</v>
      </c>
      <c r="C140" s="542"/>
      <c r="D140" s="727" t="s">
        <v>2837</v>
      </c>
      <c r="E140" s="728"/>
      <c r="F140" s="728"/>
      <c r="G140" s="728"/>
      <c r="H140" s="728"/>
      <c r="I140" s="728"/>
      <c r="J140" s="728"/>
      <c r="K140" s="728"/>
      <c r="L140" s="728"/>
      <c r="M140" s="728"/>
      <c r="N140" s="728"/>
      <c r="O140" s="728"/>
      <c r="P140" s="728"/>
      <c r="Q140" s="729"/>
      <c r="R140" s="221" t="s">
        <v>2838</v>
      </c>
      <c r="S140" s="546" t="s">
        <v>1856</v>
      </c>
      <c r="T140" s="548"/>
      <c r="U140" s="408" t="s">
        <v>102</v>
      </c>
      <c r="V140" s="210">
        <v>1</v>
      </c>
      <c r="W140" s="210" t="s">
        <v>103</v>
      </c>
      <c r="X140" s="752"/>
      <c r="Y140" s="752"/>
      <c r="Z140" s="592"/>
      <c r="AA140" s="592"/>
      <c r="AB140" s="592"/>
      <c r="AC140" s="267"/>
      <c r="AD140" s="38"/>
    </row>
    <row r="141" spans="1:30" s="54" customFormat="1" ht="59.15" customHeight="1">
      <c r="A141" s="20"/>
      <c r="B141" s="541">
        <v>123</v>
      </c>
      <c r="C141" s="542"/>
      <c r="D141" s="727" t="s">
        <v>2839</v>
      </c>
      <c r="E141" s="728"/>
      <c r="F141" s="728"/>
      <c r="G141" s="728"/>
      <c r="H141" s="728"/>
      <c r="I141" s="728"/>
      <c r="J141" s="728"/>
      <c r="K141" s="728"/>
      <c r="L141" s="728"/>
      <c r="M141" s="728"/>
      <c r="N141" s="728"/>
      <c r="O141" s="728"/>
      <c r="P141" s="728"/>
      <c r="Q141" s="729"/>
      <c r="R141" s="221" t="s">
        <v>2840</v>
      </c>
      <c r="S141" s="546" t="s">
        <v>1856</v>
      </c>
      <c r="T141" s="548"/>
      <c r="U141" s="408" t="s">
        <v>102</v>
      </c>
      <c r="V141" s="210">
        <v>1</v>
      </c>
      <c r="W141" s="210" t="s">
        <v>103</v>
      </c>
      <c r="X141" s="752"/>
      <c r="Y141" s="752"/>
      <c r="Z141" s="592"/>
      <c r="AA141" s="592"/>
      <c r="AB141" s="592"/>
      <c r="AC141" s="267"/>
      <c r="AD141" s="38"/>
    </row>
    <row r="142" spans="1:30" s="57" customFormat="1" ht="62.15" customHeight="1">
      <c r="A142" s="394"/>
      <c r="B142" s="541">
        <v>124</v>
      </c>
      <c r="C142" s="542"/>
      <c r="D142" s="727" t="s">
        <v>2841</v>
      </c>
      <c r="E142" s="728"/>
      <c r="F142" s="728"/>
      <c r="G142" s="728"/>
      <c r="H142" s="728"/>
      <c r="I142" s="728"/>
      <c r="J142" s="728"/>
      <c r="K142" s="728"/>
      <c r="L142" s="728"/>
      <c r="M142" s="728"/>
      <c r="N142" s="728"/>
      <c r="O142" s="728"/>
      <c r="P142" s="728"/>
      <c r="Q142" s="729"/>
      <c r="R142" s="221" t="s">
        <v>2842</v>
      </c>
      <c r="S142" s="546" t="s">
        <v>1856</v>
      </c>
      <c r="T142" s="548"/>
      <c r="U142" s="408" t="s">
        <v>102</v>
      </c>
      <c r="V142" s="210">
        <v>1</v>
      </c>
      <c r="W142" s="210" t="s">
        <v>103</v>
      </c>
      <c r="X142" s="752"/>
      <c r="Y142" s="752"/>
      <c r="Z142" s="592"/>
      <c r="AA142" s="592"/>
      <c r="AB142" s="592"/>
      <c r="AC142" s="267"/>
      <c r="AD142" s="39"/>
    </row>
    <row r="143" spans="1:30" s="57" customFormat="1">
      <c r="A143" s="394"/>
      <c r="B143" s="541">
        <v>125</v>
      </c>
      <c r="C143" s="542"/>
      <c r="D143" s="727" t="s">
        <v>2843</v>
      </c>
      <c r="E143" s="728"/>
      <c r="F143" s="728"/>
      <c r="G143" s="728"/>
      <c r="H143" s="728"/>
      <c r="I143" s="728"/>
      <c r="J143" s="728"/>
      <c r="K143" s="728"/>
      <c r="L143" s="728"/>
      <c r="M143" s="728"/>
      <c r="N143" s="728"/>
      <c r="O143" s="728"/>
      <c r="P143" s="728"/>
      <c r="Q143" s="729"/>
      <c r="R143" s="221" t="s">
        <v>2844</v>
      </c>
      <c r="S143" s="546" t="s">
        <v>1856</v>
      </c>
      <c r="T143" s="548"/>
      <c r="U143" s="408" t="s">
        <v>710</v>
      </c>
      <c r="V143" s="210">
        <v>7</v>
      </c>
      <c r="W143" s="210">
        <v>3</v>
      </c>
      <c r="X143" s="752"/>
      <c r="Y143" s="752"/>
      <c r="Z143" s="592"/>
      <c r="AA143" s="592"/>
      <c r="AB143" s="592"/>
      <c r="AC143" s="267"/>
      <c r="AD143" s="39"/>
    </row>
    <row r="144" spans="1:30" s="57" customFormat="1" ht="27" customHeight="1">
      <c r="A144" s="394"/>
      <c r="B144" s="541">
        <v>126</v>
      </c>
      <c r="C144" s="542"/>
      <c r="D144" s="727" t="s">
        <v>2845</v>
      </c>
      <c r="E144" s="728"/>
      <c r="F144" s="728"/>
      <c r="G144" s="728"/>
      <c r="H144" s="728"/>
      <c r="I144" s="728"/>
      <c r="J144" s="728"/>
      <c r="K144" s="728"/>
      <c r="L144" s="728"/>
      <c r="M144" s="728"/>
      <c r="N144" s="728"/>
      <c r="O144" s="728"/>
      <c r="P144" s="728"/>
      <c r="Q144" s="729"/>
      <c r="R144" s="221" t="s">
        <v>2846</v>
      </c>
      <c r="S144" s="546" t="s">
        <v>1856</v>
      </c>
      <c r="T144" s="548"/>
      <c r="U144" s="408" t="s">
        <v>710</v>
      </c>
      <c r="V144" s="210">
        <v>7</v>
      </c>
      <c r="W144" s="210">
        <v>3</v>
      </c>
      <c r="X144" s="752"/>
      <c r="Y144" s="752"/>
      <c r="Z144" s="592"/>
      <c r="AA144" s="592"/>
      <c r="AB144" s="592"/>
      <c r="AC144" s="267"/>
      <c r="AD144" s="39"/>
    </row>
    <row r="145" spans="1:30" s="57" customFormat="1" ht="26.15" customHeight="1">
      <c r="A145" s="394"/>
      <c r="B145" s="541">
        <v>127</v>
      </c>
      <c r="C145" s="542"/>
      <c r="D145" s="727" t="s">
        <v>2847</v>
      </c>
      <c r="E145" s="728"/>
      <c r="F145" s="728"/>
      <c r="G145" s="728"/>
      <c r="H145" s="728"/>
      <c r="I145" s="728"/>
      <c r="J145" s="728"/>
      <c r="K145" s="728"/>
      <c r="L145" s="728"/>
      <c r="M145" s="728"/>
      <c r="N145" s="728"/>
      <c r="O145" s="728"/>
      <c r="P145" s="728"/>
      <c r="Q145" s="729"/>
      <c r="R145" s="221" t="s">
        <v>2848</v>
      </c>
      <c r="S145" s="546" t="s">
        <v>1856</v>
      </c>
      <c r="T145" s="548"/>
      <c r="U145" s="408" t="s">
        <v>710</v>
      </c>
      <c r="V145" s="210">
        <v>7</v>
      </c>
      <c r="W145" s="210">
        <v>3</v>
      </c>
      <c r="X145" s="752"/>
      <c r="Y145" s="752"/>
      <c r="Z145" s="592"/>
      <c r="AA145" s="592"/>
      <c r="AB145" s="592"/>
      <c r="AC145" s="267"/>
      <c r="AD145" s="39"/>
    </row>
    <row r="146" spans="1:30" s="57" customFormat="1" ht="30" customHeight="1">
      <c r="A146" s="394"/>
      <c r="B146" s="541">
        <v>128</v>
      </c>
      <c r="C146" s="542"/>
      <c r="D146" s="727" t="s">
        <v>2849</v>
      </c>
      <c r="E146" s="728"/>
      <c r="F146" s="728"/>
      <c r="G146" s="728"/>
      <c r="H146" s="728"/>
      <c r="I146" s="728"/>
      <c r="J146" s="728"/>
      <c r="K146" s="728"/>
      <c r="L146" s="728"/>
      <c r="M146" s="728"/>
      <c r="N146" s="728"/>
      <c r="O146" s="728"/>
      <c r="P146" s="728"/>
      <c r="Q146" s="729"/>
      <c r="R146" s="221" t="s">
        <v>2850</v>
      </c>
      <c r="S146" s="546" t="s">
        <v>1856</v>
      </c>
      <c r="T146" s="548"/>
      <c r="U146" s="408" t="s">
        <v>710</v>
      </c>
      <c r="V146" s="210">
        <v>7</v>
      </c>
      <c r="W146" s="210">
        <v>3</v>
      </c>
      <c r="X146" s="752"/>
      <c r="Y146" s="752"/>
      <c r="Z146" s="592"/>
      <c r="AA146" s="592"/>
      <c r="AB146" s="592"/>
      <c r="AC146" s="267"/>
      <c r="AD146" s="39"/>
    </row>
    <row r="147" spans="1:30" s="57" customFormat="1" ht="27.65" customHeight="1">
      <c r="A147" s="394"/>
      <c r="B147" s="541">
        <v>129</v>
      </c>
      <c r="C147" s="542"/>
      <c r="D147" s="727" t="s">
        <v>2851</v>
      </c>
      <c r="E147" s="728"/>
      <c r="F147" s="728"/>
      <c r="G147" s="728"/>
      <c r="H147" s="728"/>
      <c r="I147" s="728"/>
      <c r="J147" s="728"/>
      <c r="K147" s="728"/>
      <c r="L147" s="728"/>
      <c r="M147" s="728"/>
      <c r="N147" s="728"/>
      <c r="O147" s="728"/>
      <c r="P147" s="728"/>
      <c r="Q147" s="729"/>
      <c r="R147" s="221" t="s">
        <v>2852</v>
      </c>
      <c r="S147" s="546" t="s">
        <v>1856</v>
      </c>
      <c r="T147" s="548"/>
      <c r="U147" s="408" t="s">
        <v>710</v>
      </c>
      <c r="V147" s="210">
        <v>7</v>
      </c>
      <c r="W147" s="210">
        <v>3</v>
      </c>
      <c r="X147" s="752"/>
      <c r="Y147" s="752"/>
      <c r="Z147" s="592"/>
      <c r="AA147" s="592"/>
      <c r="AB147" s="592"/>
      <c r="AC147" s="267"/>
      <c r="AD147" s="39"/>
    </row>
    <row r="148" spans="1:30" s="57" customFormat="1" ht="29.15" customHeight="1">
      <c r="A148" s="394"/>
      <c r="B148" s="541">
        <v>130</v>
      </c>
      <c r="C148" s="542"/>
      <c r="D148" s="727" t="s">
        <v>2853</v>
      </c>
      <c r="E148" s="728"/>
      <c r="F148" s="728"/>
      <c r="G148" s="728"/>
      <c r="H148" s="728"/>
      <c r="I148" s="728"/>
      <c r="J148" s="728"/>
      <c r="K148" s="728"/>
      <c r="L148" s="728"/>
      <c r="M148" s="728"/>
      <c r="N148" s="728"/>
      <c r="O148" s="728"/>
      <c r="P148" s="728"/>
      <c r="Q148" s="729"/>
      <c r="R148" s="221" t="s">
        <v>2854</v>
      </c>
      <c r="S148" s="546" t="s">
        <v>1856</v>
      </c>
      <c r="T148" s="548"/>
      <c r="U148" s="408" t="s">
        <v>710</v>
      </c>
      <c r="V148" s="210">
        <v>7</v>
      </c>
      <c r="W148" s="210">
        <v>3</v>
      </c>
      <c r="X148" s="752"/>
      <c r="Y148" s="752"/>
      <c r="Z148" s="592"/>
      <c r="AA148" s="592"/>
      <c r="AB148" s="592"/>
      <c r="AC148" s="267"/>
      <c r="AD148" s="39"/>
    </row>
    <row r="149" spans="1:30" s="57" customFormat="1" ht="31.4" customHeight="1">
      <c r="A149" s="394"/>
      <c r="B149" s="541">
        <v>131</v>
      </c>
      <c r="C149" s="542"/>
      <c r="D149" s="727" t="s">
        <v>2855</v>
      </c>
      <c r="E149" s="728"/>
      <c r="F149" s="728"/>
      <c r="G149" s="728"/>
      <c r="H149" s="728"/>
      <c r="I149" s="728"/>
      <c r="J149" s="728"/>
      <c r="K149" s="728"/>
      <c r="L149" s="728"/>
      <c r="M149" s="728"/>
      <c r="N149" s="728"/>
      <c r="O149" s="728"/>
      <c r="P149" s="728"/>
      <c r="Q149" s="729"/>
      <c r="R149" s="221" t="s">
        <v>2856</v>
      </c>
      <c r="S149" s="546" t="s">
        <v>1856</v>
      </c>
      <c r="T149" s="548"/>
      <c r="U149" s="408" t="s">
        <v>710</v>
      </c>
      <c r="V149" s="210">
        <v>7</v>
      </c>
      <c r="W149" s="210">
        <v>3</v>
      </c>
      <c r="X149" s="752"/>
      <c r="Y149" s="752"/>
      <c r="Z149" s="592"/>
      <c r="AA149" s="592"/>
      <c r="AB149" s="592"/>
      <c r="AC149" s="267"/>
      <c r="AD149" s="39"/>
    </row>
    <row r="150" spans="1:30" s="57" customFormat="1" ht="27.65" customHeight="1">
      <c r="A150" s="394"/>
      <c r="B150" s="541">
        <v>132</v>
      </c>
      <c r="C150" s="542"/>
      <c r="D150" s="727" t="s">
        <v>2857</v>
      </c>
      <c r="E150" s="728"/>
      <c r="F150" s="728"/>
      <c r="G150" s="728"/>
      <c r="H150" s="728"/>
      <c r="I150" s="728"/>
      <c r="J150" s="728"/>
      <c r="K150" s="728"/>
      <c r="L150" s="728"/>
      <c r="M150" s="728"/>
      <c r="N150" s="728"/>
      <c r="O150" s="728"/>
      <c r="P150" s="728"/>
      <c r="Q150" s="729"/>
      <c r="R150" s="221" t="s">
        <v>2858</v>
      </c>
      <c r="S150" s="546" t="s">
        <v>1856</v>
      </c>
      <c r="T150" s="548"/>
      <c r="U150" s="408" t="s">
        <v>710</v>
      </c>
      <c r="V150" s="210">
        <v>7</v>
      </c>
      <c r="W150" s="210">
        <v>3</v>
      </c>
      <c r="X150" s="752"/>
      <c r="Y150" s="752"/>
      <c r="Z150" s="592"/>
      <c r="AA150" s="592"/>
      <c r="AB150" s="592"/>
      <c r="AC150" s="267"/>
      <c r="AD150" s="39"/>
    </row>
    <row r="151" spans="1:30" s="54" customFormat="1" ht="27" customHeight="1">
      <c r="A151" s="20"/>
      <c r="B151" s="541">
        <v>133</v>
      </c>
      <c r="C151" s="542"/>
      <c r="D151" s="727" t="s">
        <v>2859</v>
      </c>
      <c r="E151" s="728"/>
      <c r="F151" s="728"/>
      <c r="G151" s="728"/>
      <c r="H151" s="728"/>
      <c r="I151" s="728"/>
      <c r="J151" s="728"/>
      <c r="K151" s="728"/>
      <c r="L151" s="728"/>
      <c r="M151" s="728"/>
      <c r="N151" s="728"/>
      <c r="O151" s="728"/>
      <c r="P151" s="728"/>
      <c r="Q151" s="729"/>
      <c r="R151" s="221" t="s">
        <v>2860</v>
      </c>
      <c r="S151" s="546" t="s">
        <v>1856</v>
      </c>
      <c r="T151" s="548"/>
      <c r="U151" s="408" t="s">
        <v>710</v>
      </c>
      <c r="V151" s="210">
        <v>7</v>
      </c>
      <c r="W151" s="210">
        <v>3</v>
      </c>
      <c r="X151" s="752"/>
      <c r="Y151" s="752"/>
      <c r="Z151" s="592"/>
      <c r="AA151" s="592"/>
      <c r="AB151" s="592"/>
      <c r="AC151" s="267"/>
      <c r="AD151" s="38"/>
    </row>
    <row r="152" spans="1:30" s="54" customFormat="1" ht="29.15" customHeight="1">
      <c r="A152" s="20"/>
      <c r="B152" s="541">
        <v>134</v>
      </c>
      <c r="C152" s="542"/>
      <c r="D152" s="727" t="s">
        <v>2861</v>
      </c>
      <c r="E152" s="728"/>
      <c r="F152" s="728"/>
      <c r="G152" s="728"/>
      <c r="H152" s="728"/>
      <c r="I152" s="728"/>
      <c r="J152" s="728"/>
      <c r="K152" s="728"/>
      <c r="L152" s="728"/>
      <c r="M152" s="728"/>
      <c r="N152" s="728"/>
      <c r="O152" s="728"/>
      <c r="P152" s="728"/>
      <c r="Q152" s="729"/>
      <c r="R152" s="221" t="s">
        <v>2862</v>
      </c>
      <c r="S152" s="546" t="s">
        <v>1856</v>
      </c>
      <c r="T152" s="548"/>
      <c r="U152" s="408" t="s">
        <v>710</v>
      </c>
      <c r="V152" s="210">
        <v>7</v>
      </c>
      <c r="W152" s="210">
        <v>3</v>
      </c>
      <c r="X152" s="752"/>
      <c r="Y152" s="752"/>
      <c r="Z152" s="592"/>
      <c r="AA152" s="592"/>
      <c r="AB152" s="592"/>
      <c r="AC152" s="267"/>
      <c r="AD152" s="38"/>
    </row>
    <row r="153" spans="1:30" s="54" customFormat="1" ht="29.15" customHeight="1">
      <c r="A153" s="20"/>
      <c r="B153" s="541">
        <v>135</v>
      </c>
      <c r="C153" s="542"/>
      <c r="D153" s="727" t="s">
        <v>2863</v>
      </c>
      <c r="E153" s="728"/>
      <c r="F153" s="728"/>
      <c r="G153" s="728"/>
      <c r="H153" s="728"/>
      <c r="I153" s="728"/>
      <c r="J153" s="728"/>
      <c r="K153" s="728"/>
      <c r="L153" s="728"/>
      <c r="M153" s="728"/>
      <c r="N153" s="728"/>
      <c r="O153" s="728"/>
      <c r="P153" s="728"/>
      <c r="Q153" s="729"/>
      <c r="R153" s="221" t="s">
        <v>2864</v>
      </c>
      <c r="S153" s="546" t="s">
        <v>1856</v>
      </c>
      <c r="T153" s="548"/>
      <c r="U153" s="408" t="s">
        <v>710</v>
      </c>
      <c r="V153" s="210">
        <v>7</v>
      </c>
      <c r="W153" s="210">
        <v>3</v>
      </c>
      <c r="X153" s="752"/>
      <c r="Y153" s="752"/>
      <c r="Z153" s="592"/>
      <c r="AA153" s="592"/>
      <c r="AB153" s="592"/>
      <c r="AC153" s="267"/>
      <c r="AD153" s="38"/>
    </row>
    <row r="154" spans="1:30" s="54" customFormat="1" ht="27" customHeight="1">
      <c r="A154" s="20"/>
      <c r="B154" s="541">
        <v>136</v>
      </c>
      <c r="C154" s="542"/>
      <c r="D154" s="727" t="s">
        <v>2865</v>
      </c>
      <c r="E154" s="728"/>
      <c r="F154" s="728"/>
      <c r="G154" s="728"/>
      <c r="H154" s="728"/>
      <c r="I154" s="728"/>
      <c r="J154" s="728"/>
      <c r="K154" s="728"/>
      <c r="L154" s="728"/>
      <c r="M154" s="728"/>
      <c r="N154" s="728"/>
      <c r="O154" s="728"/>
      <c r="P154" s="728"/>
      <c r="Q154" s="729"/>
      <c r="R154" s="221" t="s">
        <v>2866</v>
      </c>
      <c r="S154" s="546" t="s">
        <v>1856</v>
      </c>
      <c r="T154" s="548"/>
      <c r="U154" s="408" t="s">
        <v>710</v>
      </c>
      <c r="V154" s="210">
        <v>7</v>
      </c>
      <c r="W154" s="210">
        <v>3</v>
      </c>
      <c r="X154" s="752"/>
      <c r="Y154" s="752"/>
      <c r="Z154" s="592"/>
      <c r="AA154" s="592"/>
      <c r="AB154" s="592"/>
      <c r="AC154" s="267"/>
      <c r="AD154" s="38"/>
    </row>
    <row r="155" spans="1:30" s="57" customFormat="1" ht="28.4" customHeight="1">
      <c r="A155" s="394"/>
      <c r="B155" s="541">
        <v>137</v>
      </c>
      <c r="C155" s="542"/>
      <c r="D155" s="727" t="s">
        <v>2867</v>
      </c>
      <c r="E155" s="728"/>
      <c r="F155" s="728"/>
      <c r="G155" s="728"/>
      <c r="H155" s="728"/>
      <c r="I155" s="728"/>
      <c r="J155" s="728"/>
      <c r="K155" s="728"/>
      <c r="L155" s="728"/>
      <c r="M155" s="728"/>
      <c r="N155" s="728"/>
      <c r="O155" s="728"/>
      <c r="P155" s="728"/>
      <c r="Q155" s="729"/>
      <c r="R155" s="221" t="s">
        <v>2868</v>
      </c>
      <c r="S155" s="546" t="s">
        <v>1856</v>
      </c>
      <c r="T155" s="548"/>
      <c r="U155" s="408" t="s">
        <v>710</v>
      </c>
      <c r="V155" s="210">
        <v>7</v>
      </c>
      <c r="W155" s="210">
        <v>3</v>
      </c>
      <c r="X155" s="752"/>
      <c r="Y155" s="752"/>
      <c r="Z155" s="592"/>
      <c r="AA155" s="592"/>
      <c r="AB155" s="592"/>
      <c r="AC155" s="267"/>
      <c r="AD155" s="39"/>
    </row>
    <row r="156" spans="1:30" s="54" customFormat="1" ht="27.65" customHeight="1">
      <c r="A156" s="20"/>
      <c r="B156" s="541">
        <v>138</v>
      </c>
      <c r="C156" s="542"/>
      <c r="D156" s="727" t="s">
        <v>2869</v>
      </c>
      <c r="E156" s="728"/>
      <c r="F156" s="728"/>
      <c r="G156" s="728"/>
      <c r="H156" s="728"/>
      <c r="I156" s="728"/>
      <c r="J156" s="728"/>
      <c r="K156" s="728"/>
      <c r="L156" s="728"/>
      <c r="M156" s="728"/>
      <c r="N156" s="728"/>
      <c r="O156" s="728"/>
      <c r="P156" s="728"/>
      <c r="Q156" s="729"/>
      <c r="R156" s="221" t="s">
        <v>2870</v>
      </c>
      <c r="S156" s="546" t="s">
        <v>1856</v>
      </c>
      <c r="T156" s="548"/>
      <c r="U156" s="408" t="s">
        <v>710</v>
      </c>
      <c r="V156" s="210">
        <v>7</v>
      </c>
      <c r="W156" s="210">
        <v>3</v>
      </c>
      <c r="X156" s="752"/>
      <c r="Y156" s="752"/>
      <c r="Z156" s="592"/>
      <c r="AA156" s="592"/>
      <c r="AB156" s="592"/>
      <c r="AC156" s="267"/>
      <c r="AD156" s="38"/>
    </row>
    <row r="157" spans="1:30" s="54" customFormat="1" ht="29.15" customHeight="1">
      <c r="A157" s="20"/>
      <c r="B157" s="541">
        <v>139</v>
      </c>
      <c r="C157" s="542"/>
      <c r="D157" s="727" t="s">
        <v>2871</v>
      </c>
      <c r="E157" s="728"/>
      <c r="F157" s="728"/>
      <c r="G157" s="728"/>
      <c r="H157" s="728"/>
      <c r="I157" s="728"/>
      <c r="J157" s="728"/>
      <c r="K157" s="728"/>
      <c r="L157" s="728"/>
      <c r="M157" s="728"/>
      <c r="N157" s="728"/>
      <c r="O157" s="728"/>
      <c r="P157" s="728"/>
      <c r="Q157" s="729"/>
      <c r="R157" s="221" t="s">
        <v>2872</v>
      </c>
      <c r="S157" s="546" t="s">
        <v>1856</v>
      </c>
      <c r="T157" s="548"/>
      <c r="U157" s="408" t="s">
        <v>710</v>
      </c>
      <c r="V157" s="210">
        <v>7</v>
      </c>
      <c r="W157" s="210">
        <v>3</v>
      </c>
      <c r="X157" s="752"/>
      <c r="Y157" s="752"/>
      <c r="Z157" s="592"/>
      <c r="AA157" s="592"/>
      <c r="AB157" s="592"/>
      <c r="AC157" s="267"/>
      <c r="AD157" s="38"/>
    </row>
    <row r="158" spans="1:30" s="54" customFormat="1">
      <c r="A158" s="20"/>
      <c r="B158" s="541">
        <v>140</v>
      </c>
      <c r="C158" s="542"/>
      <c r="D158" s="727" t="s">
        <v>2873</v>
      </c>
      <c r="E158" s="728"/>
      <c r="F158" s="728"/>
      <c r="G158" s="728"/>
      <c r="H158" s="728"/>
      <c r="I158" s="728"/>
      <c r="J158" s="728"/>
      <c r="K158" s="728"/>
      <c r="L158" s="728"/>
      <c r="M158" s="728"/>
      <c r="N158" s="728"/>
      <c r="O158" s="728"/>
      <c r="P158" s="728"/>
      <c r="Q158" s="729"/>
      <c r="R158" s="221" t="s">
        <v>2874</v>
      </c>
      <c r="S158" s="546" t="s">
        <v>1856</v>
      </c>
      <c r="T158" s="548"/>
      <c r="U158" s="408" t="s">
        <v>710</v>
      </c>
      <c r="V158" s="210">
        <v>7</v>
      </c>
      <c r="W158" s="210">
        <v>3</v>
      </c>
      <c r="X158" s="752"/>
      <c r="Y158" s="752"/>
      <c r="Z158" s="592"/>
      <c r="AA158" s="592"/>
      <c r="AB158" s="592"/>
      <c r="AC158" s="267"/>
      <c r="AD158" s="38"/>
    </row>
    <row r="159" spans="1:30" s="54" customFormat="1">
      <c r="A159" s="20"/>
      <c r="B159" s="541">
        <v>141</v>
      </c>
      <c r="C159" s="542"/>
      <c r="D159" s="727" t="s">
        <v>2875</v>
      </c>
      <c r="E159" s="728"/>
      <c r="F159" s="728"/>
      <c r="G159" s="728"/>
      <c r="H159" s="728"/>
      <c r="I159" s="728"/>
      <c r="J159" s="728"/>
      <c r="K159" s="728"/>
      <c r="L159" s="728"/>
      <c r="M159" s="728"/>
      <c r="N159" s="728"/>
      <c r="O159" s="728"/>
      <c r="P159" s="728"/>
      <c r="Q159" s="729"/>
      <c r="R159" s="221" t="s">
        <v>2876</v>
      </c>
      <c r="S159" s="546" t="s">
        <v>1856</v>
      </c>
      <c r="T159" s="548"/>
      <c r="U159" s="408" t="s">
        <v>710</v>
      </c>
      <c r="V159" s="210">
        <v>7</v>
      </c>
      <c r="W159" s="210">
        <v>3</v>
      </c>
      <c r="X159" s="752"/>
      <c r="Y159" s="752"/>
      <c r="Z159" s="592"/>
      <c r="AA159" s="592"/>
      <c r="AB159" s="592"/>
      <c r="AC159" s="267"/>
      <c r="AD159" s="38"/>
    </row>
    <row r="160" spans="1:30" s="57" customFormat="1" ht="29.5" customHeight="1">
      <c r="A160" s="394"/>
      <c r="B160" s="541">
        <v>142</v>
      </c>
      <c r="C160" s="542"/>
      <c r="D160" s="727" t="s">
        <v>2877</v>
      </c>
      <c r="E160" s="728"/>
      <c r="F160" s="728"/>
      <c r="G160" s="728"/>
      <c r="H160" s="728"/>
      <c r="I160" s="728"/>
      <c r="J160" s="728"/>
      <c r="K160" s="728"/>
      <c r="L160" s="728"/>
      <c r="M160" s="728"/>
      <c r="N160" s="728"/>
      <c r="O160" s="728"/>
      <c r="P160" s="728"/>
      <c r="Q160" s="729"/>
      <c r="R160" s="221" t="s">
        <v>2878</v>
      </c>
      <c r="S160" s="546" t="s">
        <v>1856</v>
      </c>
      <c r="T160" s="548"/>
      <c r="U160" s="408" t="s">
        <v>710</v>
      </c>
      <c r="V160" s="210">
        <v>7</v>
      </c>
      <c r="W160" s="210">
        <v>3</v>
      </c>
      <c r="X160" s="752"/>
      <c r="Y160" s="752"/>
      <c r="Z160" s="592"/>
      <c r="AA160" s="592"/>
      <c r="AB160" s="592"/>
      <c r="AC160" s="267"/>
      <c r="AD160" s="39"/>
    </row>
    <row r="161" spans="1:30" s="57" customFormat="1" ht="26.15" customHeight="1">
      <c r="A161" s="394"/>
      <c r="B161" s="541">
        <v>143</v>
      </c>
      <c r="C161" s="542"/>
      <c r="D161" s="727" t="s">
        <v>2879</v>
      </c>
      <c r="E161" s="728"/>
      <c r="F161" s="728"/>
      <c r="G161" s="728"/>
      <c r="H161" s="728"/>
      <c r="I161" s="728"/>
      <c r="J161" s="728"/>
      <c r="K161" s="728"/>
      <c r="L161" s="728"/>
      <c r="M161" s="728"/>
      <c r="N161" s="728"/>
      <c r="O161" s="728"/>
      <c r="P161" s="728"/>
      <c r="Q161" s="729"/>
      <c r="R161" s="221" t="s">
        <v>2880</v>
      </c>
      <c r="S161" s="546" t="s">
        <v>1856</v>
      </c>
      <c r="T161" s="548"/>
      <c r="U161" s="408" t="s">
        <v>710</v>
      </c>
      <c r="V161" s="210">
        <v>7</v>
      </c>
      <c r="W161" s="210">
        <v>3</v>
      </c>
      <c r="X161" s="752"/>
      <c r="Y161" s="752"/>
      <c r="Z161" s="592"/>
      <c r="AA161" s="592"/>
      <c r="AB161" s="592"/>
      <c r="AC161" s="267"/>
      <c r="AD161" s="39"/>
    </row>
    <row r="162" spans="1:30" s="57" customFormat="1" ht="27.65" customHeight="1">
      <c r="A162" s="394"/>
      <c r="B162" s="541">
        <v>144</v>
      </c>
      <c r="C162" s="542"/>
      <c r="D162" s="727" t="s">
        <v>2881</v>
      </c>
      <c r="E162" s="728"/>
      <c r="F162" s="728"/>
      <c r="G162" s="728"/>
      <c r="H162" s="728"/>
      <c r="I162" s="728"/>
      <c r="J162" s="728"/>
      <c r="K162" s="728"/>
      <c r="L162" s="728"/>
      <c r="M162" s="728"/>
      <c r="N162" s="728"/>
      <c r="O162" s="728"/>
      <c r="P162" s="728"/>
      <c r="Q162" s="729"/>
      <c r="R162" s="221" t="s">
        <v>2882</v>
      </c>
      <c r="S162" s="546" t="s">
        <v>1856</v>
      </c>
      <c r="T162" s="548"/>
      <c r="U162" s="408" t="s">
        <v>710</v>
      </c>
      <c r="V162" s="210">
        <v>7</v>
      </c>
      <c r="W162" s="210">
        <v>3</v>
      </c>
      <c r="X162" s="752"/>
      <c r="Y162" s="752"/>
      <c r="Z162" s="592"/>
      <c r="AA162" s="592"/>
      <c r="AB162" s="592"/>
      <c r="AC162" s="267"/>
      <c r="AD162" s="39"/>
    </row>
    <row r="163" spans="1:30" s="57" customFormat="1" ht="27" customHeight="1">
      <c r="A163" s="394"/>
      <c r="B163" s="541">
        <v>145</v>
      </c>
      <c r="C163" s="542"/>
      <c r="D163" s="727" t="s">
        <v>2883</v>
      </c>
      <c r="E163" s="728"/>
      <c r="F163" s="728"/>
      <c r="G163" s="728"/>
      <c r="H163" s="728"/>
      <c r="I163" s="728"/>
      <c r="J163" s="728"/>
      <c r="K163" s="728"/>
      <c r="L163" s="728"/>
      <c r="M163" s="728"/>
      <c r="N163" s="728"/>
      <c r="O163" s="728"/>
      <c r="P163" s="728"/>
      <c r="Q163" s="729"/>
      <c r="R163" s="221" t="s">
        <v>2884</v>
      </c>
      <c r="S163" s="546" t="s">
        <v>1856</v>
      </c>
      <c r="T163" s="548"/>
      <c r="U163" s="408" t="s">
        <v>710</v>
      </c>
      <c r="V163" s="210">
        <v>7</v>
      </c>
      <c r="W163" s="210">
        <v>3</v>
      </c>
      <c r="X163" s="752"/>
      <c r="Y163" s="752"/>
      <c r="Z163" s="592"/>
      <c r="AA163" s="592"/>
      <c r="AB163" s="592"/>
      <c r="AC163" s="267"/>
      <c r="AD163" s="39"/>
    </row>
    <row r="164" spans="1:30" s="57" customFormat="1" ht="29.5" customHeight="1">
      <c r="A164" s="394"/>
      <c r="B164" s="541">
        <v>146</v>
      </c>
      <c r="C164" s="542"/>
      <c r="D164" s="727" t="s">
        <v>2885</v>
      </c>
      <c r="E164" s="728"/>
      <c r="F164" s="728"/>
      <c r="G164" s="728"/>
      <c r="H164" s="728"/>
      <c r="I164" s="728"/>
      <c r="J164" s="728"/>
      <c r="K164" s="728"/>
      <c r="L164" s="728"/>
      <c r="M164" s="728"/>
      <c r="N164" s="728"/>
      <c r="O164" s="728"/>
      <c r="P164" s="728"/>
      <c r="Q164" s="729"/>
      <c r="R164" s="221" t="s">
        <v>2886</v>
      </c>
      <c r="S164" s="546" t="s">
        <v>1856</v>
      </c>
      <c r="T164" s="548"/>
      <c r="U164" s="408" t="s">
        <v>710</v>
      </c>
      <c r="V164" s="210">
        <v>7</v>
      </c>
      <c r="W164" s="210">
        <v>3</v>
      </c>
      <c r="X164" s="752"/>
      <c r="Y164" s="752"/>
      <c r="Z164" s="592"/>
      <c r="AA164" s="592"/>
      <c r="AB164" s="592"/>
      <c r="AC164" s="267"/>
      <c r="AD164" s="39"/>
    </row>
    <row r="165" spans="1:30" s="57" customFormat="1" ht="27" customHeight="1">
      <c r="A165" s="394"/>
      <c r="B165" s="541">
        <v>147</v>
      </c>
      <c r="C165" s="542"/>
      <c r="D165" s="727" t="s">
        <v>2887</v>
      </c>
      <c r="E165" s="728"/>
      <c r="F165" s="728"/>
      <c r="G165" s="728"/>
      <c r="H165" s="728"/>
      <c r="I165" s="728"/>
      <c r="J165" s="728"/>
      <c r="K165" s="728"/>
      <c r="L165" s="728"/>
      <c r="M165" s="728"/>
      <c r="N165" s="728"/>
      <c r="O165" s="728"/>
      <c r="P165" s="728"/>
      <c r="Q165" s="729"/>
      <c r="R165" s="221" t="s">
        <v>2888</v>
      </c>
      <c r="S165" s="546" t="s">
        <v>1856</v>
      </c>
      <c r="T165" s="548"/>
      <c r="U165" s="408" t="s">
        <v>710</v>
      </c>
      <c r="V165" s="210">
        <v>7</v>
      </c>
      <c r="W165" s="210">
        <v>3</v>
      </c>
      <c r="X165" s="752"/>
      <c r="Y165" s="752"/>
      <c r="Z165" s="592"/>
      <c r="AA165" s="592"/>
      <c r="AB165" s="592"/>
      <c r="AC165" s="267"/>
      <c r="AD165" s="39"/>
    </row>
    <row r="166" spans="1:30" s="54" customFormat="1" ht="29.5" customHeight="1">
      <c r="A166" s="20"/>
      <c r="B166" s="541">
        <v>148</v>
      </c>
      <c r="C166" s="542"/>
      <c r="D166" s="727" t="s">
        <v>2889</v>
      </c>
      <c r="E166" s="728"/>
      <c r="F166" s="728"/>
      <c r="G166" s="728"/>
      <c r="H166" s="728"/>
      <c r="I166" s="728"/>
      <c r="J166" s="728"/>
      <c r="K166" s="728"/>
      <c r="L166" s="728"/>
      <c r="M166" s="728"/>
      <c r="N166" s="728"/>
      <c r="O166" s="728"/>
      <c r="P166" s="728"/>
      <c r="Q166" s="729"/>
      <c r="R166" s="221" t="s">
        <v>2890</v>
      </c>
      <c r="S166" s="546" t="s">
        <v>1856</v>
      </c>
      <c r="T166" s="548"/>
      <c r="U166" s="408" t="s">
        <v>710</v>
      </c>
      <c r="V166" s="210">
        <v>7</v>
      </c>
      <c r="W166" s="210">
        <v>3</v>
      </c>
      <c r="X166" s="752"/>
      <c r="Y166" s="752"/>
      <c r="Z166" s="592"/>
      <c r="AA166" s="592"/>
      <c r="AB166" s="592"/>
      <c r="AC166" s="267"/>
      <c r="AD166" s="38"/>
    </row>
    <row r="167" spans="1:30" s="54" customFormat="1" ht="28.4" customHeight="1">
      <c r="A167" s="20"/>
      <c r="B167" s="541">
        <v>149</v>
      </c>
      <c r="C167" s="542"/>
      <c r="D167" s="727" t="s">
        <v>2891</v>
      </c>
      <c r="E167" s="728"/>
      <c r="F167" s="728"/>
      <c r="G167" s="728"/>
      <c r="H167" s="728"/>
      <c r="I167" s="728"/>
      <c r="J167" s="728"/>
      <c r="K167" s="728"/>
      <c r="L167" s="728"/>
      <c r="M167" s="728"/>
      <c r="N167" s="728"/>
      <c r="O167" s="728"/>
      <c r="P167" s="728"/>
      <c r="Q167" s="729"/>
      <c r="R167" s="221" t="s">
        <v>2892</v>
      </c>
      <c r="S167" s="546" t="s">
        <v>1856</v>
      </c>
      <c r="T167" s="548"/>
      <c r="U167" s="408" t="s">
        <v>710</v>
      </c>
      <c r="V167" s="210">
        <v>7</v>
      </c>
      <c r="W167" s="210">
        <v>3</v>
      </c>
      <c r="X167" s="752"/>
      <c r="Y167" s="752"/>
      <c r="Z167" s="592"/>
      <c r="AA167" s="592"/>
      <c r="AB167" s="592"/>
      <c r="AC167" s="267"/>
      <c r="AD167" s="38"/>
    </row>
    <row r="168" spans="1:30" s="54" customFormat="1" ht="26.5" customHeight="1">
      <c r="A168" s="20"/>
      <c r="B168" s="541">
        <v>150</v>
      </c>
      <c r="C168" s="542"/>
      <c r="D168" s="727" t="s">
        <v>2893</v>
      </c>
      <c r="E168" s="728"/>
      <c r="F168" s="728"/>
      <c r="G168" s="728"/>
      <c r="H168" s="728"/>
      <c r="I168" s="728"/>
      <c r="J168" s="728"/>
      <c r="K168" s="728"/>
      <c r="L168" s="728"/>
      <c r="M168" s="728"/>
      <c r="N168" s="728"/>
      <c r="O168" s="728"/>
      <c r="P168" s="728"/>
      <c r="Q168" s="729"/>
      <c r="R168" s="221" t="s">
        <v>2894</v>
      </c>
      <c r="S168" s="546" t="s">
        <v>1856</v>
      </c>
      <c r="T168" s="548"/>
      <c r="U168" s="408" t="s">
        <v>710</v>
      </c>
      <c r="V168" s="210">
        <v>7</v>
      </c>
      <c r="W168" s="210">
        <v>3</v>
      </c>
      <c r="X168" s="752"/>
      <c r="Y168" s="752"/>
      <c r="Z168" s="592"/>
      <c r="AA168" s="592"/>
      <c r="AB168" s="592"/>
      <c r="AC168" s="267"/>
      <c r="AD168" s="38"/>
    </row>
    <row r="169" spans="1:30" s="54" customFormat="1" ht="29.15" customHeight="1">
      <c r="A169" s="20"/>
      <c r="B169" s="541">
        <v>151</v>
      </c>
      <c r="C169" s="542"/>
      <c r="D169" s="727" t="s">
        <v>2895</v>
      </c>
      <c r="E169" s="728"/>
      <c r="F169" s="728"/>
      <c r="G169" s="728"/>
      <c r="H169" s="728"/>
      <c r="I169" s="728"/>
      <c r="J169" s="728"/>
      <c r="K169" s="728"/>
      <c r="L169" s="728"/>
      <c r="M169" s="728"/>
      <c r="N169" s="728"/>
      <c r="O169" s="728"/>
      <c r="P169" s="728"/>
      <c r="Q169" s="729"/>
      <c r="R169" s="221" t="s">
        <v>2896</v>
      </c>
      <c r="S169" s="546" t="s">
        <v>1856</v>
      </c>
      <c r="T169" s="548"/>
      <c r="U169" s="408" t="s">
        <v>710</v>
      </c>
      <c r="V169" s="210">
        <v>7</v>
      </c>
      <c r="W169" s="210">
        <v>3</v>
      </c>
      <c r="X169" s="752"/>
      <c r="Y169" s="752"/>
      <c r="Z169" s="592"/>
      <c r="AA169" s="592"/>
      <c r="AB169" s="592"/>
      <c r="AC169" s="267"/>
      <c r="AD169" s="38"/>
    </row>
    <row r="170" spans="1:30" s="54" customFormat="1" ht="30" customHeight="1">
      <c r="A170" s="20"/>
      <c r="B170" s="541">
        <v>152</v>
      </c>
      <c r="C170" s="542"/>
      <c r="D170" s="727" t="s">
        <v>2897</v>
      </c>
      <c r="E170" s="728"/>
      <c r="F170" s="728"/>
      <c r="G170" s="728"/>
      <c r="H170" s="728"/>
      <c r="I170" s="728"/>
      <c r="J170" s="728"/>
      <c r="K170" s="728"/>
      <c r="L170" s="728"/>
      <c r="M170" s="728"/>
      <c r="N170" s="728"/>
      <c r="O170" s="728"/>
      <c r="P170" s="728"/>
      <c r="Q170" s="729"/>
      <c r="R170" s="221" t="s">
        <v>2898</v>
      </c>
      <c r="S170" s="546" t="s">
        <v>1856</v>
      </c>
      <c r="T170" s="548"/>
      <c r="U170" s="408" t="s">
        <v>710</v>
      </c>
      <c r="V170" s="210">
        <v>7</v>
      </c>
      <c r="W170" s="210">
        <v>3</v>
      </c>
      <c r="X170" s="752"/>
      <c r="Y170" s="752"/>
      <c r="Z170" s="592"/>
      <c r="AA170" s="592"/>
      <c r="AB170" s="592"/>
      <c r="AC170" s="267"/>
      <c r="AD170" s="38"/>
    </row>
    <row r="171" spans="1:30" s="57" customFormat="1" ht="28.4" customHeight="1">
      <c r="A171" s="394"/>
      <c r="B171" s="541">
        <v>153</v>
      </c>
      <c r="C171" s="542"/>
      <c r="D171" s="727" t="s">
        <v>2899</v>
      </c>
      <c r="E171" s="728"/>
      <c r="F171" s="728"/>
      <c r="G171" s="728"/>
      <c r="H171" s="728"/>
      <c r="I171" s="728"/>
      <c r="J171" s="728"/>
      <c r="K171" s="728"/>
      <c r="L171" s="728"/>
      <c r="M171" s="728"/>
      <c r="N171" s="728"/>
      <c r="O171" s="728"/>
      <c r="P171" s="728"/>
      <c r="Q171" s="729"/>
      <c r="R171" s="221" t="s">
        <v>2900</v>
      </c>
      <c r="S171" s="546" t="s">
        <v>1856</v>
      </c>
      <c r="T171" s="548"/>
      <c r="U171" s="408" t="s">
        <v>710</v>
      </c>
      <c r="V171" s="210">
        <v>7</v>
      </c>
      <c r="W171" s="210">
        <v>3</v>
      </c>
      <c r="X171" s="752"/>
      <c r="Y171" s="752"/>
      <c r="Z171" s="592"/>
      <c r="AA171" s="592"/>
      <c r="AB171" s="592"/>
      <c r="AC171" s="267"/>
      <c r="AD171" s="39"/>
    </row>
    <row r="172" spans="1:30" s="54" customFormat="1">
      <c r="A172" s="20"/>
      <c r="B172" s="541">
        <v>154</v>
      </c>
      <c r="C172" s="542"/>
      <c r="D172" s="727" t="s">
        <v>2901</v>
      </c>
      <c r="E172" s="728"/>
      <c r="F172" s="728"/>
      <c r="G172" s="728"/>
      <c r="H172" s="728"/>
      <c r="I172" s="728"/>
      <c r="J172" s="728"/>
      <c r="K172" s="728"/>
      <c r="L172" s="728"/>
      <c r="M172" s="728"/>
      <c r="N172" s="728"/>
      <c r="O172" s="728"/>
      <c r="P172" s="728"/>
      <c r="Q172" s="729"/>
      <c r="R172" s="221" t="s">
        <v>2902</v>
      </c>
      <c r="S172" s="546" t="s">
        <v>1856</v>
      </c>
      <c r="T172" s="548"/>
      <c r="U172" s="408" t="s">
        <v>710</v>
      </c>
      <c r="V172" s="210">
        <v>7</v>
      </c>
      <c r="W172" s="210">
        <v>3</v>
      </c>
      <c r="X172" s="752"/>
      <c r="Y172" s="752"/>
      <c r="Z172" s="592"/>
      <c r="AA172" s="592"/>
      <c r="AB172" s="592"/>
      <c r="AC172" s="267"/>
      <c r="AD172" s="38"/>
    </row>
    <row r="173" spans="1:30" s="54" customFormat="1">
      <c r="A173" s="20"/>
      <c r="B173" s="541">
        <v>155</v>
      </c>
      <c r="C173" s="542"/>
      <c r="D173" s="727" t="s">
        <v>2903</v>
      </c>
      <c r="E173" s="728"/>
      <c r="F173" s="728"/>
      <c r="G173" s="728"/>
      <c r="H173" s="728"/>
      <c r="I173" s="728"/>
      <c r="J173" s="728"/>
      <c r="K173" s="728"/>
      <c r="L173" s="728"/>
      <c r="M173" s="728"/>
      <c r="N173" s="728"/>
      <c r="O173" s="728"/>
      <c r="P173" s="728"/>
      <c r="Q173" s="729"/>
      <c r="R173" s="248" t="s">
        <v>2904</v>
      </c>
      <c r="S173" s="546" t="s">
        <v>1856</v>
      </c>
      <c r="T173" s="548"/>
      <c r="U173" s="408" t="s">
        <v>710</v>
      </c>
      <c r="V173" s="210">
        <v>7</v>
      </c>
      <c r="W173" s="210">
        <v>3</v>
      </c>
      <c r="X173" s="752"/>
      <c r="Y173" s="752"/>
      <c r="Z173" s="592"/>
      <c r="AA173" s="592"/>
      <c r="AB173" s="592"/>
      <c r="AC173" s="267"/>
      <c r="AD173" s="38"/>
    </row>
    <row r="174" spans="1:30" s="54" customFormat="1">
      <c r="A174" s="20"/>
      <c r="B174" s="541">
        <v>156</v>
      </c>
      <c r="C174" s="542"/>
      <c r="D174" s="727" t="s">
        <v>2905</v>
      </c>
      <c r="E174" s="728"/>
      <c r="F174" s="728"/>
      <c r="G174" s="728"/>
      <c r="H174" s="728"/>
      <c r="I174" s="728"/>
      <c r="J174" s="728"/>
      <c r="K174" s="728"/>
      <c r="L174" s="728"/>
      <c r="M174" s="728"/>
      <c r="N174" s="728"/>
      <c r="O174" s="728"/>
      <c r="P174" s="728"/>
      <c r="Q174" s="729"/>
      <c r="R174" s="248" t="s">
        <v>2906</v>
      </c>
      <c r="S174" s="546" t="s">
        <v>1856</v>
      </c>
      <c r="T174" s="548"/>
      <c r="U174" s="408" t="s">
        <v>710</v>
      </c>
      <c r="V174" s="210">
        <v>7</v>
      </c>
      <c r="W174" s="210">
        <v>3</v>
      </c>
      <c r="X174" s="752"/>
      <c r="Y174" s="752"/>
      <c r="Z174" s="592"/>
      <c r="AA174" s="592"/>
      <c r="AB174" s="592"/>
      <c r="AC174" s="267"/>
      <c r="AD174" s="38"/>
    </row>
    <row r="175" spans="1:30" s="54" customFormat="1">
      <c r="A175" s="20"/>
      <c r="B175" s="541">
        <v>157</v>
      </c>
      <c r="C175" s="542"/>
      <c r="D175" s="727" t="s">
        <v>2907</v>
      </c>
      <c r="E175" s="728"/>
      <c r="F175" s="728"/>
      <c r="G175" s="728"/>
      <c r="H175" s="728"/>
      <c r="I175" s="728"/>
      <c r="J175" s="728"/>
      <c r="K175" s="728"/>
      <c r="L175" s="728"/>
      <c r="M175" s="728"/>
      <c r="N175" s="728"/>
      <c r="O175" s="728"/>
      <c r="P175" s="728"/>
      <c r="Q175" s="729"/>
      <c r="R175" s="248" t="s">
        <v>2908</v>
      </c>
      <c r="S175" s="546" t="s">
        <v>1856</v>
      </c>
      <c r="T175" s="548"/>
      <c r="U175" s="408" t="s">
        <v>710</v>
      </c>
      <c r="V175" s="210">
        <v>7</v>
      </c>
      <c r="W175" s="210">
        <v>3</v>
      </c>
      <c r="X175" s="752"/>
      <c r="Y175" s="752"/>
      <c r="Z175" s="592"/>
      <c r="AA175" s="592"/>
      <c r="AB175" s="592"/>
      <c r="AC175" s="267"/>
      <c r="AD175" s="38"/>
    </row>
    <row r="176" spans="1:30" s="57" customFormat="1">
      <c r="A176" s="394"/>
      <c r="B176" s="541">
        <v>158</v>
      </c>
      <c r="C176" s="542"/>
      <c r="D176" s="727" t="s">
        <v>2909</v>
      </c>
      <c r="E176" s="728"/>
      <c r="F176" s="728"/>
      <c r="G176" s="728"/>
      <c r="H176" s="728"/>
      <c r="I176" s="728"/>
      <c r="J176" s="728"/>
      <c r="K176" s="728"/>
      <c r="L176" s="728"/>
      <c r="M176" s="728"/>
      <c r="N176" s="728"/>
      <c r="O176" s="728"/>
      <c r="P176" s="728"/>
      <c r="Q176" s="729"/>
      <c r="R176" s="248" t="s">
        <v>2910</v>
      </c>
      <c r="S176" s="546" t="s">
        <v>1844</v>
      </c>
      <c r="T176" s="548"/>
      <c r="U176" s="408" t="s">
        <v>102</v>
      </c>
      <c r="V176" s="210">
        <v>128</v>
      </c>
      <c r="W176" s="210" t="s">
        <v>103</v>
      </c>
      <c r="X176" s="752"/>
      <c r="Y176" s="752"/>
      <c r="Z176" s="592"/>
      <c r="AA176" s="592"/>
      <c r="AB176" s="592"/>
      <c r="AC176" s="267"/>
      <c r="AD176" s="39"/>
    </row>
    <row r="177" spans="1:30" s="57" customFormat="1">
      <c r="A177" s="394"/>
      <c r="B177" s="541">
        <v>159</v>
      </c>
      <c r="C177" s="542"/>
      <c r="D177" s="727" t="s">
        <v>2911</v>
      </c>
      <c r="E177" s="728"/>
      <c r="F177" s="728"/>
      <c r="G177" s="728"/>
      <c r="H177" s="728"/>
      <c r="I177" s="728"/>
      <c r="J177" s="728"/>
      <c r="K177" s="728"/>
      <c r="L177" s="728"/>
      <c r="M177" s="728"/>
      <c r="N177" s="728"/>
      <c r="O177" s="728"/>
      <c r="P177" s="728"/>
      <c r="Q177" s="729"/>
      <c r="R177" s="248" t="s">
        <v>2912</v>
      </c>
      <c r="S177" s="546" t="s">
        <v>1856</v>
      </c>
      <c r="T177" s="548"/>
      <c r="U177" s="408" t="s">
        <v>102</v>
      </c>
      <c r="V177" s="210">
        <v>1</v>
      </c>
      <c r="W177" s="210" t="s">
        <v>103</v>
      </c>
      <c r="X177" s="752"/>
      <c r="Y177" s="752"/>
      <c r="Z177" s="592"/>
      <c r="AA177" s="592"/>
      <c r="AB177" s="592"/>
      <c r="AC177" s="267"/>
      <c r="AD177" s="39"/>
    </row>
    <row r="178" spans="1:30" s="57" customFormat="1">
      <c r="A178" s="20"/>
      <c r="B178" s="552">
        <v>160</v>
      </c>
      <c r="C178" s="553"/>
      <c r="D178" s="753" t="s">
        <v>2913</v>
      </c>
      <c r="E178" s="754"/>
      <c r="F178" s="754"/>
      <c r="G178" s="754"/>
      <c r="H178" s="754"/>
      <c r="I178" s="754"/>
      <c r="J178" s="754"/>
      <c r="K178" s="754"/>
      <c r="L178" s="754"/>
      <c r="M178" s="754"/>
      <c r="N178" s="754"/>
      <c r="O178" s="754"/>
      <c r="P178" s="754"/>
      <c r="Q178" s="755"/>
      <c r="R178" s="373" t="s">
        <v>2914</v>
      </c>
      <c r="S178" s="557" t="s">
        <v>1847</v>
      </c>
      <c r="T178" s="559"/>
      <c r="U178" s="409" t="s">
        <v>102</v>
      </c>
      <c r="V178" s="275">
        <v>10</v>
      </c>
      <c r="W178" s="275" t="s">
        <v>103</v>
      </c>
      <c r="X178" s="730" t="s">
        <v>109</v>
      </c>
      <c r="Y178" s="730"/>
      <c r="Z178" s="593"/>
      <c r="AA178" s="593"/>
      <c r="AB178" s="593"/>
      <c r="AC178" s="321" t="s">
        <v>416</v>
      </c>
      <c r="AD178" s="39"/>
    </row>
    <row r="179" spans="1:30" s="57" customFormat="1">
      <c r="A179" s="394"/>
      <c r="B179" s="541">
        <v>161</v>
      </c>
      <c r="C179" s="542"/>
      <c r="D179" s="727" t="s">
        <v>2915</v>
      </c>
      <c r="E179" s="728"/>
      <c r="F179" s="728"/>
      <c r="G179" s="728"/>
      <c r="H179" s="728"/>
      <c r="I179" s="728"/>
      <c r="J179" s="728"/>
      <c r="K179" s="728"/>
      <c r="L179" s="728"/>
      <c r="M179" s="728"/>
      <c r="N179" s="728"/>
      <c r="O179" s="728"/>
      <c r="P179" s="728"/>
      <c r="Q179" s="729"/>
      <c r="R179" s="248" t="s">
        <v>2916</v>
      </c>
      <c r="S179" s="546" t="s">
        <v>1856</v>
      </c>
      <c r="T179" s="548"/>
      <c r="U179" s="408" t="s">
        <v>102</v>
      </c>
      <c r="V179" s="210">
        <v>1</v>
      </c>
      <c r="W179" s="210" t="s">
        <v>103</v>
      </c>
      <c r="X179" s="752"/>
      <c r="Y179" s="752"/>
      <c r="Z179" s="592"/>
      <c r="AA179" s="592"/>
      <c r="AB179" s="592"/>
      <c r="AC179" s="267"/>
      <c r="AD179" s="39"/>
    </row>
    <row r="180" spans="1:30" s="54" customFormat="1" ht="13.4" customHeight="1">
      <c r="A180" s="20"/>
      <c r="B180" s="541">
        <v>162</v>
      </c>
      <c r="C180" s="542"/>
      <c r="D180" s="563" t="s">
        <v>2917</v>
      </c>
      <c r="E180" s="564"/>
      <c r="F180" s="564"/>
      <c r="G180" s="564"/>
      <c r="H180" s="564"/>
      <c r="I180" s="564"/>
      <c r="J180" s="564"/>
      <c r="K180" s="564"/>
      <c r="L180" s="564"/>
      <c r="M180" s="564"/>
      <c r="N180" s="564"/>
      <c r="O180" s="564"/>
      <c r="P180" s="564"/>
      <c r="Q180" s="565"/>
      <c r="R180" s="249" t="s">
        <v>2918</v>
      </c>
      <c r="S180" s="546" t="s">
        <v>1856</v>
      </c>
      <c r="T180" s="548"/>
      <c r="U180" s="406" t="s">
        <v>102</v>
      </c>
      <c r="V180" s="210">
        <v>1</v>
      </c>
      <c r="W180" s="210" t="s">
        <v>103</v>
      </c>
      <c r="X180" s="697"/>
      <c r="Y180" s="699"/>
      <c r="Z180" s="592"/>
      <c r="AA180" s="592"/>
      <c r="AB180" s="592"/>
      <c r="AC180" s="267"/>
      <c r="AD180" s="38"/>
    </row>
    <row r="181" spans="1:30" s="54" customFormat="1" ht="13.4" customHeight="1">
      <c r="A181" s="20"/>
      <c r="B181" s="552">
        <v>163</v>
      </c>
      <c r="C181" s="553"/>
      <c r="D181" s="566" t="s">
        <v>2919</v>
      </c>
      <c r="E181" s="567"/>
      <c r="F181" s="567"/>
      <c r="G181" s="567"/>
      <c r="H181" s="567"/>
      <c r="I181" s="567"/>
      <c r="J181" s="567"/>
      <c r="K181" s="567"/>
      <c r="L181" s="567"/>
      <c r="M181" s="567"/>
      <c r="N181" s="567"/>
      <c r="O181" s="567"/>
      <c r="P181" s="567"/>
      <c r="Q181" s="568"/>
      <c r="R181" s="372" t="s">
        <v>2920</v>
      </c>
      <c r="S181" s="557" t="s">
        <v>1847</v>
      </c>
      <c r="T181" s="559"/>
      <c r="U181" s="402" t="s">
        <v>102</v>
      </c>
      <c r="V181" s="275">
        <v>10</v>
      </c>
      <c r="W181" s="275" t="s">
        <v>103</v>
      </c>
      <c r="X181" s="730" t="s">
        <v>109</v>
      </c>
      <c r="Y181" s="730"/>
      <c r="Z181" s="593"/>
      <c r="AA181" s="593"/>
      <c r="AB181" s="593"/>
      <c r="AC181" s="321" t="s">
        <v>416</v>
      </c>
      <c r="AD181" s="38"/>
    </row>
    <row r="182" spans="1:30" s="54" customFormat="1" ht="13.4" customHeight="1">
      <c r="A182" s="20"/>
      <c r="B182" s="541">
        <v>164</v>
      </c>
      <c r="C182" s="542"/>
      <c r="D182" s="563" t="s">
        <v>2921</v>
      </c>
      <c r="E182" s="564"/>
      <c r="F182" s="564"/>
      <c r="G182" s="564"/>
      <c r="H182" s="564"/>
      <c r="I182" s="564"/>
      <c r="J182" s="564"/>
      <c r="K182" s="564"/>
      <c r="L182" s="564"/>
      <c r="M182" s="564"/>
      <c r="N182" s="564"/>
      <c r="O182" s="564"/>
      <c r="P182" s="564"/>
      <c r="Q182" s="565"/>
      <c r="R182" s="249" t="s">
        <v>2922</v>
      </c>
      <c r="S182" s="546" t="s">
        <v>1856</v>
      </c>
      <c r="T182" s="548"/>
      <c r="U182" s="406" t="s">
        <v>102</v>
      </c>
      <c r="V182" s="210">
        <v>1</v>
      </c>
      <c r="W182" s="210" t="s">
        <v>103</v>
      </c>
      <c r="X182" s="752"/>
      <c r="Y182" s="752"/>
      <c r="Z182" s="592"/>
      <c r="AA182" s="592"/>
      <c r="AB182" s="592"/>
      <c r="AC182" s="267"/>
      <c r="AD182" s="38"/>
    </row>
    <row r="183" spans="1:30" s="54" customFormat="1" ht="13.4" customHeight="1">
      <c r="A183" s="20"/>
      <c r="B183" s="541">
        <v>165</v>
      </c>
      <c r="C183" s="542"/>
      <c r="D183" s="563" t="s">
        <v>2923</v>
      </c>
      <c r="E183" s="564"/>
      <c r="F183" s="564"/>
      <c r="G183" s="564"/>
      <c r="H183" s="564"/>
      <c r="I183" s="564"/>
      <c r="J183" s="564"/>
      <c r="K183" s="564"/>
      <c r="L183" s="564"/>
      <c r="M183" s="564"/>
      <c r="N183" s="564"/>
      <c r="O183" s="564"/>
      <c r="P183" s="564"/>
      <c r="Q183" s="565"/>
      <c r="R183" s="249" t="s">
        <v>2924</v>
      </c>
      <c r="S183" s="546" t="s">
        <v>1856</v>
      </c>
      <c r="T183" s="548"/>
      <c r="U183" s="406" t="s">
        <v>102</v>
      </c>
      <c r="V183" s="210">
        <v>1</v>
      </c>
      <c r="W183" s="210" t="s">
        <v>103</v>
      </c>
      <c r="X183" s="752"/>
      <c r="Y183" s="752"/>
      <c r="Z183" s="592"/>
      <c r="AA183" s="592"/>
      <c r="AB183" s="592"/>
      <c r="AC183" s="267"/>
      <c r="AD183" s="38"/>
    </row>
    <row r="184" spans="1:30" s="57" customFormat="1" ht="13.4" customHeight="1">
      <c r="A184" s="20"/>
      <c r="B184" s="552">
        <v>166</v>
      </c>
      <c r="C184" s="553"/>
      <c r="D184" s="566" t="s">
        <v>2925</v>
      </c>
      <c r="E184" s="567"/>
      <c r="F184" s="567"/>
      <c r="G184" s="567"/>
      <c r="H184" s="567"/>
      <c r="I184" s="567"/>
      <c r="J184" s="567"/>
      <c r="K184" s="567"/>
      <c r="L184" s="567"/>
      <c r="M184" s="567"/>
      <c r="N184" s="567"/>
      <c r="O184" s="567"/>
      <c r="P184" s="567"/>
      <c r="Q184" s="568"/>
      <c r="R184" s="372" t="s">
        <v>2926</v>
      </c>
      <c r="S184" s="557" t="s">
        <v>1847</v>
      </c>
      <c r="T184" s="559"/>
      <c r="U184" s="402" t="s">
        <v>102</v>
      </c>
      <c r="V184" s="275">
        <v>10</v>
      </c>
      <c r="W184" s="275" t="s">
        <v>103</v>
      </c>
      <c r="X184" s="730" t="s">
        <v>109</v>
      </c>
      <c r="Y184" s="730"/>
      <c r="Z184" s="593"/>
      <c r="AA184" s="593"/>
      <c r="AB184" s="593"/>
      <c r="AC184" s="321" t="s">
        <v>416</v>
      </c>
      <c r="AD184" s="39"/>
    </row>
    <row r="185" spans="1:30" s="57" customFormat="1" ht="13.4" customHeight="1">
      <c r="A185" s="394"/>
      <c r="B185" s="541">
        <v>167</v>
      </c>
      <c r="C185" s="542"/>
      <c r="D185" s="563" t="s">
        <v>2927</v>
      </c>
      <c r="E185" s="564"/>
      <c r="F185" s="564"/>
      <c r="G185" s="564"/>
      <c r="H185" s="564"/>
      <c r="I185" s="564"/>
      <c r="J185" s="564"/>
      <c r="K185" s="564"/>
      <c r="L185" s="564"/>
      <c r="M185" s="564"/>
      <c r="N185" s="564"/>
      <c r="O185" s="564"/>
      <c r="P185" s="564"/>
      <c r="Q185" s="565"/>
      <c r="R185" s="249" t="s">
        <v>2928</v>
      </c>
      <c r="S185" s="546" t="s">
        <v>1856</v>
      </c>
      <c r="T185" s="548"/>
      <c r="U185" s="406" t="s">
        <v>102</v>
      </c>
      <c r="V185" s="210">
        <v>1</v>
      </c>
      <c r="W185" s="210" t="s">
        <v>103</v>
      </c>
      <c r="X185" s="752"/>
      <c r="Y185" s="752"/>
      <c r="Z185" s="592"/>
      <c r="AA185" s="592"/>
      <c r="AB185" s="592"/>
      <c r="AC185" s="267"/>
      <c r="AD185" s="39"/>
    </row>
    <row r="186" spans="1:30" s="57" customFormat="1" ht="13.4" customHeight="1">
      <c r="A186" s="394"/>
      <c r="B186" s="541">
        <v>168</v>
      </c>
      <c r="C186" s="542"/>
      <c r="D186" s="563" t="s">
        <v>2929</v>
      </c>
      <c r="E186" s="564"/>
      <c r="F186" s="564"/>
      <c r="G186" s="564"/>
      <c r="H186" s="564"/>
      <c r="I186" s="564"/>
      <c r="J186" s="564"/>
      <c r="K186" s="564"/>
      <c r="L186" s="564"/>
      <c r="M186" s="564"/>
      <c r="N186" s="564"/>
      <c r="O186" s="564"/>
      <c r="P186" s="564"/>
      <c r="Q186" s="565"/>
      <c r="R186" s="249" t="s">
        <v>2930</v>
      </c>
      <c r="S186" s="546" t="s">
        <v>1856</v>
      </c>
      <c r="T186" s="548"/>
      <c r="U186" s="406" t="s">
        <v>102</v>
      </c>
      <c r="V186" s="210">
        <v>1</v>
      </c>
      <c r="W186" s="210" t="s">
        <v>103</v>
      </c>
      <c r="X186" s="752"/>
      <c r="Y186" s="752"/>
      <c r="Z186" s="592"/>
      <c r="AA186" s="592"/>
      <c r="AB186" s="592"/>
      <c r="AC186" s="267"/>
      <c r="AD186" s="39"/>
    </row>
    <row r="187" spans="1:30" s="57" customFormat="1" ht="13.4" customHeight="1">
      <c r="A187" s="20"/>
      <c r="B187" s="552">
        <v>169</v>
      </c>
      <c r="C187" s="553"/>
      <c r="D187" s="566" t="s">
        <v>2931</v>
      </c>
      <c r="E187" s="567"/>
      <c r="F187" s="567"/>
      <c r="G187" s="567"/>
      <c r="H187" s="567"/>
      <c r="I187" s="567"/>
      <c r="J187" s="567"/>
      <c r="K187" s="567"/>
      <c r="L187" s="567"/>
      <c r="M187" s="567"/>
      <c r="N187" s="567"/>
      <c r="O187" s="567"/>
      <c r="P187" s="567"/>
      <c r="Q187" s="568"/>
      <c r="R187" s="372" t="s">
        <v>2932</v>
      </c>
      <c r="S187" s="557" t="s">
        <v>1847</v>
      </c>
      <c r="T187" s="559"/>
      <c r="U187" s="402" t="s">
        <v>102</v>
      </c>
      <c r="V187" s="275">
        <v>10</v>
      </c>
      <c r="W187" s="275" t="s">
        <v>103</v>
      </c>
      <c r="X187" s="730" t="s">
        <v>109</v>
      </c>
      <c r="Y187" s="730"/>
      <c r="Z187" s="593"/>
      <c r="AA187" s="593"/>
      <c r="AB187" s="593"/>
      <c r="AC187" s="321" t="s">
        <v>416</v>
      </c>
      <c r="AD187" s="39"/>
    </row>
    <row r="188" spans="1:30" s="57" customFormat="1" ht="13.4" customHeight="1">
      <c r="A188" s="394"/>
      <c r="B188" s="541">
        <v>170</v>
      </c>
      <c r="C188" s="542"/>
      <c r="D188" s="563" t="s">
        <v>2933</v>
      </c>
      <c r="E188" s="564"/>
      <c r="F188" s="564"/>
      <c r="G188" s="564"/>
      <c r="H188" s="564"/>
      <c r="I188" s="564"/>
      <c r="J188" s="564"/>
      <c r="K188" s="564"/>
      <c r="L188" s="564"/>
      <c r="M188" s="564"/>
      <c r="N188" s="564"/>
      <c r="O188" s="564"/>
      <c r="P188" s="564"/>
      <c r="Q188" s="565"/>
      <c r="R188" s="249" t="s">
        <v>2934</v>
      </c>
      <c r="S188" s="546" t="s">
        <v>1856</v>
      </c>
      <c r="T188" s="548"/>
      <c r="U188" s="406" t="s">
        <v>102</v>
      </c>
      <c r="V188" s="210">
        <v>1</v>
      </c>
      <c r="W188" s="210" t="s">
        <v>103</v>
      </c>
      <c r="X188" s="752"/>
      <c r="Y188" s="752"/>
      <c r="Z188" s="592"/>
      <c r="AA188" s="592"/>
      <c r="AB188" s="592"/>
      <c r="AC188" s="267"/>
      <c r="AD188" s="39"/>
    </row>
    <row r="189" spans="1:30" s="57" customFormat="1" ht="13.4" customHeight="1">
      <c r="A189" s="394"/>
      <c r="B189" s="541">
        <v>171</v>
      </c>
      <c r="C189" s="542"/>
      <c r="D189" s="563" t="s">
        <v>2935</v>
      </c>
      <c r="E189" s="564"/>
      <c r="F189" s="564"/>
      <c r="G189" s="564"/>
      <c r="H189" s="564"/>
      <c r="I189" s="564"/>
      <c r="J189" s="564"/>
      <c r="K189" s="564"/>
      <c r="L189" s="564"/>
      <c r="M189" s="564"/>
      <c r="N189" s="564"/>
      <c r="O189" s="564"/>
      <c r="P189" s="564"/>
      <c r="Q189" s="565"/>
      <c r="R189" s="249" t="s">
        <v>2936</v>
      </c>
      <c r="S189" s="546" t="s">
        <v>1856</v>
      </c>
      <c r="T189" s="548"/>
      <c r="U189" s="406" t="s">
        <v>102</v>
      </c>
      <c r="V189" s="210">
        <v>1</v>
      </c>
      <c r="W189" s="210" t="s">
        <v>103</v>
      </c>
      <c r="X189" s="752"/>
      <c r="Y189" s="752"/>
      <c r="Z189" s="592"/>
      <c r="AA189" s="592"/>
      <c r="AB189" s="592"/>
      <c r="AC189" s="267"/>
      <c r="AD189" s="39"/>
    </row>
    <row r="190" spans="1:30" s="54" customFormat="1" ht="13.4" customHeight="1">
      <c r="A190" s="20"/>
      <c r="B190" s="552">
        <v>172</v>
      </c>
      <c r="C190" s="553"/>
      <c r="D190" s="566" t="s">
        <v>2937</v>
      </c>
      <c r="E190" s="567"/>
      <c r="F190" s="567"/>
      <c r="G190" s="567"/>
      <c r="H190" s="567"/>
      <c r="I190" s="567"/>
      <c r="J190" s="567"/>
      <c r="K190" s="567"/>
      <c r="L190" s="567"/>
      <c r="M190" s="567"/>
      <c r="N190" s="567"/>
      <c r="O190" s="567"/>
      <c r="P190" s="567"/>
      <c r="Q190" s="568"/>
      <c r="R190" s="372" t="s">
        <v>2938</v>
      </c>
      <c r="S190" s="557" t="s">
        <v>1847</v>
      </c>
      <c r="T190" s="559"/>
      <c r="U190" s="402" t="s">
        <v>102</v>
      </c>
      <c r="V190" s="275">
        <v>10</v>
      </c>
      <c r="W190" s="275" t="s">
        <v>103</v>
      </c>
      <c r="X190" s="730" t="s">
        <v>109</v>
      </c>
      <c r="Y190" s="730"/>
      <c r="Z190" s="593"/>
      <c r="AA190" s="593"/>
      <c r="AB190" s="593"/>
      <c r="AC190" s="321" t="s">
        <v>416</v>
      </c>
      <c r="AD190" s="38"/>
    </row>
    <row r="191" spans="1:30" s="54" customFormat="1" ht="13.4" customHeight="1">
      <c r="A191" s="20"/>
      <c r="B191" s="541">
        <v>173</v>
      </c>
      <c r="C191" s="542"/>
      <c r="D191" s="563" t="s">
        <v>2939</v>
      </c>
      <c r="E191" s="564"/>
      <c r="F191" s="564"/>
      <c r="G191" s="564"/>
      <c r="H191" s="564"/>
      <c r="I191" s="564"/>
      <c r="J191" s="564"/>
      <c r="K191" s="564"/>
      <c r="L191" s="564"/>
      <c r="M191" s="564"/>
      <c r="N191" s="564"/>
      <c r="O191" s="564"/>
      <c r="P191" s="564"/>
      <c r="Q191" s="565"/>
      <c r="R191" s="249" t="s">
        <v>2940</v>
      </c>
      <c r="S191" s="546" t="s">
        <v>1856</v>
      </c>
      <c r="T191" s="548"/>
      <c r="U191" s="406" t="s">
        <v>102</v>
      </c>
      <c r="V191" s="210">
        <v>1</v>
      </c>
      <c r="W191" s="210" t="s">
        <v>103</v>
      </c>
      <c r="X191" s="752"/>
      <c r="Y191" s="752"/>
      <c r="Z191" s="592"/>
      <c r="AA191" s="592"/>
      <c r="AB191" s="592"/>
      <c r="AC191" s="267"/>
      <c r="AD191" s="38"/>
    </row>
    <row r="192" spans="1:30" s="54" customFormat="1" ht="13.4" customHeight="1">
      <c r="A192" s="20"/>
      <c r="B192" s="541">
        <v>174</v>
      </c>
      <c r="C192" s="542"/>
      <c r="D192" s="563" t="s">
        <v>2941</v>
      </c>
      <c r="E192" s="564"/>
      <c r="F192" s="564"/>
      <c r="G192" s="564"/>
      <c r="H192" s="564"/>
      <c r="I192" s="564"/>
      <c r="J192" s="564"/>
      <c r="K192" s="564"/>
      <c r="L192" s="564"/>
      <c r="M192" s="564"/>
      <c r="N192" s="564"/>
      <c r="O192" s="564"/>
      <c r="P192" s="564"/>
      <c r="Q192" s="565"/>
      <c r="R192" s="249" t="s">
        <v>2942</v>
      </c>
      <c r="S192" s="546" t="s">
        <v>1856</v>
      </c>
      <c r="T192" s="548"/>
      <c r="U192" s="406" t="s">
        <v>102</v>
      </c>
      <c r="V192" s="210">
        <v>1</v>
      </c>
      <c r="W192" s="210" t="s">
        <v>103</v>
      </c>
      <c r="X192" s="752"/>
      <c r="Y192" s="752"/>
      <c r="Z192" s="592"/>
      <c r="AA192" s="592"/>
      <c r="AB192" s="592"/>
      <c r="AC192" s="267"/>
      <c r="AD192" s="38"/>
    </row>
    <row r="193" spans="1:30" s="54" customFormat="1" ht="13.4" customHeight="1">
      <c r="A193" s="20"/>
      <c r="B193" s="552">
        <v>175</v>
      </c>
      <c r="C193" s="553"/>
      <c r="D193" s="566" t="s">
        <v>2943</v>
      </c>
      <c r="E193" s="567"/>
      <c r="F193" s="567"/>
      <c r="G193" s="567"/>
      <c r="H193" s="567"/>
      <c r="I193" s="567"/>
      <c r="J193" s="567"/>
      <c r="K193" s="567"/>
      <c r="L193" s="567"/>
      <c r="M193" s="567"/>
      <c r="N193" s="567"/>
      <c r="O193" s="567"/>
      <c r="P193" s="567"/>
      <c r="Q193" s="568"/>
      <c r="R193" s="372" t="s">
        <v>2944</v>
      </c>
      <c r="S193" s="557" t="s">
        <v>1847</v>
      </c>
      <c r="T193" s="559"/>
      <c r="U193" s="402" t="s">
        <v>102</v>
      </c>
      <c r="V193" s="275">
        <v>10</v>
      </c>
      <c r="W193" s="275" t="s">
        <v>103</v>
      </c>
      <c r="X193" s="730" t="s">
        <v>109</v>
      </c>
      <c r="Y193" s="730"/>
      <c r="Z193" s="593"/>
      <c r="AA193" s="593"/>
      <c r="AB193" s="593"/>
      <c r="AC193" s="321" t="s">
        <v>416</v>
      </c>
      <c r="AD193" s="38"/>
    </row>
    <row r="194" spans="1:30" s="54" customFormat="1" ht="13.4" customHeight="1">
      <c r="A194" s="20"/>
      <c r="B194" s="541">
        <v>176</v>
      </c>
      <c r="C194" s="542"/>
      <c r="D194" s="563" t="s">
        <v>2945</v>
      </c>
      <c r="E194" s="564"/>
      <c r="F194" s="564"/>
      <c r="G194" s="564"/>
      <c r="H194" s="564"/>
      <c r="I194" s="564"/>
      <c r="J194" s="564"/>
      <c r="K194" s="564"/>
      <c r="L194" s="564"/>
      <c r="M194" s="564"/>
      <c r="N194" s="564"/>
      <c r="O194" s="564"/>
      <c r="P194" s="564"/>
      <c r="Q194" s="565"/>
      <c r="R194" s="249" t="s">
        <v>2946</v>
      </c>
      <c r="S194" s="546" t="s">
        <v>1856</v>
      </c>
      <c r="T194" s="548"/>
      <c r="U194" s="406" t="s">
        <v>102</v>
      </c>
      <c r="V194" s="210">
        <v>1</v>
      </c>
      <c r="W194" s="210" t="s">
        <v>103</v>
      </c>
      <c r="X194" s="752"/>
      <c r="Y194" s="752"/>
      <c r="Z194" s="592"/>
      <c r="AA194" s="592"/>
      <c r="AB194" s="592"/>
      <c r="AC194" s="267"/>
      <c r="AD194" s="38"/>
    </row>
    <row r="195" spans="1:30" s="57" customFormat="1" ht="13.4" customHeight="1">
      <c r="A195" s="394"/>
      <c r="B195" s="541">
        <v>177</v>
      </c>
      <c r="C195" s="542"/>
      <c r="D195" s="563" t="s">
        <v>2947</v>
      </c>
      <c r="E195" s="564"/>
      <c r="F195" s="564"/>
      <c r="G195" s="564"/>
      <c r="H195" s="564"/>
      <c r="I195" s="564"/>
      <c r="J195" s="564"/>
      <c r="K195" s="564"/>
      <c r="L195" s="564"/>
      <c r="M195" s="564"/>
      <c r="N195" s="564"/>
      <c r="O195" s="564"/>
      <c r="P195" s="564"/>
      <c r="Q195" s="565"/>
      <c r="R195" s="249" t="s">
        <v>2948</v>
      </c>
      <c r="S195" s="546" t="s">
        <v>1856</v>
      </c>
      <c r="T195" s="548"/>
      <c r="U195" s="406" t="s">
        <v>102</v>
      </c>
      <c r="V195" s="210">
        <v>1</v>
      </c>
      <c r="W195" s="210" t="s">
        <v>103</v>
      </c>
      <c r="X195" s="752"/>
      <c r="Y195" s="752"/>
      <c r="Z195" s="592"/>
      <c r="AA195" s="592"/>
      <c r="AB195" s="592"/>
      <c r="AC195" s="267"/>
      <c r="AD195" s="39"/>
    </row>
    <row r="196" spans="1:30" s="54" customFormat="1" ht="13.4" customHeight="1">
      <c r="A196" s="20"/>
      <c r="B196" s="552">
        <v>178</v>
      </c>
      <c r="C196" s="553"/>
      <c r="D196" s="566" t="s">
        <v>2949</v>
      </c>
      <c r="E196" s="567"/>
      <c r="F196" s="567"/>
      <c r="G196" s="567"/>
      <c r="H196" s="567"/>
      <c r="I196" s="567"/>
      <c r="J196" s="567"/>
      <c r="K196" s="567"/>
      <c r="L196" s="567"/>
      <c r="M196" s="567"/>
      <c r="N196" s="567"/>
      <c r="O196" s="567"/>
      <c r="P196" s="567"/>
      <c r="Q196" s="568"/>
      <c r="R196" s="372" t="s">
        <v>2950</v>
      </c>
      <c r="S196" s="557" t="s">
        <v>1847</v>
      </c>
      <c r="T196" s="559"/>
      <c r="U196" s="402" t="s">
        <v>102</v>
      </c>
      <c r="V196" s="275">
        <v>10</v>
      </c>
      <c r="W196" s="275" t="s">
        <v>103</v>
      </c>
      <c r="X196" s="730" t="s">
        <v>109</v>
      </c>
      <c r="Y196" s="730"/>
      <c r="Z196" s="593"/>
      <c r="AA196" s="593"/>
      <c r="AB196" s="593"/>
      <c r="AC196" s="321" t="s">
        <v>416</v>
      </c>
      <c r="AD196" s="38"/>
    </row>
    <row r="197" spans="1:30" s="54" customFormat="1" ht="13.4" customHeight="1">
      <c r="A197" s="20"/>
      <c r="B197" s="541">
        <v>179</v>
      </c>
      <c r="C197" s="542"/>
      <c r="D197" s="563" t="s">
        <v>2951</v>
      </c>
      <c r="E197" s="564"/>
      <c r="F197" s="564"/>
      <c r="G197" s="564"/>
      <c r="H197" s="564"/>
      <c r="I197" s="564"/>
      <c r="J197" s="564"/>
      <c r="K197" s="564"/>
      <c r="L197" s="564"/>
      <c r="M197" s="564"/>
      <c r="N197" s="564"/>
      <c r="O197" s="564"/>
      <c r="P197" s="564"/>
      <c r="Q197" s="565"/>
      <c r="R197" s="249" t="s">
        <v>2952</v>
      </c>
      <c r="S197" s="546" t="s">
        <v>1856</v>
      </c>
      <c r="T197" s="548"/>
      <c r="U197" s="406" t="s">
        <v>102</v>
      </c>
      <c r="V197" s="210">
        <v>1</v>
      </c>
      <c r="W197" s="210" t="s">
        <v>103</v>
      </c>
      <c r="X197" s="752"/>
      <c r="Y197" s="752"/>
      <c r="Z197" s="592"/>
      <c r="AA197" s="592"/>
      <c r="AB197" s="592"/>
      <c r="AC197" s="267"/>
      <c r="AD197" s="38"/>
    </row>
    <row r="198" spans="1:30" s="54" customFormat="1" ht="13.4" customHeight="1">
      <c r="A198" s="20"/>
      <c r="B198" s="541">
        <v>180</v>
      </c>
      <c r="C198" s="542"/>
      <c r="D198" s="563" t="s">
        <v>2953</v>
      </c>
      <c r="E198" s="564"/>
      <c r="F198" s="564"/>
      <c r="G198" s="564"/>
      <c r="H198" s="564"/>
      <c r="I198" s="564"/>
      <c r="J198" s="564"/>
      <c r="K198" s="564"/>
      <c r="L198" s="564"/>
      <c r="M198" s="564"/>
      <c r="N198" s="564"/>
      <c r="O198" s="564"/>
      <c r="P198" s="564"/>
      <c r="Q198" s="565"/>
      <c r="R198" s="249" t="s">
        <v>2954</v>
      </c>
      <c r="S198" s="546" t="s">
        <v>1856</v>
      </c>
      <c r="T198" s="548"/>
      <c r="U198" s="406" t="s">
        <v>102</v>
      </c>
      <c r="V198" s="210">
        <v>1</v>
      </c>
      <c r="W198" s="210" t="s">
        <v>103</v>
      </c>
      <c r="X198" s="752"/>
      <c r="Y198" s="752"/>
      <c r="Z198" s="592"/>
      <c r="AA198" s="592"/>
      <c r="AB198" s="592"/>
      <c r="AC198" s="267"/>
      <c r="AD198" s="38"/>
    </row>
    <row r="199" spans="1:30" s="54" customFormat="1" ht="13.4" customHeight="1">
      <c r="A199" s="20"/>
      <c r="B199" s="552">
        <v>181</v>
      </c>
      <c r="C199" s="553"/>
      <c r="D199" s="566" t="s">
        <v>2955</v>
      </c>
      <c r="E199" s="567"/>
      <c r="F199" s="567"/>
      <c r="G199" s="567"/>
      <c r="H199" s="567"/>
      <c r="I199" s="567"/>
      <c r="J199" s="567"/>
      <c r="K199" s="567"/>
      <c r="L199" s="567"/>
      <c r="M199" s="567"/>
      <c r="N199" s="567"/>
      <c r="O199" s="567"/>
      <c r="P199" s="567"/>
      <c r="Q199" s="568"/>
      <c r="R199" s="372" t="s">
        <v>2956</v>
      </c>
      <c r="S199" s="557" t="s">
        <v>1847</v>
      </c>
      <c r="T199" s="559"/>
      <c r="U199" s="402" t="s">
        <v>102</v>
      </c>
      <c r="V199" s="275">
        <v>10</v>
      </c>
      <c r="W199" s="275" t="s">
        <v>103</v>
      </c>
      <c r="X199" s="730" t="s">
        <v>109</v>
      </c>
      <c r="Y199" s="730"/>
      <c r="Z199" s="593"/>
      <c r="AA199" s="593"/>
      <c r="AB199" s="593"/>
      <c r="AC199" s="321" t="s">
        <v>416</v>
      </c>
      <c r="AD199" s="38"/>
    </row>
    <row r="200" spans="1:30" s="57" customFormat="1" ht="13.4" customHeight="1">
      <c r="A200" s="394"/>
      <c r="B200" s="541">
        <v>182</v>
      </c>
      <c r="C200" s="542"/>
      <c r="D200" s="563" t="s">
        <v>2957</v>
      </c>
      <c r="E200" s="564"/>
      <c r="F200" s="564"/>
      <c r="G200" s="564"/>
      <c r="H200" s="564"/>
      <c r="I200" s="564"/>
      <c r="J200" s="564"/>
      <c r="K200" s="564"/>
      <c r="L200" s="564"/>
      <c r="M200" s="564"/>
      <c r="N200" s="564"/>
      <c r="O200" s="564"/>
      <c r="P200" s="564"/>
      <c r="Q200" s="565"/>
      <c r="R200" s="249" t="s">
        <v>2958</v>
      </c>
      <c r="S200" s="546" t="s">
        <v>1856</v>
      </c>
      <c r="T200" s="548"/>
      <c r="U200" s="406" t="s">
        <v>102</v>
      </c>
      <c r="V200" s="210">
        <v>1</v>
      </c>
      <c r="W200" s="210" t="s">
        <v>103</v>
      </c>
      <c r="X200" s="752"/>
      <c r="Y200" s="752"/>
      <c r="Z200" s="592"/>
      <c r="AA200" s="592"/>
      <c r="AB200" s="592"/>
      <c r="AC200" s="267"/>
      <c r="AD200" s="39"/>
    </row>
    <row r="201" spans="1:30" s="57" customFormat="1" ht="13.4" customHeight="1">
      <c r="A201" s="394"/>
      <c r="B201" s="541">
        <v>183</v>
      </c>
      <c r="C201" s="542"/>
      <c r="D201" s="563" t="s">
        <v>2959</v>
      </c>
      <c r="E201" s="564"/>
      <c r="F201" s="564"/>
      <c r="G201" s="564"/>
      <c r="H201" s="564"/>
      <c r="I201" s="564"/>
      <c r="J201" s="564"/>
      <c r="K201" s="564"/>
      <c r="L201" s="564"/>
      <c r="M201" s="564"/>
      <c r="N201" s="564"/>
      <c r="O201" s="564"/>
      <c r="P201" s="564"/>
      <c r="Q201" s="565"/>
      <c r="R201" s="249" t="s">
        <v>2960</v>
      </c>
      <c r="S201" s="546" t="s">
        <v>1856</v>
      </c>
      <c r="T201" s="548"/>
      <c r="U201" s="406" t="s">
        <v>102</v>
      </c>
      <c r="V201" s="210">
        <v>8</v>
      </c>
      <c r="W201" s="210" t="s">
        <v>103</v>
      </c>
      <c r="X201" s="752"/>
      <c r="Y201" s="752"/>
      <c r="Z201" s="592"/>
      <c r="AA201" s="592"/>
      <c r="AB201" s="592"/>
      <c r="AC201" s="267"/>
      <c r="AD201" s="39"/>
    </row>
    <row r="202" spans="1:30" s="57" customFormat="1" ht="13.4" customHeight="1">
      <c r="A202" s="394"/>
      <c r="B202" s="541">
        <v>184</v>
      </c>
      <c r="C202" s="542"/>
      <c r="D202" s="563" t="s">
        <v>2961</v>
      </c>
      <c r="E202" s="564"/>
      <c r="F202" s="564"/>
      <c r="G202" s="564"/>
      <c r="H202" s="564"/>
      <c r="I202" s="564"/>
      <c r="J202" s="564"/>
      <c r="K202" s="564"/>
      <c r="L202" s="564"/>
      <c r="M202" s="564"/>
      <c r="N202" s="564"/>
      <c r="O202" s="564"/>
      <c r="P202" s="564"/>
      <c r="Q202" s="565"/>
      <c r="R202" s="249" t="s">
        <v>2962</v>
      </c>
      <c r="S202" s="546" t="s">
        <v>1856</v>
      </c>
      <c r="T202" s="548"/>
      <c r="U202" s="406" t="s">
        <v>102</v>
      </c>
      <c r="V202" s="210">
        <v>1</v>
      </c>
      <c r="W202" s="210" t="s">
        <v>103</v>
      </c>
      <c r="X202" s="752"/>
      <c r="Y202" s="752"/>
      <c r="Z202" s="592"/>
      <c r="AA202" s="592"/>
      <c r="AB202" s="592"/>
      <c r="AC202" s="267"/>
      <c r="AD202" s="39"/>
    </row>
    <row r="203" spans="1:30" s="57" customFormat="1" ht="13.4" customHeight="1">
      <c r="A203" s="394"/>
      <c r="B203" s="541">
        <v>185</v>
      </c>
      <c r="C203" s="542"/>
      <c r="D203" s="563" t="s">
        <v>2963</v>
      </c>
      <c r="E203" s="564"/>
      <c r="F203" s="564"/>
      <c r="G203" s="564"/>
      <c r="H203" s="564"/>
      <c r="I203" s="564"/>
      <c r="J203" s="564"/>
      <c r="K203" s="564"/>
      <c r="L203" s="564"/>
      <c r="M203" s="564"/>
      <c r="N203" s="564"/>
      <c r="O203" s="564"/>
      <c r="P203" s="564"/>
      <c r="Q203" s="565"/>
      <c r="R203" s="249" t="s">
        <v>2964</v>
      </c>
      <c r="S203" s="546" t="s">
        <v>1856</v>
      </c>
      <c r="T203" s="548"/>
      <c r="U203" s="406" t="s">
        <v>108</v>
      </c>
      <c r="V203" s="210">
        <v>5</v>
      </c>
      <c r="W203" s="210" t="s">
        <v>103</v>
      </c>
      <c r="X203" s="752"/>
      <c r="Y203" s="752"/>
      <c r="Z203" s="592"/>
      <c r="AA203" s="592"/>
      <c r="AB203" s="592"/>
      <c r="AC203" s="267"/>
      <c r="AD203" s="39"/>
    </row>
    <row r="204" spans="1:30" s="57" customFormat="1" ht="13.4" customHeight="1">
      <c r="A204" s="394"/>
      <c r="B204" s="541">
        <v>186</v>
      </c>
      <c r="C204" s="542"/>
      <c r="D204" s="563" t="s">
        <v>2965</v>
      </c>
      <c r="E204" s="564"/>
      <c r="F204" s="564"/>
      <c r="G204" s="564"/>
      <c r="H204" s="564"/>
      <c r="I204" s="564"/>
      <c r="J204" s="564"/>
      <c r="K204" s="564"/>
      <c r="L204" s="564"/>
      <c r="M204" s="564"/>
      <c r="N204" s="564"/>
      <c r="O204" s="564"/>
      <c r="P204" s="564"/>
      <c r="Q204" s="565"/>
      <c r="R204" s="249" t="s">
        <v>2966</v>
      </c>
      <c r="S204" s="546" t="s">
        <v>1856</v>
      </c>
      <c r="T204" s="548"/>
      <c r="U204" s="406" t="s">
        <v>102</v>
      </c>
      <c r="V204" s="210">
        <v>1</v>
      </c>
      <c r="W204" s="210" t="s">
        <v>103</v>
      </c>
      <c r="X204" s="752"/>
      <c r="Y204" s="752"/>
      <c r="Z204" s="592"/>
      <c r="AA204" s="592"/>
      <c r="AB204" s="592"/>
      <c r="AC204" s="267"/>
      <c r="AD204" s="39"/>
    </row>
    <row r="205" spans="1:30" s="57" customFormat="1" ht="13.4" customHeight="1">
      <c r="A205" s="394"/>
      <c r="B205" s="541">
        <v>187</v>
      </c>
      <c r="C205" s="542"/>
      <c r="D205" s="563" t="s">
        <v>2967</v>
      </c>
      <c r="E205" s="564"/>
      <c r="F205" s="564"/>
      <c r="G205" s="564"/>
      <c r="H205" s="564"/>
      <c r="I205" s="564"/>
      <c r="J205" s="564"/>
      <c r="K205" s="564"/>
      <c r="L205" s="564"/>
      <c r="M205" s="564"/>
      <c r="N205" s="564"/>
      <c r="O205" s="564"/>
      <c r="P205" s="564"/>
      <c r="Q205" s="565"/>
      <c r="R205" s="249" t="s">
        <v>2968</v>
      </c>
      <c r="S205" s="546" t="s">
        <v>1856</v>
      </c>
      <c r="T205" s="548"/>
      <c r="U205" s="406" t="s">
        <v>710</v>
      </c>
      <c r="V205" s="210">
        <v>7</v>
      </c>
      <c r="W205" s="210">
        <v>3</v>
      </c>
      <c r="X205" s="752"/>
      <c r="Y205" s="752"/>
      <c r="Z205" s="592"/>
      <c r="AA205" s="592"/>
      <c r="AB205" s="592"/>
      <c r="AC205" s="267"/>
      <c r="AD205" s="39"/>
    </row>
    <row r="206" spans="1:30" s="57" customFormat="1">
      <c r="A206" s="56"/>
      <c r="B206" s="26"/>
      <c r="C206" s="124"/>
      <c r="D206" s="125"/>
      <c r="E206" s="125"/>
      <c r="F206" s="125"/>
      <c r="G206" s="125"/>
      <c r="H206" s="125"/>
      <c r="I206" s="125"/>
      <c r="J206" s="125"/>
      <c r="K206" s="125"/>
      <c r="L206" s="125"/>
      <c r="M206" s="125"/>
      <c r="N206" s="125"/>
      <c r="O206" s="125"/>
      <c r="P206" s="125"/>
      <c r="Q206" s="125"/>
      <c r="R206" s="125"/>
      <c r="S206" s="75"/>
      <c r="T206" s="75"/>
      <c r="U206" s="205"/>
      <c r="V206" s="75"/>
      <c r="W206" s="75"/>
      <c r="X206" s="75"/>
      <c r="Y206" s="75"/>
      <c r="Z206" s="75"/>
      <c r="AA206" s="126"/>
      <c r="AB206" s="126"/>
      <c r="AD206" s="39"/>
    </row>
    <row r="207" spans="1:30">
      <c r="A207" s="25"/>
      <c r="AD207" s="29"/>
    </row>
    <row r="208" spans="1:30">
      <c r="A208" s="25"/>
      <c r="B208" s="27" t="s">
        <v>908</v>
      </c>
      <c r="AD208" s="29"/>
    </row>
    <row r="209" spans="1:30">
      <c r="A209" s="25"/>
      <c r="B209" s="27"/>
      <c r="AD209" s="29"/>
    </row>
    <row r="210" spans="1:30">
      <c r="A210" s="25"/>
      <c r="B210" s="27"/>
      <c r="AD210" s="29"/>
    </row>
    <row r="211" spans="1:30">
      <c r="A211" s="25"/>
      <c r="B211" s="27"/>
      <c r="AD211" s="29"/>
    </row>
    <row r="212" spans="1:30">
      <c r="A212" s="25"/>
      <c r="AD212" s="29"/>
    </row>
    <row r="213" spans="1:30">
      <c r="A213" s="25"/>
      <c r="AD213" s="29"/>
    </row>
    <row r="214" spans="1:30">
      <c r="A214" s="25"/>
      <c r="AD214" s="29"/>
    </row>
    <row r="227" spans="1:7">
      <c r="A227" t="s">
        <v>909</v>
      </c>
      <c r="B227" t="s">
        <v>910</v>
      </c>
      <c r="C227" t="s">
        <v>911</v>
      </c>
      <c r="D227" t="s">
        <v>912</v>
      </c>
      <c r="E227" t="s">
        <v>913</v>
      </c>
      <c r="F227" t="s">
        <v>914</v>
      </c>
      <c r="G227" t="s">
        <v>98</v>
      </c>
    </row>
    <row r="228" spans="1:7">
      <c r="A228" t="s">
        <v>340</v>
      </c>
      <c r="B228" t="s">
        <v>915</v>
      </c>
      <c r="C228" s="3" t="s">
        <v>82</v>
      </c>
      <c r="D228" t="s">
        <v>916</v>
      </c>
      <c r="E228" t="s">
        <v>917</v>
      </c>
      <c r="F228" t="s">
        <v>918</v>
      </c>
      <c r="G228" t="s">
        <v>919</v>
      </c>
    </row>
    <row r="229" spans="1:7">
      <c r="A229" t="s">
        <v>920</v>
      </c>
      <c r="B229" t="s">
        <v>2661</v>
      </c>
      <c r="C229" s="3" t="s">
        <v>922</v>
      </c>
      <c r="D229" t="s">
        <v>923</v>
      </c>
      <c r="E229" t="s">
        <v>924</v>
      </c>
      <c r="F229" t="s">
        <v>925</v>
      </c>
      <c r="G229" t="s">
        <v>926</v>
      </c>
    </row>
    <row r="230" spans="1:7">
      <c r="A230" t="s">
        <v>927</v>
      </c>
      <c r="B230"/>
      <c r="C230" s="3" t="s">
        <v>928</v>
      </c>
      <c r="D230"/>
      <c r="E230" t="s">
        <v>929</v>
      </c>
      <c r="F230" t="s">
        <v>930</v>
      </c>
      <c r="G230"/>
    </row>
    <row r="231" spans="1:7">
      <c r="A231"/>
      <c r="B231"/>
      <c r="C231" s="3" t="s">
        <v>931</v>
      </c>
      <c r="D231"/>
      <c r="E231" t="s">
        <v>932</v>
      </c>
      <c r="F231" t="s">
        <v>933</v>
      </c>
      <c r="G231"/>
    </row>
    <row r="232" spans="1:7">
      <c r="A232"/>
      <c r="B232"/>
      <c r="C232" s="3" t="s">
        <v>230</v>
      </c>
      <c r="D232"/>
      <c r="E232"/>
      <c r="F232" t="s">
        <v>934</v>
      </c>
      <c r="G232"/>
    </row>
    <row r="233" spans="1:7">
      <c r="A233"/>
      <c r="B233"/>
      <c r="C233" s="3" t="s">
        <v>177</v>
      </c>
      <c r="D233"/>
      <c r="E233"/>
      <c r="F233" t="s">
        <v>935</v>
      </c>
      <c r="G233"/>
    </row>
    <row r="234" spans="1:7">
      <c r="A234"/>
      <c r="B234"/>
      <c r="C234"/>
      <c r="D234"/>
      <c r="E234"/>
      <c r="F234" t="s">
        <v>936</v>
      </c>
      <c r="G234"/>
    </row>
    <row r="235" spans="1:7">
      <c r="A235"/>
      <c r="B235"/>
      <c r="C235"/>
      <c r="D235"/>
      <c r="E235"/>
      <c r="F235" t="s">
        <v>937</v>
      </c>
      <c r="G235"/>
    </row>
    <row r="236" spans="1:7">
      <c r="A236"/>
      <c r="B236"/>
      <c r="C236"/>
      <c r="D236"/>
      <c r="E236"/>
      <c r="F236" t="s">
        <v>938</v>
      </c>
      <c r="G236"/>
    </row>
    <row r="237" spans="1:7">
      <c r="A237"/>
      <c r="B237"/>
      <c r="C237"/>
      <c r="D237"/>
      <c r="E237"/>
      <c r="F237" t="s">
        <v>939</v>
      </c>
      <c r="G237"/>
    </row>
    <row r="238" spans="1:7">
      <c r="A238"/>
      <c r="B238"/>
      <c r="C238"/>
      <c r="D238"/>
      <c r="E238"/>
      <c r="F238" t="s">
        <v>940</v>
      </c>
      <c r="G238"/>
    </row>
    <row r="239" spans="1:7">
      <c r="A239"/>
      <c r="B239"/>
      <c r="C239"/>
      <c r="D239"/>
      <c r="E239"/>
      <c r="F239" t="s">
        <v>941</v>
      </c>
      <c r="G239"/>
    </row>
    <row r="240" spans="1:7">
      <c r="A240"/>
      <c r="B240"/>
      <c r="C240"/>
      <c r="D240"/>
      <c r="E240"/>
      <c r="F240" t="s">
        <v>942</v>
      </c>
      <c r="G240"/>
    </row>
    <row r="241" spans="1:7">
      <c r="A241"/>
      <c r="B241"/>
      <c r="C241"/>
      <c r="D241"/>
      <c r="E241"/>
      <c r="F241" t="s">
        <v>943</v>
      </c>
      <c r="G241"/>
    </row>
    <row r="242" spans="1:7">
      <c r="A242"/>
      <c r="B242"/>
      <c r="C242"/>
      <c r="D242"/>
      <c r="E242"/>
      <c r="F242" t="s">
        <v>944</v>
      </c>
      <c r="G242"/>
    </row>
    <row r="243" spans="1:7">
      <c r="A243"/>
      <c r="B243"/>
      <c r="C243"/>
      <c r="D243"/>
      <c r="E243"/>
      <c r="F243" t="s">
        <v>945</v>
      </c>
      <c r="G243"/>
    </row>
  </sheetData>
  <mergeCells count="955">
    <mergeCell ref="S6:T6"/>
    <mergeCell ref="F8:L8"/>
    <mergeCell ref="Q8:W8"/>
    <mergeCell ref="F10:S10"/>
    <mergeCell ref="F12:S12"/>
    <mergeCell ref="F14:S14"/>
    <mergeCell ref="F4:M4"/>
    <mergeCell ref="F6:G6"/>
    <mergeCell ref="H6:I6"/>
    <mergeCell ref="J6:L6"/>
    <mergeCell ref="N6:O6"/>
    <mergeCell ref="P6:Q6"/>
    <mergeCell ref="Z17:AB18"/>
    <mergeCell ref="AC17:AC18"/>
    <mergeCell ref="B19:C19"/>
    <mergeCell ref="D19:Q19"/>
    <mergeCell ref="S19:T19"/>
    <mergeCell ref="X19:Y19"/>
    <mergeCell ref="Z19:AB19"/>
    <mergeCell ref="B17:C18"/>
    <mergeCell ref="D17:Q18"/>
    <mergeCell ref="S17:T18"/>
    <mergeCell ref="U17:U18"/>
    <mergeCell ref="V17:W18"/>
    <mergeCell ref="X17:Y18"/>
    <mergeCell ref="B20:C20"/>
    <mergeCell ref="D20:Q20"/>
    <mergeCell ref="S20:T20"/>
    <mergeCell ref="X20:Y20"/>
    <mergeCell ref="Z20:AB20"/>
    <mergeCell ref="B21:C21"/>
    <mergeCell ref="D21:Q21"/>
    <mergeCell ref="S21:T21"/>
    <mergeCell ref="X21:Y21"/>
    <mergeCell ref="Z21:AB21"/>
    <mergeCell ref="B22:C22"/>
    <mergeCell ref="D22:Q22"/>
    <mergeCell ref="S22:T22"/>
    <mergeCell ref="X22:Y22"/>
    <mergeCell ref="Z22:AB22"/>
    <mergeCell ref="B23:C23"/>
    <mergeCell ref="D23:Q23"/>
    <mergeCell ref="S23:T23"/>
    <mergeCell ref="X23:Y23"/>
    <mergeCell ref="Z23:AB23"/>
    <mergeCell ref="B24:C24"/>
    <mergeCell ref="D24:Q24"/>
    <mergeCell ref="S24:T24"/>
    <mergeCell ref="X24:Y24"/>
    <mergeCell ref="Z24:AB24"/>
    <mergeCell ref="B25:C25"/>
    <mergeCell ref="D25:Q25"/>
    <mergeCell ref="S25:T25"/>
    <mergeCell ref="X25:Y25"/>
    <mergeCell ref="Z25:AB25"/>
    <mergeCell ref="B26:C26"/>
    <mergeCell ref="D26:Q26"/>
    <mergeCell ref="S26:T26"/>
    <mergeCell ref="X26:Y26"/>
    <mergeCell ref="Z26:AB26"/>
    <mergeCell ref="B27:C27"/>
    <mergeCell ref="D27:Q27"/>
    <mergeCell ref="S27:T27"/>
    <mergeCell ref="X27:Y27"/>
    <mergeCell ref="Z27:AB27"/>
    <mergeCell ref="B28:C28"/>
    <mergeCell ref="D28:Q28"/>
    <mergeCell ref="S28:T28"/>
    <mergeCell ref="X28:Y28"/>
    <mergeCell ref="Z28:AB28"/>
    <mergeCell ref="B29:C29"/>
    <mergeCell ref="D29:Q29"/>
    <mergeCell ref="S29:T29"/>
    <mergeCell ref="X29:Y29"/>
    <mergeCell ref="Z29:AB29"/>
    <mergeCell ref="B30:C30"/>
    <mergeCell ref="D30:Q30"/>
    <mergeCell ref="S30:T30"/>
    <mergeCell ref="X30:Y30"/>
    <mergeCell ref="Z30:AB30"/>
    <mergeCell ref="B31:C31"/>
    <mergeCell ref="D31:Q31"/>
    <mergeCell ref="S31:T31"/>
    <mergeCell ref="X31:Y31"/>
    <mergeCell ref="Z31:AB31"/>
    <mergeCell ref="B32:C32"/>
    <mergeCell ref="D32:Q32"/>
    <mergeCell ref="S32:T32"/>
    <mergeCell ref="X32:Y32"/>
    <mergeCell ref="Z32:AB32"/>
    <mergeCell ref="B33:C33"/>
    <mergeCell ref="D33:Q33"/>
    <mergeCell ref="S33:T33"/>
    <mergeCell ref="X33:Y33"/>
    <mergeCell ref="Z33:AB33"/>
    <mergeCell ref="B34:C34"/>
    <mergeCell ref="D34:Q34"/>
    <mergeCell ref="S34:T34"/>
    <mergeCell ref="X34:Y34"/>
    <mergeCell ref="Z34:AB34"/>
    <mergeCell ref="B35:C35"/>
    <mergeCell ref="D35:Q35"/>
    <mergeCell ref="S35:T35"/>
    <mergeCell ref="X35:Y35"/>
    <mergeCell ref="Z35:AB35"/>
    <mergeCell ref="B36:C36"/>
    <mergeCell ref="D36:Q36"/>
    <mergeCell ref="S36:T36"/>
    <mergeCell ref="X36:Y36"/>
    <mergeCell ref="Z36:AB36"/>
    <mergeCell ref="B37:C37"/>
    <mergeCell ref="D37:Q37"/>
    <mergeCell ref="S37:T37"/>
    <mergeCell ref="X37:Y37"/>
    <mergeCell ref="Z37:AB37"/>
    <mergeCell ref="B38:C38"/>
    <mergeCell ref="D38:Q38"/>
    <mergeCell ref="S38:T38"/>
    <mergeCell ref="X38:Y38"/>
    <mergeCell ref="Z38:AB38"/>
    <mergeCell ref="B39:C39"/>
    <mergeCell ref="D39:Q39"/>
    <mergeCell ref="S39:T39"/>
    <mergeCell ref="X39:Y39"/>
    <mergeCell ref="Z39:AB39"/>
    <mergeCell ref="B40:C40"/>
    <mergeCell ref="D40:Q40"/>
    <mergeCell ref="S40:T40"/>
    <mergeCell ref="X40:Y40"/>
    <mergeCell ref="Z40:AB40"/>
    <mergeCell ref="B41:C41"/>
    <mergeCell ref="D41:Q41"/>
    <mergeCell ref="S41:T41"/>
    <mergeCell ref="X41:Y41"/>
    <mergeCell ref="Z41:AB41"/>
    <mergeCell ref="B42:C42"/>
    <mergeCell ref="D42:Q42"/>
    <mergeCell ref="S42:T42"/>
    <mergeCell ref="X42:Y42"/>
    <mergeCell ref="Z42:AB42"/>
    <mergeCell ref="B43:C43"/>
    <mergeCell ref="D43:Q43"/>
    <mergeCell ref="S43:T43"/>
    <mergeCell ref="X43:Y43"/>
    <mergeCell ref="Z43:AB43"/>
    <mergeCell ref="B44:C44"/>
    <mergeCell ref="D44:Q44"/>
    <mergeCell ref="S44:T44"/>
    <mergeCell ref="X44:Y44"/>
    <mergeCell ref="Z44:AB44"/>
    <mergeCell ref="B45:C45"/>
    <mergeCell ref="D45:Q45"/>
    <mergeCell ref="S45:T45"/>
    <mergeCell ref="X45:Y45"/>
    <mergeCell ref="Z45:AB45"/>
    <mergeCell ref="B46:C46"/>
    <mergeCell ref="D46:Q46"/>
    <mergeCell ref="S46:T46"/>
    <mergeCell ref="X46:Y46"/>
    <mergeCell ref="Z46:AB46"/>
    <mergeCell ref="B47:C47"/>
    <mergeCell ref="D47:Q47"/>
    <mergeCell ref="S47:T47"/>
    <mergeCell ref="X47:Y47"/>
    <mergeCell ref="Z47:AB47"/>
    <mergeCell ref="B48:C48"/>
    <mergeCell ref="D48:Q48"/>
    <mergeCell ref="S48:T48"/>
    <mergeCell ref="X48:Y48"/>
    <mergeCell ref="Z48:AB48"/>
    <mergeCell ref="B49:C49"/>
    <mergeCell ref="D49:Q49"/>
    <mergeCell ref="S49:T49"/>
    <mergeCell ref="X49:Y49"/>
    <mergeCell ref="Z49:AB49"/>
    <mergeCell ref="B50:C50"/>
    <mergeCell ref="D50:Q50"/>
    <mergeCell ref="S50:T50"/>
    <mergeCell ref="X50:Y50"/>
    <mergeCell ref="Z50:AB50"/>
    <mergeCell ref="B51:C51"/>
    <mergeCell ref="D51:Q51"/>
    <mergeCell ref="S51:T51"/>
    <mergeCell ref="X51:Y51"/>
    <mergeCell ref="Z51:AB51"/>
    <mergeCell ref="B52:C52"/>
    <mergeCell ref="D52:Q52"/>
    <mergeCell ref="S52:T52"/>
    <mergeCell ref="X52:Y52"/>
    <mergeCell ref="Z52:AB52"/>
    <mergeCell ref="B53:C53"/>
    <mergeCell ref="D53:Q53"/>
    <mergeCell ref="S53:T53"/>
    <mergeCell ref="X53:Y53"/>
    <mergeCell ref="Z53:AB53"/>
    <mergeCell ref="B54:C54"/>
    <mergeCell ref="D54:Q54"/>
    <mergeCell ref="S54:T54"/>
    <mergeCell ref="X54:Y54"/>
    <mergeCell ref="Z54:AB54"/>
    <mergeCell ref="B55:C55"/>
    <mergeCell ref="D55:Q55"/>
    <mergeCell ref="S55:T55"/>
    <mergeCell ref="X55:Y55"/>
    <mergeCell ref="Z55:AB55"/>
    <mergeCell ref="B56:C56"/>
    <mergeCell ref="D56:Q56"/>
    <mergeCell ref="S56:T56"/>
    <mergeCell ref="X56:Y56"/>
    <mergeCell ref="Z56:AB56"/>
    <mergeCell ref="B57:C57"/>
    <mergeCell ref="D57:Q57"/>
    <mergeCell ref="S57:T57"/>
    <mergeCell ref="X57:Y57"/>
    <mergeCell ref="Z57:AB57"/>
    <mergeCell ref="B58:C58"/>
    <mergeCell ref="D58:Q58"/>
    <mergeCell ref="S58:T58"/>
    <mergeCell ref="X58:Y58"/>
    <mergeCell ref="Z58:AB58"/>
    <mergeCell ref="B59:C59"/>
    <mergeCell ref="D59:Q59"/>
    <mergeCell ref="S59:T59"/>
    <mergeCell ref="X59:Y59"/>
    <mergeCell ref="Z59:AB59"/>
    <mergeCell ref="B60:C60"/>
    <mergeCell ref="D60:Q60"/>
    <mergeCell ref="S60:T60"/>
    <mergeCell ref="X60:Y60"/>
    <mergeCell ref="Z60:AB60"/>
    <mergeCell ref="B61:C61"/>
    <mergeCell ref="D61:Q61"/>
    <mergeCell ref="S61:T61"/>
    <mergeCell ref="X61:Y61"/>
    <mergeCell ref="Z61:AB61"/>
    <mergeCell ref="B62:C62"/>
    <mergeCell ref="D62:Q62"/>
    <mergeCell ref="S62:T62"/>
    <mergeCell ref="X62:Y62"/>
    <mergeCell ref="Z62:AB62"/>
    <mergeCell ref="B63:C63"/>
    <mergeCell ref="D63:Q63"/>
    <mergeCell ref="S63:T63"/>
    <mergeCell ref="X63:Y63"/>
    <mergeCell ref="Z63:AB63"/>
    <mergeCell ref="B64:C64"/>
    <mergeCell ref="D64:Q64"/>
    <mergeCell ref="S64:T64"/>
    <mergeCell ref="X64:Y64"/>
    <mergeCell ref="Z64:AB64"/>
    <mergeCell ref="B65:C65"/>
    <mergeCell ref="D65:Q65"/>
    <mergeCell ref="S65:T65"/>
    <mergeCell ref="X65:Y65"/>
    <mergeCell ref="Z65:AB65"/>
    <mergeCell ref="B66:C66"/>
    <mergeCell ref="D66:Q66"/>
    <mergeCell ref="S66:T66"/>
    <mergeCell ref="X66:Y66"/>
    <mergeCell ref="Z66:AB66"/>
    <mergeCell ref="B67:C67"/>
    <mergeCell ref="D67:Q67"/>
    <mergeCell ref="S67:T67"/>
    <mergeCell ref="X67:Y67"/>
    <mergeCell ref="Z67:AB67"/>
    <mergeCell ref="B68:C68"/>
    <mergeCell ref="D68:Q68"/>
    <mergeCell ref="S68:T68"/>
    <mergeCell ref="X68:Y68"/>
    <mergeCell ref="Z68:AB68"/>
    <mergeCell ref="B69:C69"/>
    <mergeCell ref="D69:Q69"/>
    <mergeCell ref="S69:T69"/>
    <mergeCell ref="X69:Y69"/>
    <mergeCell ref="Z69:AB69"/>
    <mergeCell ref="B70:C70"/>
    <mergeCell ref="D70:Q70"/>
    <mergeCell ref="S70:T70"/>
    <mergeCell ref="X70:Y70"/>
    <mergeCell ref="Z70:AB70"/>
    <mergeCell ref="B71:C71"/>
    <mergeCell ref="D71:Q71"/>
    <mergeCell ref="S71:T71"/>
    <mergeCell ref="X71:Y71"/>
    <mergeCell ref="Z71:AB71"/>
    <mergeCell ref="B72:C72"/>
    <mergeCell ref="D72:Q72"/>
    <mergeCell ref="S72:T72"/>
    <mergeCell ref="X72:Y72"/>
    <mergeCell ref="Z72:AB72"/>
    <mergeCell ref="B73:C73"/>
    <mergeCell ref="D73:Q73"/>
    <mergeCell ref="S73:T73"/>
    <mergeCell ref="X73:Y73"/>
    <mergeCell ref="Z73:AB73"/>
    <mergeCell ref="B74:C74"/>
    <mergeCell ref="D74:Q74"/>
    <mergeCell ref="S74:T74"/>
    <mergeCell ref="X74:Y74"/>
    <mergeCell ref="Z74:AB74"/>
    <mergeCell ref="B75:C75"/>
    <mergeCell ref="D75:Q75"/>
    <mergeCell ref="S75:T75"/>
    <mergeCell ref="X75:Y75"/>
    <mergeCell ref="Z75:AB75"/>
    <mergeCell ref="B76:C76"/>
    <mergeCell ref="D76:Q76"/>
    <mergeCell ref="S76:T76"/>
    <mergeCell ref="X76:Y76"/>
    <mergeCell ref="Z76:AB76"/>
    <mergeCell ref="B77:C77"/>
    <mergeCell ref="D77:Q77"/>
    <mergeCell ref="S77:T77"/>
    <mergeCell ref="X77:Y77"/>
    <mergeCell ref="Z77:AB77"/>
    <mergeCell ref="B78:C78"/>
    <mergeCell ref="D78:Q78"/>
    <mergeCell ref="S78:T78"/>
    <mergeCell ref="X78:Y78"/>
    <mergeCell ref="Z78:AB78"/>
    <mergeCell ref="B79:C79"/>
    <mergeCell ref="D79:Q79"/>
    <mergeCell ref="S79:T79"/>
    <mergeCell ref="X79:Y79"/>
    <mergeCell ref="Z79:AB79"/>
    <mergeCell ref="B80:C80"/>
    <mergeCell ref="D80:Q80"/>
    <mergeCell ref="S80:T80"/>
    <mergeCell ref="X80:Y80"/>
    <mergeCell ref="Z80:AB80"/>
    <mergeCell ref="B81:C81"/>
    <mergeCell ref="D81:Q81"/>
    <mergeCell ref="S81:T81"/>
    <mergeCell ref="X81:Y81"/>
    <mergeCell ref="Z81:AB81"/>
    <mergeCell ref="B82:C82"/>
    <mergeCell ref="D82:Q82"/>
    <mergeCell ref="S82:T82"/>
    <mergeCell ref="X82:Y82"/>
    <mergeCell ref="Z82:AB82"/>
    <mergeCell ref="B83:C83"/>
    <mergeCell ref="D83:Q83"/>
    <mergeCell ref="S83:T83"/>
    <mergeCell ref="X83:Y83"/>
    <mergeCell ref="Z83:AB83"/>
    <mergeCell ref="B84:C84"/>
    <mergeCell ref="D84:Q84"/>
    <mergeCell ref="S84:T84"/>
    <mergeCell ref="X84:Y84"/>
    <mergeCell ref="Z84:AB84"/>
    <mergeCell ref="B85:C85"/>
    <mergeCell ref="D85:Q85"/>
    <mergeCell ref="S85:T85"/>
    <mergeCell ref="X85:Y85"/>
    <mergeCell ref="Z85:AB85"/>
    <mergeCell ref="B86:C86"/>
    <mergeCell ref="D86:Q86"/>
    <mergeCell ref="S86:T86"/>
    <mergeCell ref="X86:Y86"/>
    <mergeCell ref="Z86:AB86"/>
    <mergeCell ref="B87:C87"/>
    <mergeCell ref="D87:Q87"/>
    <mergeCell ref="S87:T87"/>
    <mergeCell ref="X87:Y87"/>
    <mergeCell ref="Z87:AB87"/>
    <mergeCell ref="B88:C88"/>
    <mergeCell ref="D88:Q88"/>
    <mergeCell ref="S88:T88"/>
    <mergeCell ref="X88:Y88"/>
    <mergeCell ref="Z88:AB88"/>
    <mergeCell ref="B89:C89"/>
    <mergeCell ref="D89:Q89"/>
    <mergeCell ref="S89:T89"/>
    <mergeCell ref="X89:Y89"/>
    <mergeCell ref="Z89:AB89"/>
    <mergeCell ref="B90:C90"/>
    <mergeCell ref="D90:Q90"/>
    <mergeCell ref="S90:T90"/>
    <mergeCell ref="X90:Y90"/>
    <mergeCell ref="Z90:AB90"/>
    <mergeCell ref="B91:C91"/>
    <mergeCell ref="D91:Q91"/>
    <mergeCell ref="S91:T91"/>
    <mergeCell ref="X91:Y91"/>
    <mergeCell ref="Z91:AB91"/>
    <mergeCell ref="B92:C92"/>
    <mergeCell ref="D92:Q92"/>
    <mergeCell ref="S92:T92"/>
    <mergeCell ref="X92:Y92"/>
    <mergeCell ref="Z92:AB92"/>
    <mergeCell ref="B93:C93"/>
    <mergeCell ref="D93:Q93"/>
    <mergeCell ref="S93:T93"/>
    <mergeCell ref="X93:Y93"/>
    <mergeCell ref="Z93:AB93"/>
    <mergeCell ref="B94:C94"/>
    <mergeCell ref="D94:Q94"/>
    <mergeCell ref="S94:T94"/>
    <mergeCell ref="X94:Y94"/>
    <mergeCell ref="Z94:AB94"/>
    <mergeCell ref="B95:C95"/>
    <mergeCell ref="D95:Q95"/>
    <mergeCell ref="S95:T95"/>
    <mergeCell ref="X95:Y95"/>
    <mergeCell ref="Z95:AB95"/>
    <mergeCell ref="B96:C96"/>
    <mergeCell ref="D96:Q96"/>
    <mergeCell ref="S96:T96"/>
    <mergeCell ref="X96:Y96"/>
    <mergeCell ref="Z96:AB96"/>
    <mergeCell ref="B97:C97"/>
    <mergeCell ref="D97:Q97"/>
    <mergeCell ref="S97:T97"/>
    <mergeCell ref="X97:Y97"/>
    <mergeCell ref="Z97:AB97"/>
    <mergeCell ref="B98:C98"/>
    <mergeCell ref="D98:Q98"/>
    <mergeCell ref="S98:T98"/>
    <mergeCell ref="X98:Y98"/>
    <mergeCell ref="Z98:AB98"/>
    <mergeCell ref="B99:C99"/>
    <mergeCell ref="D99:Q99"/>
    <mergeCell ref="S99:T99"/>
    <mergeCell ref="X99:Y99"/>
    <mergeCell ref="Z99:AB99"/>
    <mergeCell ref="B100:C100"/>
    <mergeCell ref="D100:Q100"/>
    <mergeCell ref="S100:T100"/>
    <mergeCell ref="X100:Y100"/>
    <mergeCell ref="Z100:AB100"/>
    <mergeCell ref="B101:C101"/>
    <mergeCell ref="D101:Q101"/>
    <mergeCell ref="S101:T101"/>
    <mergeCell ref="X101:Y101"/>
    <mergeCell ref="Z101:AB101"/>
    <mergeCell ref="B102:C102"/>
    <mergeCell ref="D102:Q102"/>
    <mergeCell ref="S102:T102"/>
    <mergeCell ref="X102:Y102"/>
    <mergeCell ref="Z102:AB102"/>
    <mergeCell ref="B103:C103"/>
    <mergeCell ref="D103:Q103"/>
    <mergeCell ref="S103:T103"/>
    <mergeCell ref="X103:Y103"/>
    <mergeCell ref="Z103:AB103"/>
    <mergeCell ref="B104:C104"/>
    <mergeCell ref="D104:Q104"/>
    <mergeCell ref="S104:T104"/>
    <mergeCell ref="X104:Y104"/>
    <mergeCell ref="Z104:AB104"/>
    <mergeCell ref="B105:C105"/>
    <mergeCell ref="D105:Q105"/>
    <mergeCell ref="S105:T105"/>
    <mergeCell ref="X105:Y105"/>
    <mergeCell ref="Z105:AB105"/>
    <mergeCell ref="B106:C106"/>
    <mergeCell ref="D106:Q106"/>
    <mergeCell ref="S106:T106"/>
    <mergeCell ref="X106:Y106"/>
    <mergeCell ref="Z106:AB106"/>
    <mergeCell ref="B107:C107"/>
    <mergeCell ref="D107:Q107"/>
    <mergeCell ref="S107:T107"/>
    <mergeCell ref="X107:Y107"/>
    <mergeCell ref="Z107:AB107"/>
    <mergeCell ref="B108:C108"/>
    <mergeCell ref="D108:Q108"/>
    <mergeCell ref="S108:T108"/>
    <mergeCell ref="X108:Y108"/>
    <mergeCell ref="Z108:AB108"/>
    <mergeCell ref="B109:C109"/>
    <mergeCell ref="D109:Q109"/>
    <mergeCell ref="S109:T109"/>
    <mergeCell ref="X109:Y109"/>
    <mergeCell ref="Z109:AB109"/>
    <mergeCell ref="B110:C110"/>
    <mergeCell ref="D110:Q110"/>
    <mergeCell ref="S110:T110"/>
    <mergeCell ref="X110:Y110"/>
    <mergeCell ref="Z110:AB110"/>
    <mergeCell ref="B111:C111"/>
    <mergeCell ref="D111:Q111"/>
    <mergeCell ref="S111:T111"/>
    <mergeCell ref="X111:Y111"/>
    <mergeCell ref="Z111:AB111"/>
    <mergeCell ref="B112:C112"/>
    <mergeCell ref="D112:Q112"/>
    <mergeCell ref="S112:T112"/>
    <mergeCell ref="X112:Y112"/>
    <mergeCell ref="Z112:AB112"/>
    <mergeCell ref="B113:C113"/>
    <mergeCell ref="D113:Q113"/>
    <mergeCell ref="S113:T113"/>
    <mergeCell ref="X113:Y113"/>
    <mergeCell ref="Z113:AB113"/>
    <mergeCell ref="B114:C114"/>
    <mergeCell ref="D114:Q114"/>
    <mergeCell ref="S114:T114"/>
    <mergeCell ref="X114:Y114"/>
    <mergeCell ref="Z114:AB114"/>
    <mergeCell ref="B115:C115"/>
    <mergeCell ref="D115:Q115"/>
    <mergeCell ref="S115:T115"/>
    <mergeCell ref="X115:Y115"/>
    <mergeCell ref="Z115:AB115"/>
    <mergeCell ref="B116:C116"/>
    <mergeCell ref="D116:Q116"/>
    <mergeCell ref="S116:T116"/>
    <mergeCell ref="X116:Y116"/>
    <mergeCell ref="Z116:AB116"/>
    <mergeCell ref="B117:C117"/>
    <mergeCell ref="D117:Q117"/>
    <mergeCell ref="S117:T117"/>
    <mergeCell ref="X117:Y117"/>
    <mergeCell ref="Z117:AB117"/>
    <mergeCell ref="B118:C118"/>
    <mergeCell ref="D118:Q118"/>
    <mergeCell ref="S118:T118"/>
    <mergeCell ref="X118:Y118"/>
    <mergeCell ref="Z118:AB118"/>
    <mergeCell ref="B119:C119"/>
    <mergeCell ref="D119:Q119"/>
    <mergeCell ref="S119:T119"/>
    <mergeCell ref="X119:Y119"/>
    <mergeCell ref="Z119:AB119"/>
    <mergeCell ref="B120:C120"/>
    <mergeCell ref="D120:Q120"/>
    <mergeCell ref="S120:T120"/>
    <mergeCell ref="X120:Y120"/>
    <mergeCell ref="Z120:AB120"/>
    <mergeCell ref="B121:C121"/>
    <mergeCell ref="D121:Q121"/>
    <mergeCell ref="S121:T121"/>
    <mergeCell ref="X121:Y121"/>
    <mergeCell ref="Z121:AB121"/>
    <mergeCell ref="B122:C122"/>
    <mergeCell ref="D122:Q122"/>
    <mergeCell ref="S122:T122"/>
    <mergeCell ref="X122:Y122"/>
    <mergeCell ref="Z122:AB122"/>
    <mergeCell ref="B123:C123"/>
    <mergeCell ref="D123:Q123"/>
    <mergeCell ref="S123:T123"/>
    <mergeCell ref="X123:Y123"/>
    <mergeCell ref="Z123:AB123"/>
    <mergeCell ref="B124:C124"/>
    <mergeCell ref="D124:Q124"/>
    <mergeCell ref="S124:T124"/>
    <mergeCell ref="X124:Y124"/>
    <mergeCell ref="Z124:AB124"/>
    <mergeCell ref="B125:C125"/>
    <mergeCell ref="D125:Q125"/>
    <mergeCell ref="S125:T125"/>
    <mergeCell ref="X125:Y125"/>
    <mergeCell ref="Z125:AB125"/>
    <mergeCell ref="B126:C126"/>
    <mergeCell ref="D126:Q126"/>
    <mergeCell ref="S126:T126"/>
    <mergeCell ref="X126:Y126"/>
    <mergeCell ref="Z126:AB126"/>
    <mergeCell ref="B127:C127"/>
    <mergeCell ref="D127:Q127"/>
    <mergeCell ref="S127:T127"/>
    <mergeCell ref="X127:Y127"/>
    <mergeCell ref="Z127:AB127"/>
    <mergeCell ref="B128:C128"/>
    <mergeCell ref="D128:Q128"/>
    <mergeCell ref="S128:T128"/>
    <mergeCell ref="X128:Y128"/>
    <mergeCell ref="Z128:AB128"/>
    <mergeCell ref="B129:C129"/>
    <mergeCell ref="D129:Q129"/>
    <mergeCell ref="S129:T129"/>
    <mergeCell ref="X129:Y129"/>
    <mergeCell ref="Z129:AB129"/>
    <mergeCell ref="B130:C130"/>
    <mergeCell ref="D130:Q130"/>
    <mergeCell ref="S130:T130"/>
    <mergeCell ref="X130:Y130"/>
    <mergeCell ref="Z130:AB130"/>
    <mergeCell ref="B131:C131"/>
    <mergeCell ref="D131:Q131"/>
    <mergeCell ref="S131:T131"/>
    <mergeCell ref="X131:Y131"/>
    <mergeCell ref="Z131:AB131"/>
    <mergeCell ref="B132:C132"/>
    <mergeCell ref="D132:Q132"/>
    <mergeCell ref="S132:T132"/>
    <mergeCell ref="X132:Y132"/>
    <mergeCell ref="Z132:AB132"/>
    <mergeCell ref="B133:C133"/>
    <mergeCell ref="D133:Q133"/>
    <mergeCell ref="S133:T133"/>
    <mergeCell ref="X133:Y133"/>
    <mergeCell ref="Z133:AB133"/>
    <mergeCell ref="B134:C134"/>
    <mergeCell ref="D134:Q134"/>
    <mergeCell ref="S134:T134"/>
    <mergeCell ref="X134:Y134"/>
    <mergeCell ref="Z134:AB134"/>
    <mergeCell ref="B135:C135"/>
    <mergeCell ref="D135:Q135"/>
    <mergeCell ref="S135:T135"/>
    <mergeCell ref="X135:Y135"/>
    <mergeCell ref="Z135:AB135"/>
    <mergeCell ref="B136:C136"/>
    <mergeCell ref="D136:Q136"/>
    <mergeCell ref="S136:T136"/>
    <mergeCell ref="X136:Y136"/>
    <mergeCell ref="Z136:AB136"/>
    <mergeCell ref="B137:C137"/>
    <mergeCell ref="D137:Q137"/>
    <mergeCell ref="S137:T137"/>
    <mergeCell ref="X137:Y137"/>
    <mergeCell ref="Z137:AB137"/>
    <mergeCell ref="B138:C138"/>
    <mergeCell ref="D138:Q138"/>
    <mergeCell ref="S138:T138"/>
    <mergeCell ref="X138:Y138"/>
    <mergeCell ref="Z138:AB138"/>
    <mergeCell ref="B139:C139"/>
    <mergeCell ref="D139:Q139"/>
    <mergeCell ref="S139:T139"/>
    <mergeCell ref="X139:Y139"/>
    <mergeCell ref="Z139:AB139"/>
    <mergeCell ref="B140:C140"/>
    <mergeCell ref="D140:Q140"/>
    <mergeCell ref="S140:T140"/>
    <mergeCell ref="X140:Y140"/>
    <mergeCell ref="Z140:AB140"/>
    <mergeCell ref="B141:C141"/>
    <mergeCell ref="D141:Q141"/>
    <mergeCell ref="S141:T141"/>
    <mergeCell ref="X141:Y141"/>
    <mergeCell ref="Z141:AB141"/>
    <mergeCell ref="B142:C142"/>
    <mergeCell ref="D142:Q142"/>
    <mergeCell ref="S142:T142"/>
    <mergeCell ref="X142:Y142"/>
    <mergeCell ref="Z142:AB142"/>
    <mergeCell ref="B143:C143"/>
    <mergeCell ref="D143:Q143"/>
    <mergeCell ref="S143:T143"/>
    <mergeCell ref="X143:Y143"/>
    <mergeCell ref="Z143:AB143"/>
    <mergeCell ref="B144:C144"/>
    <mergeCell ref="D144:Q144"/>
    <mergeCell ref="S144:T144"/>
    <mergeCell ref="X144:Y144"/>
    <mergeCell ref="Z144:AB144"/>
    <mergeCell ref="B145:C145"/>
    <mergeCell ref="D145:Q145"/>
    <mergeCell ref="S145:T145"/>
    <mergeCell ref="X145:Y145"/>
    <mergeCell ref="Z145:AB145"/>
    <mergeCell ref="B146:C146"/>
    <mergeCell ref="D146:Q146"/>
    <mergeCell ref="S146:T146"/>
    <mergeCell ref="X146:Y146"/>
    <mergeCell ref="Z146:AB146"/>
    <mergeCell ref="B147:C147"/>
    <mergeCell ref="D147:Q147"/>
    <mergeCell ref="S147:T147"/>
    <mergeCell ref="X147:Y147"/>
    <mergeCell ref="Z147:AB147"/>
    <mergeCell ref="B148:C148"/>
    <mergeCell ref="D148:Q148"/>
    <mergeCell ref="S148:T148"/>
    <mergeCell ref="X148:Y148"/>
    <mergeCell ref="Z148:AB148"/>
    <mergeCell ref="B149:C149"/>
    <mergeCell ref="D149:Q149"/>
    <mergeCell ref="S149:T149"/>
    <mergeCell ref="X149:Y149"/>
    <mergeCell ref="Z149:AB149"/>
    <mergeCell ref="B150:C150"/>
    <mergeCell ref="D150:Q150"/>
    <mergeCell ref="S150:T150"/>
    <mergeCell ref="X150:Y150"/>
    <mergeCell ref="Z150:AB150"/>
    <mergeCell ref="B151:C151"/>
    <mergeCell ref="D151:Q151"/>
    <mergeCell ref="S151:T151"/>
    <mergeCell ref="X151:Y151"/>
    <mergeCell ref="Z151:AB151"/>
    <mergeCell ref="B152:C152"/>
    <mergeCell ref="D152:Q152"/>
    <mergeCell ref="S152:T152"/>
    <mergeCell ref="X152:Y152"/>
    <mergeCell ref="Z152:AB152"/>
    <mergeCell ref="B153:C153"/>
    <mergeCell ref="D153:Q153"/>
    <mergeCell ref="S153:T153"/>
    <mergeCell ref="X153:Y153"/>
    <mergeCell ref="Z153:AB153"/>
    <mergeCell ref="B154:C154"/>
    <mergeCell ref="D154:Q154"/>
    <mergeCell ref="S154:T154"/>
    <mergeCell ref="X154:Y154"/>
    <mergeCell ref="Z154:AB154"/>
    <mergeCell ref="B155:C155"/>
    <mergeCell ref="D155:Q155"/>
    <mergeCell ref="S155:T155"/>
    <mergeCell ref="X155:Y155"/>
    <mergeCell ref="Z155:AB155"/>
    <mergeCell ref="B156:C156"/>
    <mergeCell ref="D156:Q156"/>
    <mergeCell ref="S156:T156"/>
    <mergeCell ref="X156:Y156"/>
    <mergeCell ref="Z156:AB156"/>
    <mergeCell ref="B157:C157"/>
    <mergeCell ref="D157:Q157"/>
    <mergeCell ref="S157:T157"/>
    <mergeCell ref="X157:Y157"/>
    <mergeCell ref="Z157:AB157"/>
    <mergeCell ref="B158:C158"/>
    <mergeCell ref="D158:Q158"/>
    <mergeCell ref="S158:T158"/>
    <mergeCell ref="X158:Y158"/>
    <mergeCell ref="Z158:AB158"/>
    <mergeCell ref="B159:C159"/>
    <mergeCell ref="D159:Q159"/>
    <mergeCell ref="S159:T159"/>
    <mergeCell ref="X159:Y159"/>
    <mergeCell ref="Z159:AB159"/>
    <mergeCell ref="B160:C160"/>
    <mergeCell ref="D160:Q160"/>
    <mergeCell ref="S160:T160"/>
    <mergeCell ref="X160:Y160"/>
    <mergeCell ref="Z160:AB160"/>
    <mergeCell ref="B161:C161"/>
    <mergeCell ref="D161:Q161"/>
    <mergeCell ref="S161:T161"/>
    <mergeCell ref="X161:Y161"/>
    <mergeCell ref="Z161:AB161"/>
    <mergeCell ref="B162:C162"/>
    <mergeCell ref="D162:Q162"/>
    <mergeCell ref="S162:T162"/>
    <mergeCell ref="X162:Y162"/>
    <mergeCell ref="Z162:AB162"/>
    <mergeCell ref="B163:C163"/>
    <mergeCell ref="D163:Q163"/>
    <mergeCell ref="S163:T163"/>
    <mergeCell ref="X163:Y163"/>
    <mergeCell ref="Z163:AB163"/>
    <mergeCell ref="B164:C164"/>
    <mergeCell ref="D164:Q164"/>
    <mergeCell ref="S164:T164"/>
    <mergeCell ref="X164:Y164"/>
    <mergeCell ref="Z164:AB164"/>
    <mergeCell ref="B165:C165"/>
    <mergeCell ref="D165:Q165"/>
    <mergeCell ref="S165:T165"/>
    <mergeCell ref="X165:Y165"/>
    <mergeCell ref="Z165:AB165"/>
    <mergeCell ref="B166:C166"/>
    <mergeCell ref="D166:Q166"/>
    <mergeCell ref="S166:T166"/>
    <mergeCell ref="X166:Y166"/>
    <mergeCell ref="Z166:AB166"/>
    <mergeCell ref="B167:C167"/>
    <mergeCell ref="D167:Q167"/>
    <mergeCell ref="S167:T167"/>
    <mergeCell ref="X167:Y167"/>
    <mergeCell ref="Z167:AB167"/>
    <mergeCell ref="B168:C168"/>
    <mergeCell ref="D168:Q168"/>
    <mergeCell ref="S168:T168"/>
    <mergeCell ref="X168:Y168"/>
    <mergeCell ref="Z168:AB168"/>
    <mergeCell ref="B169:C169"/>
    <mergeCell ref="D169:Q169"/>
    <mergeCell ref="S169:T169"/>
    <mergeCell ref="X169:Y169"/>
    <mergeCell ref="Z169:AB169"/>
    <mergeCell ref="B170:C170"/>
    <mergeCell ref="D170:Q170"/>
    <mergeCell ref="S170:T170"/>
    <mergeCell ref="X170:Y170"/>
    <mergeCell ref="Z170:AB170"/>
    <mergeCell ref="B171:C171"/>
    <mergeCell ref="D171:Q171"/>
    <mergeCell ref="S171:T171"/>
    <mergeCell ref="X171:Y171"/>
    <mergeCell ref="Z171:AB171"/>
    <mergeCell ref="B172:C172"/>
    <mergeCell ref="D172:Q172"/>
    <mergeCell ref="S172:T172"/>
    <mergeCell ref="X172:Y172"/>
    <mergeCell ref="Z172:AB172"/>
    <mergeCell ref="B173:C173"/>
    <mergeCell ref="D173:Q173"/>
    <mergeCell ref="S173:T173"/>
    <mergeCell ref="X173:Y173"/>
    <mergeCell ref="Z173:AB173"/>
    <mergeCell ref="B174:C174"/>
    <mergeCell ref="D174:Q174"/>
    <mergeCell ref="S174:T174"/>
    <mergeCell ref="X174:Y174"/>
    <mergeCell ref="Z174:AB174"/>
    <mergeCell ref="B175:C175"/>
    <mergeCell ref="D175:Q175"/>
    <mergeCell ref="S175:T175"/>
    <mergeCell ref="X175:Y175"/>
    <mergeCell ref="Z175:AB175"/>
    <mergeCell ref="B176:C176"/>
    <mergeCell ref="D176:Q176"/>
    <mergeCell ref="S176:T176"/>
    <mergeCell ref="X176:Y176"/>
    <mergeCell ref="Z176:AB176"/>
    <mergeCell ref="B177:C177"/>
    <mergeCell ref="D177:Q177"/>
    <mergeCell ref="S177:T177"/>
    <mergeCell ref="X177:Y177"/>
    <mergeCell ref="Z177:AB177"/>
    <mergeCell ref="B178:C178"/>
    <mergeCell ref="D178:Q178"/>
    <mergeCell ref="S178:T178"/>
    <mergeCell ref="X178:Y178"/>
    <mergeCell ref="Z178:AB178"/>
    <mergeCell ref="B179:C179"/>
    <mergeCell ref="D179:Q179"/>
    <mergeCell ref="S179:T179"/>
    <mergeCell ref="X179:Y179"/>
    <mergeCell ref="Z179:AB179"/>
    <mergeCell ref="B180:C180"/>
    <mergeCell ref="D180:Q180"/>
    <mergeCell ref="S180:T180"/>
    <mergeCell ref="X180:Y180"/>
    <mergeCell ref="Z180:AB180"/>
    <mergeCell ref="B181:C181"/>
    <mergeCell ref="D181:Q181"/>
    <mergeCell ref="S181:T181"/>
    <mergeCell ref="X181:Y181"/>
    <mergeCell ref="Z181:AB181"/>
    <mergeCell ref="B182:C182"/>
    <mergeCell ref="D182:Q182"/>
    <mergeCell ref="S182:T182"/>
    <mergeCell ref="X182:Y182"/>
    <mergeCell ref="Z182:AB182"/>
    <mergeCell ref="B183:C183"/>
    <mergeCell ref="D183:Q183"/>
    <mergeCell ref="S183:T183"/>
    <mergeCell ref="X183:Y183"/>
    <mergeCell ref="Z183:AB183"/>
    <mergeCell ref="B184:C184"/>
    <mergeCell ref="D184:Q184"/>
    <mergeCell ref="S184:T184"/>
    <mergeCell ref="X184:Y184"/>
    <mergeCell ref="Z184:AB184"/>
    <mergeCell ref="B185:C185"/>
    <mergeCell ref="D185:Q185"/>
    <mergeCell ref="S185:T185"/>
    <mergeCell ref="X185:Y185"/>
    <mergeCell ref="Z185:AB185"/>
    <mergeCell ref="B186:C186"/>
    <mergeCell ref="D186:Q186"/>
    <mergeCell ref="S186:T186"/>
    <mergeCell ref="X186:Y186"/>
    <mergeCell ref="Z186:AB186"/>
    <mergeCell ref="B187:C187"/>
    <mergeCell ref="D187:Q187"/>
    <mergeCell ref="S187:T187"/>
    <mergeCell ref="X187:Y187"/>
    <mergeCell ref="Z187:AB187"/>
    <mergeCell ref="B188:C188"/>
    <mergeCell ref="D188:Q188"/>
    <mergeCell ref="S188:T188"/>
    <mergeCell ref="X188:Y188"/>
    <mergeCell ref="Z188:AB188"/>
    <mergeCell ref="B189:C189"/>
    <mergeCell ref="D189:Q189"/>
    <mergeCell ref="S189:T189"/>
    <mergeCell ref="X189:Y189"/>
    <mergeCell ref="Z189:AB189"/>
    <mergeCell ref="B190:C190"/>
    <mergeCell ref="D190:Q190"/>
    <mergeCell ref="S190:T190"/>
    <mergeCell ref="X190:Y190"/>
    <mergeCell ref="Z190:AB190"/>
    <mergeCell ref="B191:C191"/>
    <mergeCell ref="D191:Q191"/>
    <mergeCell ref="S191:T191"/>
    <mergeCell ref="X191:Y191"/>
    <mergeCell ref="Z191:AB191"/>
    <mergeCell ref="B192:C192"/>
    <mergeCell ref="D192:Q192"/>
    <mergeCell ref="S192:T192"/>
    <mergeCell ref="X192:Y192"/>
    <mergeCell ref="Z192:AB192"/>
    <mergeCell ref="B193:C193"/>
    <mergeCell ref="D193:Q193"/>
    <mergeCell ref="S193:T193"/>
    <mergeCell ref="X193:Y193"/>
    <mergeCell ref="Z193:AB193"/>
    <mergeCell ref="B194:C194"/>
    <mergeCell ref="D194:Q194"/>
    <mergeCell ref="S194:T194"/>
    <mergeCell ref="X194:Y194"/>
    <mergeCell ref="Z194:AB194"/>
    <mergeCell ref="B195:C195"/>
    <mergeCell ref="D195:Q195"/>
    <mergeCell ref="S195:T195"/>
    <mergeCell ref="X195:Y195"/>
    <mergeCell ref="Z195:AB195"/>
    <mergeCell ref="B196:C196"/>
    <mergeCell ref="D196:Q196"/>
    <mergeCell ref="S196:T196"/>
    <mergeCell ref="X196:Y196"/>
    <mergeCell ref="Z196:AB196"/>
    <mergeCell ref="B197:C197"/>
    <mergeCell ref="D197:Q197"/>
    <mergeCell ref="S197:T197"/>
    <mergeCell ref="X197:Y197"/>
    <mergeCell ref="Z197:AB197"/>
    <mergeCell ref="B198:C198"/>
    <mergeCell ref="D198:Q198"/>
    <mergeCell ref="S198:T198"/>
    <mergeCell ref="X198:Y198"/>
    <mergeCell ref="Z198:AB198"/>
    <mergeCell ref="B199:C199"/>
    <mergeCell ref="D199:Q199"/>
    <mergeCell ref="S199:T199"/>
    <mergeCell ref="X199:Y199"/>
    <mergeCell ref="Z199:AB199"/>
    <mergeCell ref="B200:C200"/>
    <mergeCell ref="D200:Q200"/>
    <mergeCell ref="S200:T200"/>
    <mergeCell ref="X200:Y200"/>
    <mergeCell ref="Z200:AB200"/>
    <mergeCell ref="B201:C201"/>
    <mergeCell ref="D201:Q201"/>
    <mergeCell ref="S201:T201"/>
    <mergeCell ref="X201:Y201"/>
    <mergeCell ref="Z201:AB201"/>
    <mergeCell ref="B202:C202"/>
    <mergeCell ref="D202:Q202"/>
    <mergeCell ref="S202:T202"/>
    <mergeCell ref="X202:Y202"/>
    <mergeCell ref="Z202:AB202"/>
    <mergeCell ref="B203:C203"/>
    <mergeCell ref="D203:Q203"/>
    <mergeCell ref="S203:T203"/>
    <mergeCell ref="X203:Y203"/>
    <mergeCell ref="Z203:AB203"/>
    <mergeCell ref="B204:C204"/>
    <mergeCell ref="D204:Q204"/>
    <mergeCell ref="S204:T204"/>
    <mergeCell ref="X204:Y204"/>
    <mergeCell ref="Z204:AB204"/>
    <mergeCell ref="B205:C205"/>
    <mergeCell ref="D205:Q205"/>
    <mergeCell ref="S205:T205"/>
    <mergeCell ref="X205:Y205"/>
    <mergeCell ref="Z205:AB205"/>
  </mergeCells>
  <phoneticPr fontId="24"/>
  <conditionalFormatting sqref="AC36">
    <cfRule type="expression" dxfId="5" priority="2">
      <formula>$AN36="□"</formula>
    </cfRule>
  </conditionalFormatting>
  <conditionalFormatting sqref="AC52:AC53">
    <cfRule type="expression" dxfId="4" priority="1">
      <formula>$AN52="□"</formula>
    </cfRule>
  </conditionalFormatting>
  <dataValidations count="7">
    <dataValidation type="list" allowBlank="1" showInputMessage="1" showErrorMessage="1" sqref="H6:I6 S6:T6" xr:uid="{B544E531-AA85-4DC3-8FC8-94560E4BC42A}">
      <formula1>"08,09,10,11,12,13,14,15,16,17,18,19,20,21,22,23,24,25,26,27,28,29,30"</formula1>
    </dataValidation>
    <dataValidation type="list" allowBlank="1" showInputMessage="1" showErrorMessage="1" sqref="F10:S10 F14:S14 F12:S12" xr:uid="{9A942020-4422-4D99-B22C-94F46FF94DC7}">
      <formula1>$F$228:$F$243</formula1>
    </dataValidation>
    <dataValidation type="list" allowBlank="1" showInputMessage="1" showErrorMessage="1" sqref="Z19:AB205" xr:uid="{F67444B2-716D-416A-AF24-1AF8FF2DC41C}">
      <formula1>$C$228:$C$233</formula1>
    </dataValidation>
    <dataValidation type="list" allowBlank="1" showInputMessage="1" showErrorMessage="1" sqref="Q8:W8" xr:uid="{DB1858F3-D30D-4507-9B2D-FB8EB982BCE5}">
      <formula1>$E$228:$E$231</formula1>
    </dataValidation>
    <dataValidation type="list" allowBlank="1" showInputMessage="1" showErrorMessage="1" sqref="F4:M4" xr:uid="{6374D05C-BB45-469D-8F61-AF3C764109D1}">
      <formula1>$A$228:$A$230</formula1>
    </dataValidation>
    <dataValidation type="list" allowBlank="1" showInputMessage="1" showErrorMessage="1" sqref="X19:Y205" xr:uid="{7618A31D-8393-4AE1-BDB8-DB7B468FFD12}">
      <formula1>"○,×"</formula1>
    </dataValidation>
    <dataValidation type="list" allowBlank="1" showInputMessage="1" showErrorMessage="1" sqref="F8:L8" xr:uid="{F9A5EFFD-0FEB-49B4-B553-A016FF6556FA}">
      <formula1>"する,しない"</formula1>
    </dataValidation>
  </dataValidations>
  <pageMargins left="0.19685039370078741" right="0.19685039370078741" top="0.39370078740157483" bottom="0.39370078740157483" header="0.19685039370078741" footer="0.19685039370078741"/>
  <pageSetup paperSize="9" scale="85" fitToHeight="0" orientation="landscape" r:id="rId1"/>
  <headerFooter alignWithMargins="0">
    <oddFooter>&amp;C&amp;P</oddFooter>
  </headerFooter>
  <rowBreaks count="3" manualBreakCount="3">
    <brk id="46" max="27" man="1"/>
    <brk id="89" max="27" man="1"/>
    <brk id="132" max="27" man="1"/>
  </row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55B3C2-1FE9-401B-AA2C-0AAE20007877}">
  <sheetPr codeName="Sheet15"/>
  <dimension ref="A1:AG192"/>
  <sheetViews>
    <sheetView showGridLines="0" view="pageBreakPreview" zoomScaleNormal="100" zoomScaleSheetLayoutView="100" workbookViewId="0"/>
  </sheetViews>
  <sheetFormatPr defaultColWidth="9" defaultRowHeight="13"/>
  <cols>
    <col min="1" max="1" width="2.6328125" style="16" customWidth="1"/>
    <col min="2" max="2" width="3.08984375" style="16" customWidth="1"/>
    <col min="3" max="3" width="2.6328125" style="16" customWidth="1"/>
    <col min="4" max="4" width="3" style="49" customWidth="1"/>
    <col min="5" max="17" width="2.6328125" style="49" customWidth="1"/>
    <col min="18" max="18" width="3.36328125" style="55" hidden="1" customWidth="1"/>
    <col min="19" max="19" width="3.453125" style="16" customWidth="1"/>
    <col min="20" max="23" width="2.6328125" style="16" customWidth="1"/>
    <col min="24" max="24" width="3.90625" style="16" bestFit="1" customWidth="1"/>
    <col min="25" max="25" width="4.453125" style="16" customWidth="1"/>
    <col min="26" max="28" width="2.6328125" style="16" customWidth="1"/>
    <col min="29" max="29" width="4.08984375" style="16" customWidth="1"/>
    <col min="30" max="30" width="2.6328125" style="16" customWidth="1"/>
    <col min="31" max="31" width="87" style="55" bestFit="1" customWidth="1"/>
    <col min="32" max="32" width="5.36328125" style="16" customWidth="1"/>
    <col min="33" max="16384" width="9" style="16"/>
  </cols>
  <sheetData>
    <row r="1" spans="1:33" customFormat="1" ht="39" customHeight="1">
      <c r="A1" s="79"/>
      <c r="B1" s="80" t="s">
        <v>2408</v>
      </c>
      <c r="C1" s="80"/>
      <c r="D1" s="80"/>
      <c r="E1" s="80"/>
      <c r="F1" s="80"/>
      <c r="G1" s="80"/>
      <c r="H1" s="80"/>
      <c r="I1" s="80"/>
      <c r="J1" s="80"/>
      <c r="K1" s="80"/>
      <c r="L1" s="80"/>
      <c r="M1" s="80"/>
      <c r="N1" s="80"/>
      <c r="O1" s="80"/>
      <c r="P1" s="80"/>
      <c r="Q1" s="80"/>
      <c r="R1" s="217"/>
      <c r="S1" s="80"/>
      <c r="T1" s="81"/>
      <c r="U1" s="81"/>
      <c r="V1" s="81"/>
      <c r="W1" s="81"/>
      <c r="X1" s="80"/>
      <c r="Y1" s="80"/>
      <c r="Z1" s="323"/>
      <c r="AA1" s="323"/>
      <c r="AB1" s="323"/>
      <c r="AC1" s="323"/>
      <c r="AD1" s="323"/>
      <c r="AE1" s="355"/>
      <c r="AF1" s="356"/>
      <c r="AG1" s="71"/>
    </row>
    <row r="2" spans="1:33" s="1" customFormat="1" ht="24.75" customHeight="1">
      <c r="A2" s="83"/>
      <c r="B2" s="84"/>
      <c r="C2" s="85" t="s">
        <v>2969</v>
      </c>
      <c r="D2" s="85"/>
      <c r="E2" s="86"/>
      <c r="F2" s="86"/>
      <c r="G2" s="86"/>
      <c r="H2" s="86"/>
      <c r="I2" s="86"/>
      <c r="J2" s="86"/>
      <c r="K2" s="86"/>
      <c r="L2" s="86"/>
      <c r="M2" s="86"/>
      <c r="N2" s="86"/>
      <c r="O2" s="86"/>
      <c r="P2" s="86"/>
      <c r="Q2" s="86"/>
      <c r="R2" s="86"/>
      <c r="S2" s="86"/>
      <c r="T2" s="86"/>
      <c r="U2" s="86"/>
      <c r="V2" s="86"/>
      <c r="W2" s="86"/>
      <c r="X2" s="86"/>
      <c r="Y2" s="86"/>
      <c r="Z2" s="324"/>
      <c r="AA2" s="324"/>
      <c r="AB2" s="324"/>
      <c r="AC2" s="324"/>
      <c r="AD2" s="324"/>
      <c r="AE2" s="357"/>
      <c r="AF2" s="358"/>
      <c r="AG2" s="26"/>
    </row>
    <row r="3" spans="1:33" ht="6" customHeight="1">
      <c r="A3" s="42"/>
      <c r="B3" s="43"/>
      <c r="C3" s="43"/>
      <c r="D3" s="44"/>
      <c r="E3" s="44"/>
      <c r="F3" s="44"/>
      <c r="G3" s="44"/>
      <c r="H3" s="44"/>
      <c r="I3" s="44"/>
      <c r="J3" s="44"/>
      <c r="K3" s="44"/>
      <c r="L3" s="44"/>
      <c r="M3" s="44"/>
      <c r="N3" s="44"/>
      <c r="O3" s="44"/>
      <c r="P3" s="44"/>
      <c r="Q3" s="44"/>
      <c r="R3" s="243"/>
      <c r="S3" s="45"/>
      <c r="T3" s="45"/>
      <c r="U3" s="45"/>
      <c r="V3" s="45"/>
      <c r="W3" s="45"/>
      <c r="X3" s="45"/>
      <c r="Y3" s="45"/>
      <c r="Z3" s="45"/>
      <c r="AA3" s="45"/>
      <c r="AB3" s="45"/>
      <c r="AC3" s="45"/>
      <c r="AD3" s="43"/>
      <c r="AE3" s="273"/>
      <c r="AF3" s="29"/>
    </row>
    <row r="4" spans="1:33">
      <c r="A4" s="42"/>
      <c r="B4" s="7" t="s">
        <v>339</v>
      </c>
      <c r="C4" s="8"/>
      <c r="D4" s="9"/>
      <c r="E4" s="9"/>
      <c r="F4" s="612" t="s">
        <v>340</v>
      </c>
      <c r="G4" s="613"/>
      <c r="H4" s="613"/>
      <c r="I4" s="613"/>
      <c r="J4" s="613"/>
      <c r="K4" s="613"/>
      <c r="L4" s="613"/>
      <c r="M4" s="614"/>
      <c r="N4" s="110"/>
      <c r="O4" s="9"/>
      <c r="P4" s="9"/>
      <c r="Q4" s="9"/>
      <c r="R4" s="9"/>
      <c r="S4" s="9"/>
      <c r="T4" s="9"/>
      <c r="U4" s="9"/>
      <c r="V4" s="9"/>
      <c r="W4" s="9"/>
      <c r="X4" s="9"/>
      <c r="Y4" s="9"/>
      <c r="Z4" s="250"/>
      <c r="AA4" s="250"/>
      <c r="AB4" s="250"/>
      <c r="AC4" s="250"/>
      <c r="AD4" s="250"/>
      <c r="AE4" s="243"/>
      <c r="AF4" s="29"/>
    </row>
    <row r="5" spans="1:33" s="26" customFormat="1" ht="13.5" customHeight="1">
      <c r="A5" s="46"/>
      <c r="B5" s="8"/>
      <c r="C5" s="8"/>
      <c r="D5" s="9"/>
      <c r="E5" s="9"/>
      <c r="F5" s="9"/>
      <c r="G5" s="9"/>
      <c r="H5" s="9"/>
      <c r="I5" s="9"/>
      <c r="J5" s="9"/>
      <c r="K5" s="9"/>
      <c r="L5" s="9"/>
      <c r="M5" s="9"/>
      <c r="N5" s="9"/>
      <c r="O5" s="9"/>
      <c r="P5" s="9"/>
      <c r="Q5" s="9"/>
      <c r="R5" s="9"/>
      <c r="S5" s="9"/>
      <c r="T5" s="9"/>
      <c r="U5" s="9"/>
      <c r="V5" s="9"/>
      <c r="W5" s="9"/>
      <c r="X5" s="9"/>
      <c r="Y5" s="9"/>
      <c r="Z5" s="250"/>
      <c r="AA5" s="250"/>
      <c r="AB5" s="250"/>
      <c r="AC5" s="250"/>
      <c r="AD5" s="250"/>
      <c r="AE5" s="243"/>
      <c r="AF5" s="48"/>
    </row>
    <row r="6" spans="1:33" s="26" customFormat="1" ht="13.5" customHeight="1">
      <c r="A6" s="46"/>
      <c r="B6" s="91" t="s">
        <v>341</v>
      </c>
      <c r="C6" s="91"/>
      <c r="D6" s="91"/>
      <c r="E6" s="91"/>
      <c r="F6" s="742" t="s">
        <v>2274</v>
      </c>
      <c r="G6" s="742"/>
      <c r="H6" s="743"/>
      <c r="I6" s="612"/>
      <c r="J6" s="613"/>
      <c r="K6" s="613"/>
      <c r="L6" s="613"/>
      <c r="M6" s="613"/>
      <c r="N6" s="613"/>
      <c r="O6" s="614"/>
      <c r="P6" s="744" t="s">
        <v>2275</v>
      </c>
      <c r="Q6" s="745"/>
      <c r="R6" s="745"/>
      <c r="S6" s="745"/>
      <c r="U6" s="113"/>
      <c r="V6" s="256" t="s">
        <v>2276</v>
      </c>
      <c r="W6" s="113"/>
      <c r="X6" s="113"/>
      <c r="Y6" s="113"/>
      <c r="Z6" s="243"/>
      <c r="AA6" s="243"/>
      <c r="AD6" s="47"/>
      <c r="AF6" s="29"/>
    </row>
    <row r="7" spans="1:33">
      <c r="A7" s="25"/>
      <c r="B7" s="7"/>
      <c r="C7" s="7"/>
      <c r="D7" s="7"/>
      <c r="E7" s="7"/>
      <c r="F7" s="78"/>
      <c r="G7" s="78"/>
      <c r="H7" s="78"/>
      <c r="I7" s="110"/>
      <c r="J7" s="110"/>
      <c r="K7" s="7"/>
      <c r="L7" s="110"/>
      <c r="M7" s="110"/>
      <c r="N7" s="110"/>
      <c r="O7" s="7"/>
      <c r="P7" s="1"/>
      <c r="Q7" s="110"/>
      <c r="R7" s="110"/>
      <c r="S7" s="110"/>
      <c r="T7" s="78"/>
      <c r="U7" s="78"/>
      <c r="V7" s="78"/>
      <c r="W7" s="78"/>
      <c r="X7" s="78"/>
      <c r="Y7" s="110"/>
      <c r="Z7" s="97"/>
      <c r="AA7" s="47"/>
      <c r="AB7" s="97"/>
      <c r="AC7" s="97"/>
      <c r="AD7" s="97"/>
      <c r="AE7" s="367"/>
      <c r="AF7" s="29"/>
    </row>
    <row r="8" spans="1:33">
      <c r="A8" s="25"/>
      <c r="B8" s="7" t="s">
        <v>346</v>
      </c>
      <c r="C8" s="1"/>
      <c r="D8" s="1"/>
      <c r="E8" s="1"/>
      <c r="F8" s="606"/>
      <c r="G8" s="607"/>
      <c r="H8" s="607"/>
      <c r="I8" s="607"/>
      <c r="J8" s="607"/>
      <c r="K8" s="607"/>
      <c r="L8" s="608"/>
      <c r="M8" s="110"/>
      <c r="N8" s="110"/>
      <c r="O8" s="7"/>
      <c r="P8" s="1"/>
      <c r="Q8" s="110"/>
      <c r="R8" s="110"/>
      <c r="S8" s="110"/>
      <c r="T8" s="78"/>
      <c r="U8" s="78"/>
      <c r="V8" s="78"/>
      <c r="W8" s="78"/>
      <c r="X8" s="78"/>
      <c r="Y8" s="110"/>
      <c r="Z8" s="97"/>
      <c r="AA8" s="47"/>
      <c r="AB8" s="97"/>
      <c r="AC8" s="97"/>
      <c r="AD8" s="97"/>
      <c r="AE8" s="367"/>
      <c r="AF8" s="29"/>
    </row>
    <row r="9" spans="1:33" ht="13.5" customHeight="1">
      <c r="A9" s="25"/>
      <c r="B9" s="7"/>
      <c r="C9" s="7"/>
      <c r="D9" s="7"/>
      <c r="E9" s="7"/>
      <c r="F9" s="78"/>
      <c r="G9" s="375"/>
      <c r="H9" s="375"/>
      <c r="I9" s="110"/>
      <c r="J9" s="110"/>
      <c r="K9" s="7"/>
      <c r="L9" s="110"/>
      <c r="M9" s="375"/>
      <c r="N9" s="375"/>
      <c r="O9" s="7"/>
      <c r="P9" s="1"/>
      <c r="Q9" s="110"/>
      <c r="R9" s="110"/>
      <c r="S9" s="110"/>
      <c r="T9" s="375"/>
      <c r="U9" s="375"/>
      <c r="V9" s="375"/>
      <c r="W9" s="375"/>
      <c r="X9" s="78"/>
      <c r="Y9" s="375"/>
      <c r="Z9" s="97"/>
      <c r="AA9" s="47"/>
      <c r="AB9" s="97"/>
      <c r="AC9" s="26"/>
      <c r="AD9" s="97"/>
      <c r="AE9" s="55" t="s">
        <v>348</v>
      </c>
      <c r="AF9" s="29"/>
    </row>
    <row r="10" spans="1:33">
      <c r="A10" s="25"/>
      <c r="B10" s="7" t="s">
        <v>41</v>
      </c>
      <c r="C10" s="94"/>
      <c r="D10" s="94"/>
      <c r="E10" s="94"/>
      <c r="F10" s="609"/>
      <c r="G10" s="610"/>
      <c r="H10" s="610"/>
      <c r="I10" s="610"/>
      <c r="J10" s="610"/>
      <c r="K10" s="610"/>
      <c r="L10" s="611"/>
      <c r="M10" s="1"/>
      <c r="N10" s="7" t="s">
        <v>947</v>
      </c>
      <c r="O10" s="1"/>
      <c r="P10" s="1"/>
      <c r="Q10" s="609"/>
      <c r="R10" s="610"/>
      <c r="S10" s="610"/>
      <c r="T10" s="610"/>
      <c r="U10" s="610"/>
      <c r="V10" s="610"/>
      <c r="W10" s="610"/>
      <c r="X10" s="610"/>
      <c r="Y10" s="611"/>
      <c r="Z10" s="26"/>
      <c r="AA10" s="47"/>
      <c r="AB10" s="97"/>
      <c r="AC10" s="26"/>
      <c r="AD10" s="97"/>
      <c r="AE10" s="55" t="s">
        <v>350</v>
      </c>
      <c r="AF10" s="29"/>
    </row>
    <row r="11" spans="1:33">
      <c r="A11" s="25"/>
      <c r="B11" s="7"/>
      <c r="C11" s="94"/>
      <c r="D11" s="94"/>
      <c r="E11" s="94"/>
      <c r="F11" s="97"/>
      <c r="G11" s="97"/>
      <c r="H11" s="97"/>
      <c r="I11" s="97"/>
      <c r="J11" s="97"/>
      <c r="K11" s="97"/>
      <c r="L11" s="97"/>
      <c r="M11" s="1"/>
      <c r="N11" s="7"/>
      <c r="O11" s="1"/>
      <c r="P11" s="1"/>
      <c r="Q11" s="97"/>
      <c r="R11" s="97"/>
      <c r="S11" s="97"/>
      <c r="T11" s="97"/>
      <c r="U11" s="97"/>
      <c r="V11" s="97"/>
      <c r="W11" s="97"/>
      <c r="X11" s="97"/>
      <c r="Y11" s="97"/>
      <c r="Z11" s="26"/>
      <c r="AA11" s="47"/>
      <c r="AB11" s="97"/>
      <c r="AC11" s="26"/>
      <c r="AD11" s="97"/>
      <c r="AE11" s="55" t="s">
        <v>351</v>
      </c>
      <c r="AF11" s="29"/>
    </row>
    <row r="12" spans="1:33" ht="13.5" customHeight="1">
      <c r="A12" s="25"/>
      <c r="B12" s="7" t="s">
        <v>349</v>
      </c>
      <c r="C12" s="1"/>
      <c r="D12" s="1"/>
      <c r="E12" s="1"/>
      <c r="F12" s="606"/>
      <c r="G12" s="607"/>
      <c r="H12" s="607"/>
      <c r="I12" s="607"/>
      <c r="J12" s="607"/>
      <c r="K12" s="607"/>
      <c r="L12" s="607"/>
      <c r="M12" s="607"/>
      <c r="N12" s="607"/>
      <c r="O12" s="607"/>
      <c r="P12" s="607"/>
      <c r="Q12" s="607"/>
      <c r="R12" s="607"/>
      <c r="S12" s="608"/>
      <c r="T12" s="1"/>
      <c r="U12" s="1"/>
      <c r="V12" s="1"/>
      <c r="W12" s="1"/>
      <c r="X12" s="1"/>
      <c r="Y12" s="97"/>
      <c r="Z12" s="26"/>
      <c r="AA12" s="47"/>
      <c r="AB12" s="97"/>
      <c r="AC12" s="26"/>
      <c r="AD12" s="97"/>
      <c r="AE12" s="55" t="s">
        <v>352</v>
      </c>
      <c r="AF12" s="29"/>
    </row>
    <row r="13" spans="1:33" s="26" customFormat="1">
      <c r="A13" s="20"/>
      <c r="B13" s="7"/>
      <c r="C13" s="1"/>
      <c r="D13" s="1"/>
      <c r="E13" s="1"/>
      <c r="F13" s="1"/>
      <c r="G13" s="1"/>
      <c r="H13" s="1"/>
      <c r="I13" s="1"/>
      <c r="J13" s="1"/>
      <c r="K13" s="1"/>
      <c r="L13" s="1"/>
      <c r="M13" s="1"/>
      <c r="N13" s="1"/>
      <c r="O13" s="1"/>
      <c r="P13" s="1"/>
      <c r="Q13" s="1"/>
      <c r="R13" s="1"/>
      <c r="S13" s="1"/>
      <c r="T13" s="1"/>
      <c r="U13" s="1"/>
      <c r="V13" s="1"/>
      <c r="W13" s="1"/>
      <c r="X13" s="1"/>
      <c r="Y13" s="97"/>
      <c r="AA13" s="47"/>
      <c r="AB13" s="97"/>
      <c r="AC13" s="97"/>
      <c r="AD13" s="97"/>
      <c r="AF13" s="48"/>
    </row>
    <row r="14" spans="1:33">
      <c r="A14" s="25"/>
      <c r="B14" s="1"/>
      <c r="C14" s="1"/>
      <c r="D14" s="1"/>
      <c r="E14" s="1"/>
      <c r="F14" s="606"/>
      <c r="G14" s="607"/>
      <c r="H14" s="607"/>
      <c r="I14" s="607"/>
      <c r="J14" s="607"/>
      <c r="K14" s="607"/>
      <c r="L14" s="607"/>
      <c r="M14" s="607"/>
      <c r="N14" s="607"/>
      <c r="O14" s="607"/>
      <c r="P14" s="607"/>
      <c r="Q14" s="607"/>
      <c r="R14" s="607"/>
      <c r="S14" s="608"/>
      <c r="T14" s="1"/>
      <c r="U14" s="1"/>
      <c r="V14" s="1"/>
      <c r="W14" s="1"/>
      <c r="X14" s="1"/>
      <c r="Y14" s="97"/>
      <c r="Z14" s="26"/>
      <c r="AA14" s="47"/>
      <c r="AB14" s="97"/>
      <c r="AC14" s="97"/>
      <c r="AD14" s="97"/>
      <c r="AE14" s="367"/>
      <c r="AF14" s="29"/>
    </row>
    <row r="15" spans="1:33" ht="13.5" customHeight="1">
      <c r="A15" s="25"/>
      <c r="B15" s="7"/>
      <c r="C15" s="94"/>
      <c r="D15" s="94"/>
      <c r="E15" s="94"/>
      <c r="F15" s="97"/>
      <c r="G15" s="97"/>
      <c r="H15" s="97"/>
      <c r="I15" s="97"/>
      <c r="J15" s="97"/>
      <c r="K15" s="97"/>
      <c r="L15" s="97"/>
      <c r="M15" s="1"/>
      <c r="N15" s="7"/>
      <c r="O15" s="1"/>
      <c r="P15" s="1"/>
      <c r="Q15" s="97"/>
      <c r="R15" s="97"/>
      <c r="S15" s="97"/>
      <c r="T15" s="97"/>
      <c r="U15" s="97"/>
      <c r="V15" s="97"/>
      <c r="W15" s="97"/>
      <c r="X15" s="97"/>
      <c r="Y15" s="97"/>
      <c r="Z15" s="26"/>
      <c r="AA15" s="47"/>
      <c r="AB15" s="97"/>
      <c r="AC15" s="97"/>
      <c r="AD15" s="97"/>
      <c r="AE15" s="26" t="s">
        <v>375</v>
      </c>
      <c r="AF15" s="29"/>
    </row>
    <row r="16" spans="1:33" ht="13.5" customHeight="1">
      <c r="A16" s="25"/>
      <c r="B16" s="7"/>
      <c r="C16" s="94"/>
      <c r="D16" s="94"/>
      <c r="E16" s="94"/>
      <c r="F16" s="606"/>
      <c r="G16" s="607"/>
      <c r="H16" s="607"/>
      <c r="I16" s="607"/>
      <c r="J16" s="607"/>
      <c r="K16" s="607"/>
      <c r="L16" s="607"/>
      <c r="M16" s="607"/>
      <c r="N16" s="607"/>
      <c r="O16" s="607"/>
      <c r="P16" s="607"/>
      <c r="Q16" s="607"/>
      <c r="R16" s="607"/>
      <c r="S16" s="608"/>
      <c r="T16" s="97"/>
      <c r="U16" s="97"/>
      <c r="V16" s="97"/>
      <c r="W16" s="97"/>
      <c r="X16" s="97"/>
      <c r="Y16" s="97"/>
      <c r="Z16" s="26"/>
      <c r="AA16" s="47"/>
      <c r="AB16" s="97"/>
      <c r="AC16" s="97"/>
      <c r="AD16" s="97"/>
      <c r="AE16" s="367"/>
      <c r="AF16" s="29"/>
    </row>
    <row r="17" spans="1:32" ht="15" customHeight="1">
      <c r="A17" s="51"/>
      <c r="B17" s="43"/>
      <c r="C17" s="43"/>
      <c r="D17" s="44"/>
      <c r="E17" s="44"/>
      <c r="F17" s="44"/>
      <c r="G17" s="44"/>
      <c r="H17" s="44"/>
      <c r="I17" s="44"/>
      <c r="J17" s="44"/>
      <c r="K17" s="44"/>
      <c r="L17" s="44"/>
      <c r="M17" s="44"/>
      <c r="N17" s="44"/>
      <c r="O17" s="44"/>
      <c r="P17" s="44"/>
      <c r="Q17" s="44"/>
      <c r="R17" s="243"/>
      <c r="S17" s="45"/>
      <c r="T17" s="45"/>
      <c r="U17" s="45"/>
      <c r="V17" s="45"/>
      <c r="W17" s="45"/>
      <c r="X17" s="45"/>
      <c r="Y17" s="45"/>
      <c r="Z17" s="45"/>
      <c r="AA17" s="45"/>
      <c r="AB17" s="45"/>
      <c r="AC17" s="45"/>
      <c r="AD17" s="43"/>
      <c r="AE17" s="273"/>
      <c r="AF17" s="29"/>
    </row>
    <row r="18" spans="1:32" ht="13.5" customHeight="1">
      <c r="A18" s="51"/>
      <c r="B18" s="662" t="s">
        <v>73</v>
      </c>
      <c r="C18" s="764"/>
      <c r="D18" s="658" t="s">
        <v>94</v>
      </c>
      <c r="E18" s="668"/>
      <c r="F18" s="668"/>
      <c r="G18" s="668"/>
      <c r="H18" s="668"/>
      <c r="I18" s="668"/>
      <c r="J18" s="668"/>
      <c r="K18" s="668"/>
      <c r="L18" s="668"/>
      <c r="M18" s="668"/>
      <c r="N18" s="668"/>
      <c r="O18" s="668"/>
      <c r="P18" s="668"/>
      <c r="Q18" s="668"/>
      <c r="R18" s="226" t="s">
        <v>383</v>
      </c>
      <c r="S18" s="658" t="s">
        <v>138</v>
      </c>
      <c r="T18" s="659"/>
      <c r="U18" s="736" t="s">
        <v>959</v>
      </c>
      <c r="V18" s="737"/>
      <c r="W18" s="738"/>
      <c r="X18" s="658" t="s">
        <v>97</v>
      </c>
      <c r="Y18" s="659"/>
      <c r="Z18" s="658" t="s">
        <v>98</v>
      </c>
      <c r="AA18" s="659"/>
      <c r="AB18" s="662" t="s">
        <v>75</v>
      </c>
      <c r="AC18" s="663"/>
      <c r="AD18" s="664"/>
      <c r="AE18" s="621" t="s">
        <v>159</v>
      </c>
      <c r="AF18" s="37"/>
    </row>
    <row r="19" spans="1:32" ht="12.75" customHeight="1">
      <c r="A19" s="51"/>
      <c r="B19" s="765"/>
      <c r="C19" s="766"/>
      <c r="D19" s="660"/>
      <c r="E19" s="669"/>
      <c r="F19" s="669"/>
      <c r="G19" s="669"/>
      <c r="H19" s="669"/>
      <c r="I19" s="669"/>
      <c r="J19" s="669"/>
      <c r="K19" s="669"/>
      <c r="L19" s="669"/>
      <c r="M19" s="669"/>
      <c r="N19" s="669"/>
      <c r="O19" s="669"/>
      <c r="P19" s="669"/>
      <c r="Q19" s="669"/>
      <c r="R19" s="227"/>
      <c r="S19" s="660"/>
      <c r="T19" s="661"/>
      <c r="U19" s="739"/>
      <c r="V19" s="740"/>
      <c r="W19" s="741"/>
      <c r="X19" s="660"/>
      <c r="Y19" s="661"/>
      <c r="Z19" s="660"/>
      <c r="AA19" s="661"/>
      <c r="AB19" s="665"/>
      <c r="AC19" s="666"/>
      <c r="AD19" s="667"/>
      <c r="AE19" s="622"/>
      <c r="AF19" s="37"/>
    </row>
    <row r="20" spans="1:32" s="54" customFormat="1">
      <c r="A20" s="19"/>
      <c r="B20" s="644">
        <v>1</v>
      </c>
      <c r="C20" s="645"/>
      <c r="D20" s="543" t="s">
        <v>113</v>
      </c>
      <c r="E20" s="544"/>
      <c r="F20" s="544"/>
      <c r="G20" s="544"/>
      <c r="H20" s="544"/>
      <c r="I20" s="544"/>
      <c r="J20" s="544"/>
      <c r="K20" s="544"/>
      <c r="L20" s="544"/>
      <c r="M20" s="544"/>
      <c r="N20" s="544"/>
      <c r="O20" s="544"/>
      <c r="P20" s="544"/>
      <c r="Q20" s="545"/>
      <c r="R20" s="219" t="s">
        <v>449</v>
      </c>
      <c r="S20" s="546" t="s">
        <v>101</v>
      </c>
      <c r="T20" s="548"/>
      <c r="U20" s="623" t="s">
        <v>102</v>
      </c>
      <c r="V20" s="624"/>
      <c r="W20" s="625"/>
      <c r="X20" s="210">
        <v>64</v>
      </c>
      <c r="Y20" s="210" t="s">
        <v>103</v>
      </c>
      <c r="Z20" s="646"/>
      <c r="AA20" s="757"/>
      <c r="AB20" s="549"/>
      <c r="AC20" s="550"/>
      <c r="AD20" s="551"/>
      <c r="AE20" s="118"/>
      <c r="AF20" s="38"/>
    </row>
    <row r="21" spans="1:32" s="54" customFormat="1" ht="13.4" customHeight="1">
      <c r="A21" s="19"/>
      <c r="B21" s="644">
        <v>2</v>
      </c>
      <c r="C21" s="645"/>
      <c r="D21" s="563" t="s">
        <v>409</v>
      </c>
      <c r="E21" s="564"/>
      <c r="F21" s="564"/>
      <c r="G21" s="564"/>
      <c r="H21" s="564"/>
      <c r="I21" s="564"/>
      <c r="J21" s="564"/>
      <c r="K21" s="564"/>
      <c r="L21" s="564"/>
      <c r="M21" s="564"/>
      <c r="N21" s="564"/>
      <c r="O21" s="564"/>
      <c r="P21" s="564"/>
      <c r="Q21" s="565"/>
      <c r="R21" s="221" t="s">
        <v>453</v>
      </c>
      <c r="S21" s="546" t="s">
        <v>107</v>
      </c>
      <c r="T21" s="548"/>
      <c r="U21" s="623" t="s">
        <v>102</v>
      </c>
      <c r="V21" s="624"/>
      <c r="W21" s="625"/>
      <c r="X21" s="210">
        <v>6</v>
      </c>
      <c r="Y21" s="210" t="s">
        <v>103</v>
      </c>
      <c r="Z21" s="646"/>
      <c r="AA21" s="757"/>
      <c r="AB21" s="549"/>
      <c r="AC21" s="550"/>
      <c r="AD21" s="551"/>
      <c r="AE21" s="118"/>
      <c r="AF21" s="38"/>
    </row>
    <row r="22" spans="1:32" s="54" customFormat="1" ht="13.4" customHeight="1">
      <c r="A22" s="19"/>
      <c r="B22" s="644">
        <v>3</v>
      </c>
      <c r="C22" s="645"/>
      <c r="D22" s="563" t="s">
        <v>2970</v>
      </c>
      <c r="E22" s="564"/>
      <c r="F22" s="564"/>
      <c r="G22" s="564"/>
      <c r="H22" s="564"/>
      <c r="I22" s="564"/>
      <c r="J22" s="564"/>
      <c r="K22" s="564"/>
      <c r="L22" s="564"/>
      <c r="M22" s="564"/>
      <c r="N22" s="564"/>
      <c r="O22" s="564"/>
      <c r="P22" s="564"/>
      <c r="Q22" s="565"/>
      <c r="R22" s="221" t="s">
        <v>2971</v>
      </c>
      <c r="S22" s="541" t="s">
        <v>107</v>
      </c>
      <c r="T22" s="542"/>
      <c r="U22" s="747" t="s">
        <v>102</v>
      </c>
      <c r="V22" s="748"/>
      <c r="W22" s="749"/>
      <c r="X22" s="213">
        <v>2</v>
      </c>
      <c r="Y22" s="213" t="s">
        <v>103</v>
      </c>
      <c r="Z22" s="646"/>
      <c r="AA22" s="757"/>
      <c r="AB22" s="549"/>
      <c r="AC22" s="550"/>
      <c r="AD22" s="551"/>
      <c r="AE22" s="118"/>
      <c r="AF22" s="38"/>
    </row>
    <row r="23" spans="1:32" s="54" customFormat="1">
      <c r="A23" s="19"/>
      <c r="B23" s="644">
        <v>4</v>
      </c>
      <c r="C23" s="645"/>
      <c r="D23" s="543" t="s">
        <v>2972</v>
      </c>
      <c r="E23" s="544"/>
      <c r="F23" s="544"/>
      <c r="G23" s="544"/>
      <c r="H23" s="544"/>
      <c r="I23" s="544"/>
      <c r="J23" s="544"/>
      <c r="K23" s="544"/>
      <c r="L23" s="544"/>
      <c r="M23" s="544"/>
      <c r="N23" s="544"/>
      <c r="O23" s="544"/>
      <c r="P23" s="544"/>
      <c r="Q23" s="545"/>
      <c r="R23" s="229" t="s">
        <v>2973</v>
      </c>
      <c r="S23" s="546" t="s">
        <v>107</v>
      </c>
      <c r="T23" s="548"/>
      <c r="U23" s="623" t="s">
        <v>102</v>
      </c>
      <c r="V23" s="624"/>
      <c r="W23" s="625"/>
      <c r="X23" s="210">
        <v>4</v>
      </c>
      <c r="Y23" s="210" t="s">
        <v>103</v>
      </c>
      <c r="Z23" s="646"/>
      <c r="AA23" s="757"/>
      <c r="AB23" s="549"/>
      <c r="AC23" s="550"/>
      <c r="AD23" s="551"/>
      <c r="AE23" s="118"/>
      <c r="AF23" s="38"/>
    </row>
    <row r="24" spans="1:32" s="57" customFormat="1" ht="13.4" customHeight="1">
      <c r="A24" s="56"/>
      <c r="B24" s="644">
        <v>5</v>
      </c>
      <c r="C24" s="645"/>
      <c r="D24" s="563" t="s">
        <v>454</v>
      </c>
      <c r="E24" s="564"/>
      <c r="F24" s="564"/>
      <c r="G24" s="564"/>
      <c r="H24" s="564"/>
      <c r="I24" s="564"/>
      <c r="J24" s="564"/>
      <c r="K24" s="564"/>
      <c r="L24" s="564"/>
      <c r="M24" s="564"/>
      <c r="N24" s="564"/>
      <c r="O24" s="564"/>
      <c r="P24" s="564"/>
      <c r="Q24" s="565"/>
      <c r="R24" s="244" t="s">
        <v>455</v>
      </c>
      <c r="S24" s="546" t="s">
        <v>107</v>
      </c>
      <c r="T24" s="548"/>
      <c r="U24" s="623" t="s">
        <v>102</v>
      </c>
      <c r="V24" s="624"/>
      <c r="W24" s="625"/>
      <c r="X24" s="210">
        <v>1</v>
      </c>
      <c r="Y24" s="210" t="s">
        <v>103</v>
      </c>
      <c r="Z24" s="646"/>
      <c r="AA24" s="757"/>
      <c r="AB24" s="549"/>
      <c r="AC24" s="550"/>
      <c r="AD24" s="551"/>
      <c r="AE24" s="118"/>
      <c r="AF24" s="39"/>
    </row>
    <row r="25" spans="1:32" s="57" customFormat="1" ht="13.4" customHeight="1">
      <c r="A25" s="56"/>
      <c r="B25" s="644">
        <v>6</v>
      </c>
      <c r="C25" s="645"/>
      <c r="D25" s="563" t="s">
        <v>2293</v>
      </c>
      <c r="E25" s="564"/>
      <c r="F25" s="564"/>
      <c r="G25" s="564"/>
      <c r="H25" s="564"/>
      <c r="I25" s="564"/>
      <c r="J25" s="564"/>
      <c r="K25" s="564"/>
      <c r="L25" s="564"/>
      <c r="M25" s="564"/>
      <c r="N25" s="564"/>
      <c r="O25" s="564"/>
      <c r="P25" s="564"/>
      <c r="Q25" s="565"/>
      <c r="R25" s="244" t="s">
        <v>2294</v>
      </c>
      <c r="S25" s="541" t="s">
        <v>1844</v>
      </c>
      <c r="T25" s="542"/>
      <c r="U25" s="747" t="s">
        <v>102</v>
      </c>
      <c r="V25" s="748"/>
      <c r="W25" s="749"/>
      <c r="X25" s="213">
        <v>3</v>
      </c>
      <c r="Y25" s="213" t="s">
        <v>103</v>
      </c>
      <c r="Z25" s="646"/>
      <c r="AA25" s="757"/>
      <c r="AB25" s="549"/>
      <c r="AC25" s="550"/>
      <c r="AD25" s="551"/>
      <c r="AE25" s="118"/>
      <c r="AF25" s="39"/>
    </row>
    <row r="26" spans="1:32" s="57" customFormat="1">
      <c r="A26" s="56"/>
      <c r="B26" s="644">
        <v>7</v>
      </c>
      <c r="C26" s="645"/>
      <c r="D26" s="543" t="s">
        <v>3048</v>
      </c>
      <c r="E26" s="544"/>
      <c r="F26" s="544"/>
      <c r="G26" s="544"/>
      <c r="H26" s="544"/>
      <c r="I26" s="544"/>
      <c r="J26" s="544"/>
      <c r="K26" s="544"/>
      <c r="L26" s="544"/>
      <c r="M26" s="544"/>
      <c r="N26" s="544"/>
      <c r="O26" s="544"/>
      <c r="P26" s="544"/>
      <c r="Q26" s="545"/>
      <c r="R26" s="244" t="s">
        <v>550</v>
      </c>
      <c r="S26" s="546" t="s">
        <v>101</v>
      </c>
      <c r="T26" s="548"/>
      <c r="U26" s="623" t="s">
        <v>102</v>
      </c>
      <c r="V26" s="624"/>
      <c r="W26" s="625"/>
      <c r="X26" s="210">
        <v>8</v>
      </c>
      <c r="Y26" s="210" t="s">
        <v>103</v>
      </c>
      <c r="Z26" s="646"/>
      <c r="AA26" s="757"/>
      <c r="AB26" s="549"/>
      <c r="AC26" s="550"/>
      <c r="AD26" s="551"/>
      <c r="AE26" s="265" t="s">
        <v>3020</v>
      </c>
      <c r="AF26" s="39"/>
    </row>
    <row r="27" spans="1:32" s="57" customFormat="1" ht="13.4" customHeight="1">
      <c r="A27" s="56"/>
      <c r="B27" s="644">
        <v>8</v>
      </c>
      <c r="C27" s="645"/>
      <c r="D27" s="758" t="s">
        <v>2974</v>
      </c>
      <c r="E27" s="759"/>
      <c r="F27" s="759"/>
      <c r="G27" s="759"/>
      <c r="H27" s="759"/>
      <c r="I27" s="759"/>
      <c r="J27" s="759"/>
      <c r="K27" s="759"/>
      <c r="L27" s="759"/>
      <c r="M27" s="759"/>
      <c r="N27" s="759"/>
      <c r="O27" s="759"/>
      <c r="P27" s="759"/>
      <c r="Q27" s="760"/>
      <c r="R27" s="221" t="s">
        <v>2975</v>
      </c>
      <c r="S27" s="644" t="s">
        <v>107</v>
      </c>
      <c r="T27" s="645"/>
      <c r="U27" s="761" t="s">
        <v>108</v>
      </c>
      <c r="V27" s="762"/>
      <c r="W27" s="763"/>
      <c r="X27" s="209">
        <v>1</v>
      </c>
      <c r="Y27" s="209">
        <v>0</v>
      </c>
      <c r="Z27" s="646"/>
      <c r="AA27" s="757"/>
      <c r="AB27" s="549"/>
      <c r="AC27" s="550"/>
      <c r="AD27" s="551"/>
      <c r="AE27" s="118"/>
      <c r="AF27" s="39"/>
    </row>
    <row r="28" spans="1:32" s="57" customFormat="1" ht="13.4" customHeight="1">
      <c r="A28" s="56"/>
      <c r="B28" s="644">
        <v>9</v>
      </c>
      <c r="C28" s="645"/>
      <c r="D28" s="758" t="s">
        <v>2976</v>
      </c>
      <c r="E28" s="759"/>
      <c r="F28" s="759"/>
      <c r="G28" s="759"/>
      <c r="H28" s="759"/>
      <c r="I28" s="759"/>
      <c r="J28" s="759"/>
      <c r="K28" s="759"/>
      <c r="L28" s="759"/>
      <c r="M28" s="759"/>
      <c r="N28" s="759"/>
      <c r="O28" s="759"/>
      <c r="P28" s="759"/>
      <c r="Q28" s="760"/>
      <c r="R28" s="222" t="s">
        <v>2977</v>
      </c>
      <c r="S28" s="644" t="s">
        <v>107</v>
      </c>
      <c r="T28" s="645"/>
      <c r="U28" s="761" t="s">
        <v>108</v>
      </c>
      <c r="V28" s="762"/>
      <c r="W28" s="763"/>
      <c r="X28" s="209">
        <v>1</v>
      </c>
      <c r="Y28" s="209">
        <v>0</v>
      </c>
      <c r="Z28" s="646"/>
      <c r="AA28" s="757"/>
      <c r="AB28" s="549"/>
      <c r="AC28" s="550"/>
      <c r="AD28" s="551"/>
      <c r="AE28" s="118"/>
      <c r="AF28" s="39"/>
    </row>
    <row r="29" spans="1:32" s="57" customFormat="1" ht="13.4" customHeight="1">
      <c r="A29" s="56"/>
      <c r="B29" s="644">
        <v>10</v>
      </c>
      <c r="C29" s="645"/>
      <c r="D29" s="758" t="s">
        <v>2978</v>
      </c>
      <c r="E29" s="759"/>
      <c r="F29" s="759"/>
      <c r="G29" s="759"/>
      <c r="H29" s="759"/>
      <c r="I29" s="759"/>
      <c r="J29" s="759"/>
      <c r="K29" s="759"/>
      <c r="L29" s="759"/>
      <c r="M29" s="759"/>
      <c r="N29" s="759"/>
      <c r="O29" s="759"/>
      <c r="P29" s="759"/>
      <c r="Q29" s="760"/>
      <c r="R29" s="221" t="s">
        <v>2979</v>
      </c>
      <c r="S29" s="644" t="s">
        <v>107</v>
      </c>
      <c r="T29" s="645"/>
      <c r="U29" s="761" t="s">
        <v>108</v>
      </c>
      <c r="V29" s="762"/>
      <c r="W29" s="763"/>
      <c r="X29" s="209">
        <v>1</v>
      </c>
      <c r="Y29" s="209">
        <v>0</v>
      </c>
      <c r="Z29" s="646"/>
      <c r="AA29" s="757"/>
      <c r="AB29" s="549"/>
      <c r="AC29" s="550"/>
      <c r="AD29" s="551"/>
      <c r="AE29" s="118"/>
      <c r="AF29" s="39"/>
    </row>
    <row r="30" spans="1:32" s="54" customFormat="1" ht="13.4" customHeight="1">
      <c r="A30" s="19"/>
      <c r="B30" s="644">
        <v>11</v>
      </c>
      <c r="C30" s="645"/>
      <c r="D30" s="758" t="s">
        <v>2980</v>
      </c>
      <c r="E30" s="759"/>
      <c r="F30" s="759"/>
      <c r="G30" s="759"/>
      <c r="H30" s="759"/>
      <c r="I30" s="759"/>
      <c r="J30" s="759"/>
      <c r="K30" s="759"/>
      <c r="L30" s="759"/>
      <c r="M30" s="759"/>
      <c r="N30" s="759"/>
      <c r="O30" s="759"/>
      <c r="P30" s="759"/>
      <c r="Q30" s="760"/>
      <c r="R30" s="222" t="s">
        <v>2981</v>
      </c>
      <c r="S30" s="644" t="s">
        <v>107</v>
      </c>
      <c r="T30" s="645"/>
      <c r="U30" s="761" t="s">
        <v>108</v>
      </c>
      <c r="V30" s="762"/>
      <c r="W30" s="763"/>
      <c r="X30" s="209">
        <v>1</v>
      </c>
      <c r="Y30" s="209">
        <v>0</v>
      </c>
      <c r="Z30" s="646"/>
      <c r="AA30" s="757"/>
      <c r="AB30" s="549"/>
      <c r="AC30" s="550"/>
      <c r="AD30" s="551"/>
      <c r="AE30" s="118"/>
      <c r="AF30" s="38"/>
    </row>
    <row r="31" spans="1:32" s="54" customFormat="1" ht="13.4" customHeight="1">
      <c r="A31" s="19"/>
      <c r="B31" s="644">
        <v>12</v>
      </c>
      <c r="C31" s="645"/>
      <c r="D31" s="758" t="s">
        <v>2982</v>
      </c>
      <c r="E31" s="759"/>
      <c r="F31" s="759"/>
      <c r="G31" s="759"/>
      <c r="H31" s="759"/>
      <c r="I31" s="759"/>
      <c r="J31" s="759"/>
      <c r="K31" s="759"/>
      <c r="L31" s="759"/>
      <c r="M31" s="759"/>
      <c r="N31" s="759"/>
      <c r="O31" s="759"/>
      <c r="P31" s="759"/>
      <c r="Q31" s="760"/>
      <c r="R31" s="221" t="s">
        <v>2983</v>
      </c>
      <c r="S31" s="644" t="s">
        <v>107</v>
      </c>
      <c r="T31" s="645"/>
      <c r="U31" s="761" t="s">
        <v>108</v>
      </c>
      <c r="V31" s="762"/>
      <c r="W31" s="763"/>
      <c r="X31" s="209">
        <v>1</v>
      </c>
      <c r="Y31" s="209">
        <v>0</v>
      </c>
      <c r="Z31" s="646"/>
      <c r="AA31" s="757"/>
      <c r="AB31" s="549"/>
      <c r="AC31" s="550"/>
      <c r="AD31" s="551"/>
      <c r="AE31" s="118"/>
      <c r="AF31" s="38"/>
    </row>
    <row r="32" spans="1:32" s="54" customFormat="1" ht="13.4" customHeight="1">
      <c r="A32" s="19"/>
      <c r="B32" s="644">
        <v>13</v>
      </c>
      <c r="C32" s="645"/>
      <c r="D32" s="758" t="s">
        <v>2984</v>
      </c>
      <c r="E32" s="759"/>
      <c r="F32" s="759"/>
      <c r="G32" s="759"/>
      <c r="H32" s="759"/>
      <c r="I32" s="759"/>
      <c r="J32" s="759"/>
      <c r="K32" s="759"/>
      <c r="L32" s="759"/>
      <c r="M32" s="759"/>
      <c r="N32" s="759"/>
      <c r="O32" s="759"/>
      <c r="P32" s="759"/>
      <c r="Q32" s="760"/>
      <c r="R32" s="221" t="s">
        <v>2985</v>
      </c>
      <c r="S32" s="644" t="s">
        <v>107</v>
      </c>
      <c r="T32" s="645"/>
      <c r="U32" s="761" t="s">
        <v>108</v>
      </c>
      <c r="V32" s="762"/>
      <c r="W32" s="763"/>
      <c r="X32" s="209">
        <v>1</v>
      </c>
      <c r="Y32" s="209">
        <v>0</v>
      </c>
      <c r="Z32" s="646"/>
      <c r="AA32" s="757"/>
      <c r="AB32" s="549"/>
      <c r="AC32" s="550"/>
      <c r="AD32" s="551"/>
      <c r="AE32" s="118"/>
      <c r="AF32" s="38"/>
    </row>
    <row r="33" spans="1:32" s="54" customFormat="1" ht="13.4" customHeight="1">
      <c r="A33" s="19"/>
      <c r="B33" s="644">
        <v>14</v>
      </c>
      <c r="C33" s="645"/>
      <c r="D33" s="758" t="s">
        <v>2986</v>
      </c>
      <c r="E33" s="759"/>
      <c r="F33" s="759"/>
      <c r="G33" s="759"/>
      <c r="H33" s="759"/>
      <c r="I33" s="759"/>
      <c r="J33" s="759"/>
      <c r="K33" s="759"/>
      <c r="L33" s="759"/>
      <c r="M33" s="759"/>
      <c r="N33" s="759"/>
      <c r="O33" s="759"/>
      <c r="P33" s="759"/>
      <c r="Q33" s="760"/>
      <c r="R33" s="222" t="s">
        <v>2987</v>
      </c>
      <c r="S33" s="644" t="s">
        <v>107</v>
      </c>
      <c r="T33" s="645"/>
      <c r="U33" s="761" t="s">
        <v>108</v>
      </c>
      <c r="V33" s="762"/>
      <c r="W33" s="763"/>
      <c r="X33" s="209">
        <v>1</v>
      </c>
      <c r="Y33" s="209">
        <v>0</v>
      </c>
      <c r="Z33" s="646"/>
      <c r="AA33" s="757"/>
      <c r="AB33" s="549"/>
      <c r="AC33" s="550"/>
      <c r="AD33" s="551"/>
      <c r="AE33" s="118"/>
      <c r="AF33" s="38"/>
    </row>
    <row r="34" spans="1:32" s="54" customFormat="1" ht="13.4" customHeight="1">
      <c r="A34" s="19"/>
      <c r="B34" s="644">
        <v>15</v>
      </c>
      <c r="C34" s="645"/>
      <c r="D34" s="758" t="s">
        <v>2988</v>
      </c>
      <c r="E34" s="759"/>
      <c r="F34" s="759"/>
      <c r="G34" s="759"/>
      <c r="H34" s="759"/>
      <c r="I34" s="759"/>
      <c r="J34" s="759"/>
      <c r="K34" s="759"/>
      <c r="L34" s="759"/>
      <c r="M34" s="759"/>
      <c r="N34" s="759"/>
      <c r="O34" s="759"/>
      <c r="P34" s="759"/>
      <c r="Q34" s="760"/>
      <c r="R34" s="221" t="s">
        <v>2989</v>
      </c>
      <c r="S34" s="644" t="s">
        <v>107</v>
      </c>
      <c r="T34" s="645"/>
      <c r="U34" s="761" t="s">
        <v>108</v>
      </c>
      <c r="V34" s="762"/>
      <c r="W34" s="763"/>
      <c r="X34" s="209">
        <v>1</v>
      </c>
      <c r="Y34" s="209">
        <v>0</v>
      </c>
      <c r="Z34" s="646"/>
      <c r="AA34" s="757"/>
      <c r="AB34" s="549"/>
      <c r="AC34" s="550"/>
      <c r="AD34" s="551"/>
      <c r="AE34" s="118"/>
      <c r="AF34" s="38"/>
    </row>
    <row r="35" spans="1:32" s="57" customFormat="1" ht="13.4" customHeight="1">
      <c r="A35" s="56"/>
      <c r="B35" s="644">
        <v>16</v>
      </c>
      <c r="C35" s="645"/>
      <c r="D35" s="758" t="s">
        <v>2990</v>
      </c>
      <c r="E35" s="759"/>
      <c r="F35" s="759"/>
      <c r="G35" s="759"/>
      <c r="H35" s="759"/>
      <c r="I35" s="759"/>
      <c r="J35" s="759"/>
      <c r="K35" s="759"/>
      <c r="L35" s="759"/>
      <c r="M35" s="759"/>
      <c r="N35" s="759"/>
      <c r="O35" s="759"/>
      <c r="P35" s="759"/>
      <c r="Q35" s="760"/>
      <c r="R35" s="222" t="s">
        <v>2991</v>
      </c>
      <c r="S35" s="644" t="s">
        <v>107</v>
      </c>
      <c r="T35" s="645"/>
      <c r="U35" s="761" t="s">
        <v>108</v>
      </c>
      <c r="V35" s="762"/>
      <c r="W35" s="763"/>
      <c r="X35" s="209">
        <v>1</v>
      </c>
      <c r="Y35" s="209">
        <v>0</v>
      </c>
      <c r="Z35" s="646"/>
      <c r="AA35" s="757"/>
      <c r="AB35" s="549"/>
      <c r="AC35" s="550"/>
      <c r="AD35" s="551"/>
      <c r="AE35" s="118"/>
      <c r="AF35" s="39"/>
    </row>
    <row r="36" spans="1:32" s="54" customFormat="1" ht="13.4" customHeight="1">
      <c r="A36" s="19"/>
      <c r="B36" s="644">
        <v>17</v>
      </c>
      <c r="C36" s="645"/>
      <c r="D36" s="758" t="s">
        <v>2992</v>
      </c>
      <c r="E36" s="759"/>
      <c r="F36" s="759"/>
      <c r="G36" s="759"/>
      <c r="H36" s="759"/>
      <c r="I36" s="759"/>
      <c r="J36" s="759"/>
      <c r="K36" s="759"/>
      <c r="L36" s="759"/>
      <c r="M36" s="759"/>
      <c r="N36" s="759"/>
      <c r="O36" s="759"/>
      <c r="P36" s="759"/>
      <c r="Q36" s="760"/>
      <c r="R36" s="221" t="s">
        <v>554</v>
      </c>
      <c r="S36" s="644" t="s">
        <v>107</v>
      </c>
      <c r="T36" s="645"/>
      <c r="U36" s="761" t="s">
        <v>2362</v>
      </c>
      <c r="V36" s="762"/>
      <c r="W36" s="763"/>
      <c r="X36" s="209">
        <v>8</v>
      </c>
      <c r="Y36" s="209">
        <v>0</v>
      </c>
      <c r="Z36" s="646"/>
      <c r="AA36" s="757"/>
      <c r="AB36" s="549"/>
      <c r="AC36" s="550"/>
      <c r="AD36" s="551"/>
      <c r="AE36" s="118"/>
      <c r="AF36" s="38"/>
    </row>
    <row r="37" spans="1:32" s="54" customFormat="1" ht="13.4" customHeight="1">
      <c r="A37" s="19"/>
      <c r="B37" s="644">
        <v>18</v>
      </c>
      <c r="C37" s="645"/>
      <c r="D37" s="758" t="s">
        <v>2993</v>
      </c>
      <c r="E37" s="759"/>
      <c r="F37" s="759"/>
      <c r="G37" s="759"/>
      <c r="H37" s="759"/>
      <c r="I37" s="759"/>
      <c r="J37" s="759"/>
      <c r="K37" s="759"/>
      <c r="L37" s="759"/>
      <c r="M37" s="759"/>
      <c r="N37" s="759"/>
      <c r="O37" s="759"/>
      <c r="P37" s="759"/>
      <c r="Q37" s="760"/>
      <c r="R37" s="221" t="s">
        <v>2994</v>
      </c>
      <c r="S37" s="644" t="s">
        <v>107</v>
      </c>
      <c r="T37" s="645"/>
      <c r="U37" s="761" t="s">
        <v>2362</v>
      </c>
      <c r="V37" s="762"/>
      <c r="W37" s="763"/>
      <c r="X37" s="213" t="s">
        <v>43</v>
      </c>
      <c r="Y37" s="213" t="s">
        <v>43</v>
      </c>
      <c r="Z37" s="646"/>
      <c r="AA37" s="757"/>
      <c r="AB37" s="549"/>
      <c r="AC37" s="550"/>
      <c r="AD37" s="551"/>
      <c r="AE37" s="118"/>
      <c r="AF37" s="38"/>
    </row>
    <row r="38" spans="1:32" s="54" customFormat="1" ht="13.4" customHeight="1">
      <c r="A38" s="19"/>
      <c r="B38" s="644">
        <v>19</v>
      </c>
      <c r="C38" s="645"/>
      <c r="D38" s="758" t="s">
        <v>2995</v>
      </c>
      <c r="E38" s="759"/>
      <c r="F38" s="759"/>
      <c r="G38" s="759"/>
      <c r="H38" s="759"/>
      <c r="I38" s="759"/>
      <c r="J38" s="759"/>
      <c r="K38" s="759"/>
      <c r="L38" s="759"/>
      <c r="M38" s="759"/>
      <c r="N38" s="759"/>
      <c r="O38" s="759"/>
      <c r="P38" s="759"/>
      <c r="Q38" s="760"/>
      <c r="R38" s="221" t="s">
        <v>2996</v>
      </c>
      <c r="S38" s="644" t="s">
        <v>107</v>
      </c>
      <c r="T38" s="645"/>
      <c r="U38" s="761" t="s">
        <v>2362</v>
      </c>
      <c r="V38" s="762"/>
      <c r="W38" s="763"/>
      <c r="X38" s="213" t="s">
        <v>43</v>
      </c>
      <c r="Y38" s="213" t="s">
        <v>43</v>
      </c>
      <c r="Z38" s="646"/>
      <c r="AA38" s="757"/>
      <c r="AB38" s="549"/>
      <c r="AC38" s="550"/>
      <c r="AD38" s="551"/>
      <c r="AE38" s="118"/>
      <c r="AF38" s="38"/>
    </row>
    <row r="39" spans="1:32" s="54" customFormat="1" ht="13.4" customHeight="1">
      <c r="A39" s="19"/>
      <c r="B39" s="644">
        <v>20</v>
      </c>
      <c r="C39" s="645"/>
      <c r="D39" s="563" t="s">
        <v>551</v>
      </c>
      <c r="E39" s="564"/>
      <c r="F39" s="564"/>
      <c r="G39" s="564"/>
      <c r="H39" s="564"/>
      <c r="I39" s="564"/>
      <c r="J39" s="564"/>
      <c r="K39" s="564"/>
      <c r="L39" s="564"/>
      <c r="M39" s="564"/>
      <c r="N39" s="564"/>
      <c r="O39" s="564"/>
      <c r="P39" s="564"/>
      <c r="Q39" s="565"/>
      <c r="R39" s="221" t="s">
        <v>552</v>
      </c>
      <c r="S39" s="541" t="s">
        <v>107</v>
      </c>
      <c r="T39" s="542"/>
      <c r="U39" s="747" t="s">
        <v>2362</v>
      </c>
      <c r="V39" s="748"/>
      <c r="W39" s="749"/>
      <c r="X39" s="213" t="s">
        <v>43</v>
      </c>
      <c r="Y39" s="213" t="s">
        <v>43</v>
      </c>
      <c r="Z39" s="646"/>
      <c r="AA39" s="757"/>
      <c r="AB39" s="549"/>
      <c r="AC39" s="550"/>
      <c r="AD39" s="551"/>
      <c r="AE39" s="118"/>
      <c r="AF39" s="38"/>
    </row>
    <row r="40" spans="1:32">
      <c r="A40" s="25"/>
      <c r="R40" s="214"/>
      <c r="AF40" s="29"/>
    </row>
    <row r="41" spans="1:32">
      <c r="A41" s="25"/>
      <c r="B41" s="27" t="s">
        <v>908</v>
      </c>
      <c r="R41" s="241"/>
      <c r="AF41" s="29"/>
    </row>
    <row r="42" spans="1:32">
      <c r="A42" s="25"/>
      <c r="B42" s="27"/>
      <c r="R42" s="250"/>
      <c r="AF42" s="29"/>
    </row>
    <row r="43" spans="1:32">
      <c r="A43" s="25"/>
      <c r="R43" s="241"/>
      <c r="AF43" s="29"/>
    </row>
    <row r="44" spans="1:32">
      <c r="A44" s="21"/>
      <c r="B44" s="22"/>
      <c r="C44" s="22"/>
      <c r="D44" s="61"/>
      <c r="E44" s="61"/>
      <c r="F44" s="61"/>
      <c r="G44" s="61"/>
      <c r="H44" s="61"/>
      <c r="I44" s="61"/>
      <c r="J44" s="61"/>
      <c r="K44" s="61"/>
      <c r="L44" s="61"/>
      <c r="M44" s="61"/>
      <c r="N44" s="61"/>
      <c r="O44" s="61"/>
      <c r="P44" s="61"/>
      <c r="Q44" s="61"/>
      <c r="R44" s="241"/>
      <c r="S44" s="22"/>
      <c r="T44" s="22"/>
      <c r="U44" s="22"/>
      <c r="V44" s="22"/>
      <c r="W44" s="22"/>
      <c r="X44" s="22"/>
      <c r="Y44" s="22"/>
      <c r="Z44" s="22"/>
      <c r="AA44" s="22"/>
      <c r="AB44" s="22"/>
      <c r="AC44" s="22"/>
      <c r="AD44" s="22"/>
      <c r="AE44" s="245"/>
      <c r="AF44" s="62"/>
    </row>
    <row r="45" spans="1:32">
      <c r="R45" s="251"/>
    </row>
    <row r="46" spans="1:32">
      <c r="R46" s="250"/>
    </row>
    <row r="47" spans="1:32">
      <c r="R47" s="250"/>
    </row>
    <row r="48" spans="1:32">
      <c r="R48" s="214"/>
    </row>
    <row r="49" spans="1:18">
      <c r="R49" s="214"/>
    </row>
    <row r="50" spans="1:18">
      <c r="R50" s="250"/>
    </row>
    <row r="51" spans="1:18" hidden="1">
      <c r="A51" t="s">
        <v>909</v>
      </c>
      <c r="B51" t="s">
        <v>910</v>
      </c>
      <c r="C51" t="s">
        <v>911</v>
      </c>
      <c r="D51" t="s">
        <v>912</v>
      </c>
      <c r="E51" t="s">
        <v>913</v>
      </c>
      <c r="F51" t="s">
        <v>914</v>
      </c>
      <c r="G51" t="s">
        <v>98</v>
      </c>
      <c r="R51" s="250"/>
    </row>
    <row r="52" spans="1:18" hidden="1">
      <c r="A52" t="s">
        <v>340</v>
      </c>
      <c r="B52" t="s">
        <v>915</v>
      </c>
      <c r="C52" s="3" t="s">
        <v>82</v>
      </c>
      <c r="D52" t="s">
        <v>916</v>
      </c>
      <c r="E52" t="s">
        <v>917</v>
      </c>
      <c r="F52" t="s">
        <v>918</v>
      </c>
      <c r="G52" t="s">
        <v>919</v>
      </c>
      <c r="R52" s="250"/>
    </row>
    <row r="53" spans="1:18" hidden="1">
      <c r="A53" t="s">
        <v>920</v>
      </c>
      <c r="B53" t="s">
        <v>2661</v>
      </c>
      <c r="C53" s="3" t="s">
        <v>922</v>
      </c>
      <c r="D53" t="s">
        <v>923</v>
      </c>
      <c r="E53" t="s">
        <v>924</v>
      </c>
      <c r="F53" t="s">
        <v>925</v>
      </c>
      <c r="G53" t="s">
        <v>926</v>
      </c>
      <c r="R53" s="252"/>
    </row>
    <row r="54" spans="1:18" hidden="1">
      <c r="A54" t="s">
        <v>927</v>
      </c>
      <c r="B54"/>
      <c r="C54" s="3" t="s">
        <v>928</v>
      </c>
      <c r="D54"/>
      <c r="E54" t="s">
        <v>929</v>
      </c>
      <c r="F54" t="s">
        <v>930</v>
      </c>
      <c r="G54"/>
      <c r="R54" s="241"/>
    </row>
    <row r="55" spans="1:18" hidden="1">
      <c r="A55"/>
      <c r="B55"/>
      <c r="C55" s="3" t="s">
        <v>931</v>
      </c>
      <c r="D55"/>
      <c r="E55" t="s">
        <v>932</v>
      </c>
      <c r="F55" t="s">
        <v>933</v>
      </c>
      <c r="G55"/>
      <c r="R55" s="252"/>
    </row>
    <row r="56" spans="1:18" hidden="1">
      <c r="A56"/>
      <c r="B56"/>
      <c r="C56" s="3" t="s">
        <v>230</v>
      </c>
      <c r="D56"/>
      <c r="E56"/>
      <c r="F56" t="s">
        <v>934</v>
      </c>
      <c r="G56"/>
      <c r="R56" s="253"/>
    </row>
    <row r="57" spans="1:18" hidden="1">
      <c r="A57"/>
      <c r="B57"/>
      <c r="C57" s="3" t="s">
        <v>177</v>
      </c>
      <c r="D57"/>
      <c r="E57"/>
      <c r="F57" t="s">
        <v>935</v>
      </c>
      <c r="G57"/>
      <c r="R57" s="214"/>
    </row>
    <row r="58" spans="1:18" hidden="1">
      <c r="A58"/>
      <c r="B58"/>
      <c r="C58"/>
      <c r="D58"/>
      <c r="E58"/>
      <c r="F58" t="s">
        <v>936</v>
      </c>
      <c r="G58"/>
      <c r="R58" s="214"/>
    </row>
    <row r="59" spans="1:18" hidden="1">
      <c r="A59"/>
      <c r="B59"/>
      <c r="C59"/>
      <c r="D59"/>
      <c r="E59"/>
      <c r="F59" t="s">
        <v>937</v>
      </c>
      <c r="G59"/>
      <c r="R59" s="214"/>
    </row>
    <row r="60" spans="1:18" hidden="1">
      <c r="A60"/>
      <c r="B60"/>
      <c r="C60"/>
      <c r="D60"/>
      <c r="E60"/>
      <c r="F60" t="s">
        <v>938</v>
      </c>
      <c r="G60"/>
      <c r="R60" s="214"/>
    </row>
    <row r="61" spans="1:18" hidden="1">
      <c r="A61"/>
      <c r="B61"/>
      <c r="C61"/>
      <c r="D61"/>
      <c r="E61"/>
      <c r="F61" t="s">
        <v>939</v>
      </c>
      <c r="G61"/>
      <c r="R61" s="214"/>
    </row>
    <row r="62" spans="1:18" hidden="1">
      <c r="A62"/>
      <c r="B62"/>
      <c r="C62"/>
      <c r="D62"/>
      <c r="E62"/>
      <c r="F62" t="s">
        <v>940</v>
      </c>
      <c r="G62"/>
      <c r="R62" s="214"/>
    </row>
    <row r="63" spans="1:18" hidden="1">
      <c r="A63"/>
      <c r="B63"/>
      <c r="C63"/>
      <c r="D63"/>
      <c r="E63"/>
      <c r="F63" t="s">
        <v>941</v>
      </c>
      <c r="G63"/>
      <c r="R63" s="214"/>
    </row>
    <row r="64" spans="1:18" hidden="1">
      <c r="A64"/>
      <c r="B64"/>
      <c r="C64"/>
      <c r="D64"/>
      <c r="E64"/>
      <c r="F64" t="s">
        <v>942</v>
      </c>
      <c r="G64"/>
      <c r="R64" s="241"/>
    </row>
    <row r="65" spans="1:18" hidden="1">
      <c r="A65"/>
      <c r="B65"/>
      <c r="C65"/>
      <c r="D65"/>
      <c r="E65"/>
      <c r="F65" t="s">
        <v>943</v>
      </c>
      <c r="G65"/>
      <c r="R65" s="241"/>
    </row>
    <row r="66" spans="1:18" hidden="1">
      <c r="A66"/>
      <c r="B66"/>
      <c r="C66"/>
      <c r="D66"/>
      <c r="E66"/>
      <c r="F66" t="s">
        <v>944</v>
      </c>
      <c r="G66"/>
      <c r="R66" s="214"/>
    </row>
    <row r="67" spans="1:18" hidden="1">
      <c r="A67"/>
      <c r="B67"/>
      <c r="C67"/>
      <c r="D67"/>
      <c r="E67"/>
      <c r="F67" t="s">
        <v>945</v>
      </c>
      <c r="G67"/>
      <c r="R67" s="214"/>
    </row>
    <row r="68" spans="1:18">
      <c r="R68" s="214"/>
    </row>
    <row r="69" spans="1:18">
      <c r="R69" s="214"/>
    </row>
    <row r="70" spans="1:18">
      <c r="R70" s="214"/>
    </row>
    <row r="71" spans="1:18">
      <c r="R71" s="214"/>
    </row>
    <row r="72" spans="1:18">
      <c r="R72" s="214"/>
    </row>
    <row r="73" spans="1:18">
      <c r="R73" s="214"/>
    </row>
    <row r="74" spans="1:18">
      <c r="R74" s="214"/>
    </row>
    <row r="75" spans="1:18">
      <c r="R75" s="214"/>
    </row>
    <row r="76" spans="1:18">
      <c r="R76" s="214"/>
    </row>
    <row r="77" spans="1:18">
      <c r="R77" s="214"/>
    </row>
    <row r="78" spans="1:18">
      <c r="R78" s="214"/>
    </row>
    <row r="79" spans="1:18">
      <c r="R79" s="214"/>
    </row>
    <row r="80" spans="1:18">
      <c r="R80" s="214"/>
    </row>
    <row r="81" spans="18:18">
      <c r="R81" s="214"/>
    </row>
    <row r="82" spans="18:18">
      <c r="R82" s="214"/>
    </row>
    <row r="83" spans="18:18">
      <c r="R83" s="214"/>
    </row>
    <row r="84" spans="18:18">
      <c r="R84" s="214"/>
    </row>
    <row r="85" spans="18:18">
      <c r="R85" s="214"/>
    </row>
    <row r="86" spans="18:18">
      <c r="R86" s="214"/>
    </row>
    <row r="87" spans="18:18">
      <c r="R87" s="214"/>
    </row>
    <row r="88" spans="18:18">
      <c r="R88" s="214"/>
    </row>
    <row r="89" spans="18:18">
      <c r="R89" s="214"/>
    </row>
    <row r="90" spans="18:18">
      <c r="R90" s="214"/>
    </row>
    <row r="91" spans="18:18">
      <c r="R91" s="214"/>
    </row>
    <row r="92" spans="18:18">
      <c r="R92" s="214"/>
    </row>
    <row r="93" spans="18:18">
      <c r="R93" s="214"/>
    </row>
    <row r="94" spans="18:18">
      <c r="R94" s="214"/>
    </row>
    <row r="95" spans="18:18">
      <c r="R95" s="214"/>
    </row>
    <row r="96" spans="18:18">
      <c r="R96" s="214"/>
    </row>
    <row r="97" spans="18:18">
      <c r="R97" s="214"/>
    </row>
    <row r="98" spans="18:18">
      <c r="R98" s="214"/>
    </row>
    <row r="99" spans="18:18">
      <c r="R99" s="214"/>
    </row>
    <row r="100" spans="18:18">
      <c r="R100" s="214"/>
    </row>
    <row r="101" spans="18:18">
      <c r="R101" s="214"/>
    </row>
    <row r="102" spans="18:18">
      <c r="R102" s="214"/>
    </row>
    <row r="103" spans="18:18">
      <c r="R103" s="214"/>
    </row>
    <row r="104" spans="18:18">
      <c r="R104" s="214"/>
    </row>
    <row r="105" spans="18:18">
      <c r="R105" s="214"/>
    </row>
    <row r="106" spans="18:18">
      <c r="R106" s="214"/>
    </row>
    <row r="107" spans="18:18">
      <c r="R107" s="214"/>
    </row>
    <row r="108" spans="18:18">
      <c r="R108" s="214"/>
    </row>
    <row r="109" spans="18:18">
      <c r="R109" s="214"/>
    </row>
    <row r="110" spans="18:18">
      <c r="R110" s="214"/>
    </row>
    <row r="111" spans="18:18">
      <c r="R111" s="214"/>
    </row>
    <row r="112" spans="18:18">
      <c r="R112" s="214"/>
    </row>
    <row r="113" spans="18:18">
      <c r="R113" s="214"/>
    </row>
    <row r="114" spans="18:18">
      <c r="R114" s="214"/>
    </row>
    <row r="115" spans="18:18">
      <c r="R115" s="214"/>
    </row>
    <row r="116" spans="18:18">
      <c r="R116" s="214"/>
    </row>
    <row r="117" spans="18:18">
      <c r="R117" s="214"/>
    </row>
    <row r="118" spans="18:18">
      <c r="R118" s="214"/>
    </row>
    <row r="119" spans="18:18">
      <c r="R119" s="214"/>
    </row>
    <row r="120" spans="18:18">
      <c r="R120" s="214"/>
    </row>
    <row r="121" spans="18:18">
      <c r="R121" s="214"/>
    </row>
    <row r="122" spans="18:18">
      <c r="R122" s="214"/>
    </row>
    <row r="123" spans="18:18">
      <c r="R123" s="214"/>
    </row>
    <row r="124" spans="18:18">
      <c r="R124" s="214"/>
    </row>
    <row r="125" spans="18:18">
      <c r="R125" s="214"/>
    </row>
    <row r="126" spans="18:18">
      <c r="R126" s="214"/>
    </row>
    <row r="127" spans="18:18">
      <c r="R127" s="214"/>
    </row>
    <row r="128" spans="18:18">
      <c r="R128" s="214"/>
    </row>
    <row r="129" spans="18:18">
      <c r="R129" s="214"/>
    </row>
    <row r="130" spans="18:18">
      <c r="R130" s="214"/>
    </row>
    <row r="131" spans="18:18">
      <c r="R131" s="214"/>
    </row>
    <row r="132" spans="18:18">
      <c r="R132" s="214"/>
    </row>
    <row r="133" spans="18:18">
      <c r="R133" s="214"/>
    </row>
    <row r="134" spans="18:18">
      <c r="R134" s="214"/>
    </row>
    <row r="135" spans="18:18">
      <c r="R135" s="214"/>
    </row>
    <row r="136" spans="18:18">
      <c r="R136" s="214"/>
    </row>
    <row r="137" spans="18:18">
      <c r="R137" s="214"/>
    </row>
    <row r="138" spans="18:18">
      <c r="R138" s="214"/>
    </row>
    <row r="139" spans="18:18">
      <c r="R139" s="214"/>
    </row>
    <row r="140" spans="18:18">
      <c r="R140" s="214"/>
    </row>
    <row r="141" spans="18:18">
      <c r="R141" s="214"/>
    </row>
    <row r="142" spans="18:18">
      <c r="R142" s="214"/>
    </row>
    <row r="143" spans="18:18">
      <c r="R143" s="214"/>
    </row>
    <row r="144" spans="18:18">
      <c r="R144" s="214"/>
    </row>
    <row r="145" spans="18:18">
      <c r="R145" s="214"/>
    </row>
    <row r="146" spans="18:18">
      <c r="R146" s="214"/>
    </row>
    <row r="147" spans="18:18">
      <c r="R147" s="214"/>
    </row>
    <row r="148" spans="18:18">
      <c r="R148" s="214"/>
    </row>
    <row r="149" spans="18:18">
      <c r="R149" s="214"/>
    </row>
    <row r="150" spans="18:18">
      <c r="R150" s="214"/>
    </row>
    <row r="151" spans="18:18">
      <c r="R151" s="214"/>
    </row>
    <row r="152" spans="18:18">
      <c r="R152" s="214"/>
    </row>
    <row r="153" spans="18:18">
      <c r="R153" s="214"/>
    </row>
    <row r="154" spans="18:18">
      <c r="R154" s="214"/>
    </row>
    <row r="155" spans="18:18">
      <c r="R155" s="214"/>
    </row>
    <row r="156" spans="18:18">
      <c r="R156" s="214"/>
    </row>
    <row r="157" spans="18:18">
      <c r="R157" s="214"/>
    </row>
    <row r="158" spans="18:18">
      <c r="R158" s="214"/>
    </row>
    <row r="159" spans="18:18">
      <c r="R159" s="214"/>
    </row>
    <row r="160" spans="18:18">
      <c r="R160" s="254"/>
    </row>
    <row r="161" spans="18:18">
      <c r="R161" s="254"/>
    </row>
    <row r="162" spans="18:18">
      <c r="R162" s="254"/>
    </row>
    <row r="163" spans="18:18">
      <c r="R163" s="254"/>
    </row>
    <row r="164" spans="18:18">
      <c r="R164" s="254"/>
    </row>
    <row r="165" spans="18:18">
      <c r="R165" s="254"/>
    </row>
    <row r="166" spans="18:18">
      <c r="R166" s="254"/>
    </row>
    <row r="167" spans="18:18">
      <c r="R167" s="125"/>
    </row>
    <row r="168" spans="18:18">
      <c r="R168" s="125"/>
    </row>
    <row r="169" spans="18:18">
      <c r="R169" s="125"/>
    </row>
    <row r="170" spans="18:18">
      <c r="R170" s="125"/>
    </row>
    <row r="171" spans="18:18">
      <c r="R171" s="125"/>
    </row>
    <row r="172" spans="18:18">
      <c r="R172" s="125"/>
    </row>
    <row r="173" spans="18:18">
      <c r="R173" s="125"/>
    </row>
    <row r="174" spans="18:18">
      <c r="R174" s="125"/>
    </row>
    <row r="175" spans="18:18">
      <c r="R175" s="125"/>
    </row>
    <row r="176" spans="18:18">
      <c r="R176" s="125"/>
    </row>
    <row r="177" spans="18:18">
      <c r="R177" s="125"/>
    </row>
    <row r="178" spans="18:18">
      <c r="R178" s="125"/>
    </row>
    <row r="179" spans="18:18">
      <c r="R179" s="125"/>
    </row>
    <row r="180" spans="18:18">
      <c r="R180" s="125"/>
    </row>
    <row r="181" spans="18:18">
      <c r="R181" s="125"/>
    </row>
    <row r="182" spans="18:18">
      <c r="R182" s="125"/>
    </row>
    <row r="183" spans="18:18">
      <c r="R183" s="125"/>
    </row>
    <row r="184" spans="18:18">
      <c r="R184" s="125"/>
    </row>
    <row r="185" spans="18:18">
      <c r="R185" s="125"/>
    </row>
    <row r="186" spans="18:18">
      <c r="R186" s="125"/>
    </row>
    <row r="187" spans="18:18">
      <c r="R187" s="125"/>
    </row>
    <row r="188" spans="18:18">
      <c r="R188" s="125"/>
    </row>
    <row r="189" spans="18:18">
      <c r="R189" s="125"/>
    </row>
    <row r="190" spans="18:18">
      <c r="R190" s="125"/>
    </row>
    <row r="191" spans="18:18">
      <c r="R191" s="125"/>
    </row>
    <row r="192" spans="18:18">
      <c r="R192" s="125"/>
    </row>
  </sheetData>
  <mergeCells count="138">
    <mergeCell ref="F4:M4"/>
    <mergeCell ref="F6:H6"/>
    <mergeCell ref="I6:O6"/>
    <mergeCell ref="P6:S6"/>
    <mergeCell ref="F8:L8"/>
    <mergeCell ref="F10:L10"/>
    <mergeCell ref="Q10:Y10"/>
    <mergeCell ref="AE18:AE19"/>
    <mergeCell ref="B20:C20"/>
    <mergeCell ref="D20:Q20"/>
    <mergeCell ref="S20:T20"/>
    <mergeCell ref="U20:W20"/>
    <mergeCell ref="Z20:AA20"/>
    <mergeCell ref="F12:S12"/>
    <mergeCell ref="F14:S14"/>
    <mergeCell ref="F16:S16"/>
    <mergeCell ref="B18:C19"/>
    <mergeCell ref="D18:Q19"/>
    <mergeCell ref="S18:T19"/>
    <mergeCell ref="AB20:AD20"/>
    <mergeCell ref="B21:C21"/>
    <mergeCell ref="D21:Q21"/>
    <mergeCell ref="S21:T21"/>
    <mergeCell ref="U21:W21"/>
    <mergeCell ref="Z21:AA21"/>
    <mergeCell ref="AB21:AD21"/>
    <mergeCell ref="U18:W19"/>
    <mergeCell ref="X18:Y19"/>
    <mergeCell ref="Z18:AA19"/>
    <mergeCell ref="AB18:AD19"/>
    <mergeCell ref="B23:C23"/>
    <mergeCell ref="D23:Q23"/>
    <mergeCell ref="S23:T23"/>
    <mergeCell ref="U23:W23"/>
    <mergeCell ref="Z23:AA23"/>
    <mergeCell ref="AB23:AD23"/>
    <mergeCell ref="B22:C22"/>
    <mergeCell ref="D22:Q22"/>
    <mergeCell ref="S22:T22"/>
    <mergeCell ref="U22:W22"/>
    <mergeCell ref="Z22:AA22"/>
    <mergeCell ref="AB22:AD22"/>
    <mergeCell ref="B25:C25"/>
    <mergeCell ref="D25:Q25"/>
    <mergeCell ref="S25:T25"/>
    <mergeCell ref="U25:W25"/>
    <mergeCell ref="Z25:AA25"/>
    <mergeCell ref="AB25:AD25"/>
    <mergeCell ref="B24:C24"/>
    <mergeCell ref="D24:Q24"/>
    <mergeCell ref="S24:T24"/>
    <mergeCell ref="U24:W24"/>
    <mergeCell ref="Z24:AA24"/>
    <mergeCell ref="AB24:AD24"/>
    <mergeCell ref="B27:C27"/>
    <mergeCell ref="D27:Q27"/>
    <mergeCell ref="S27:T27"/>
    <mergeCell ref="U27:W27"/>
    <mergeCell ref="Z27:AA27"/>
    <mergeCell ref="AB27:AD27"/>
    <mergeCell ref="B26:C26"/>
    <mergeCell ref="D26:Q26"/>
    <mergeCell ref="S26:T26"/>
    <mergeCell ref="U26:W26"/>
    <mergeCell ref="Z26:AA26"/>
    <mergeCell ref="AB26:AD26"/>
    <mergeCell ref="B29:C29"/>
    <mergeCell ref="D29:Q29"/>
    <mergeCell ref="S29:T29"/>
    <mergeCell ref="U29:W29"/>
    <mergeCell ref="Z29:AA29"/>
    <mergeCell ref="AB29:AD29"/>
    <mergeCell ref="B28:C28"/>
    <mergeCell ref="D28:Q28"/>
    <mergeCell ref="S28:T28"/>
    <mergeCell ref="U28:W28"/>
    <mergeCell ref="Z28:AA28"/>
    <mergeCell ref="AB28:AD28"/>
    <mergeCell ref="B31:C31"/>
    <mergeCell ref="D31:Q31"/>
    <mergeCell ref="S31:T31"/>
    <mergeCell ref="U31:W31"/>
    <mergeCell ref="Z31:AA31"/>
    <mergeCell ref="AB31:AD31"/>
    <mergeCell ref="B30:C30"/>
    <mergeCell ref="D30:Q30"/>
    <mergeCell ref="S30:T30"/>
    <mergeCell ref="U30:W30"/>
    <mergeCell ref="Z30:AA30"/>
    <mergeCell ref="AB30:AD30"/>
    <mergeCell ref="B33:C33"/>
    <mergeCell ref="D33:Q33"/>
    <mergeCell ref="S33:T33"/>
    <mergeCell ref="U33:W33"/>
    <mergeCell ref="Z33:AA33"/>
    <mergeCell ref="AB33:AD33"/>
    <mergeCell ref="B32:C32"/>
    <mergeCell ref="D32:Q32"/>
    <mergeCell ref="S32:T32"/>
    <mergeCell ref="U32:W32"/>
    <mergeCell ref="Z32:AA32"/>
    <mergeCell ref="AB32:AD32"/>
    <mergeCell ref="B35:C35"/>
    <mergeCell ref="D35:Q35"/>
    <mergeCell ref="S35:T35"/>
    <mergeCell ref="U35:W35"/>
    <mergeCell ref="Z35:AA35"/>
    <mergeCell ref="AB35:AD35"/>
    <mergeCell ref="B34:C34"/>
    <mergeCell ref="D34:Q34"/>
    <mergeCell ref="S34:T34"/>
    <mergeCell ref="U34:W34"/>
    <mergeCell ref="Z34:AA34"/>
    <mergeCell ref="AB34:AD34"/>
    <mergeCell ref="B37:C37"/>
    <mergeCell ref="D37:Q37"/>
    <mergeCell ref="S37:T37"/>
    <mergeCell ref="U37:W37"/>
    <mergeCell ref="Z37:AA37"/>
    <mergeCell ref="AB37:AD37"/>
    <mergeCell ref="B36:C36"/>
    <mergeCell ref="D36:Q36"/>
    <mergeCell ref="S36:T36"/>
    <mergeCell ref="U36:W36"/>
    <mergeCell ref="Z36:AA36"/>
    <mergeCell ref="AB36:AD36"/>
    <mergeCell ref="B39:C39"/>
    <mergeCell ref="D39:Q39"/>
    <mergeCell ref="S39:T39"/>
    <mergeCell ref="U39:W39"/>
    <mergeCell ref="Z39:AA39"/>
    <mergeCell ref="AB39:AD39"/>
    <mergeCell ref="B38:C38"/>
    <mergeCell ref="D38:Q38"/>
    <mergeCell ref="S38:T38"/>
    <mergeCell ref="U38:W38"/>
    <mergeCell ref="Z38:AA38"/>
    <mergeCell ref="AB38:AD38"/>
  </mergeCells>
  <phoneticPr fontId="24"/>
  <conditionalFormatting sqref="AE26">
    <cfRule type="expression" dxfId="3" priority="1">
      <formula>$AN26="□"</formula>
    </cfRule>
  </conditionalFormatting>
  <dataValidations count="8">
    <dataValidation type="list" allowBlank="1" showInputMessage="1" showErrorMessage="1" sqref="I6:O6" xr:uid="{60F9BB92-7983-48BA-8289-C3B185E172BF}">
      <formula1>"1,2,3,4,5,6,7,8,9,10,11,12,13,14,15,16,17,18,19,20,21,22,23,24"</formula1>
    </dataValidation>
    <dataValidation type="list" allowBlank="1" showInputMessage="1" showErrorMessage="1" sqref="F12:S12 F14:S14 F16:S16" xr:uid="{43B0C55E-E503-4D89-BD45-AE73A0024FEE}">
      <formula1>$F$52:$F$67</formula1>
    </dataValidation>
    <dataValidation type="list" allowBlank="1" showInputMessage="1" showErrorMessage="1" sqref="AB20:AD39" xr:uid="{0F42277B-A158-4A90-9BDD-B1950B82560F}">
      <formula1>$C$52:$C$57</formula1>
    </dataValidation>
    <dataValidation type="list" allowBlank="1" showInputMessage="1" showErrorMessage="1" sqref="F8:L8" xr:uid="{96A34E21-383F-4D01-8000-28A842941D11}">
      <formula1>$B$52:$B$53</formula1>
    </dataValidation>
    <dataValidation type="list" allowBlank="1" showInputMessage="1" showErrorMessage="1" sqref="F4:M4" xr:uid="{E8786719-8F56-4E78-B848-B3A05DF42E8A}">
      <formula1>$A$52:$A$54</formula1>
    </dataValidation>
    <dataValidation type="list" allowBlank="1" showInputMessage="1" showErrorMessage="1" sqref="Q10:Y10" xr:uid="{DACBFD0A-9F7D-4C6A-9C46-EDF361809131}">
      <formula1>$E$52:$E$55</formula1>
    </dataValidation>
    <dataValidation type="list" allowBlank="1" showInputMessage="1" showErrorMessage="1" sqref="Z20:AA39" xr:uid="{5DF8A1BE-77BD-47C3-A72D-0D5836597802}">
      <formula1>"○,×"</formula1>
    </dataValidation>
    <dataValidation type="list" allowBlank="1" showInputMessage="1" showErrorMessage="1" sqref="F10:L10" xr:uid="{C8BC6E37-C26F-4888-A0EA-5E63E7A481A4}">
      <formula1>"する,しない"</formula1>
    </dataValidation>
  </dataValidations>
  <pageMargins left="0.19685039370078741" right="0.19685039370078741" top="0.39370078740157483" bottom="0.39370078740157483" header="0.19685039370078741" footer="0.19685039370078741"/>
  <pageSetup paperSize="9" scale="76" fitToHeight="0" orientation="landscape" r:id="rId1"/>
  <headerFooter alignWithMargins="0">
    <oddFooter>&amp;C&amp;P</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492D556-235C-49B3-98E4-8C93E4656E0A}">
  <sheetPr codeName="Sheet16"/>
  <dimension ref="A1:AG70"/>
  <sheetViews>
    <sheetView showGridLines="0" view="pageBreakPreview" zoomScaleNormal="100" zoomScaleSheetLayoutView="100" workbookViewId="0"/>
  </sheetViews>
  <sheetFormatPr defaultColWidth="9" defaultRowHeight="13"/>
  <cols>
    <col min="1" max="1" width="2.6328125" style="16" customWidth="1"/>
    <col min="2" max="2" width="3" style="16" customWidth="1"/>
    <col min="3" max="3" width="2.6328125" style="16" customWidth="1"/>
    <col min="4" max="4" width="2.36328125" style="49" customWidth="1"/>
    <col min="5" max="17" width="2.6328125" style="49" customWidth="1"/>
    <col min="18" max="18" width="5.90625" style="55" hidden="1" customWidth="1"/>
    <col min="19" max="19" width="3.6328125" style="16" customWidth="1"/>
    <col min="20" max="23" width="2.6328125" style="16" customWidth="1"/>
    <col min="24" max="24" width="3.6328125" style="16" customWidth="1"/>
    <col min="25" max="25" width="3.90625" style="16" customWidth="1"/>
    <col min="26" max="28" width="2.6328125" style="16" customWidth="1"/>
    <col min="29" max="29" width="4.08984375" style="16" customWidth="1"/>
    <col min="30" max="30" width="2.6328125" style="16" customWidth="1"/>
    <col min="31" max="31" width="87" style="55" bestFit="1" customWidth="1"/>
    <col min="32" max="32" width="5.36328125" style="16" customWidth="1"/>
    <col min="33" max="16384" width="9" style="16"/>
  </cols>
  <sheetData>
    <row r="1" spans="1:33" customFormat="1" ht="30.75" customHeight="1">
      <c r="A1" s="79"/>
      <c r="B1" s="80" t="s">
        <v>2408</v>
      </c>
      <c r="C1" s="80"/>
      <c r="D1" s="80"/>
      <c r="E1" s="80"/>
      <c r="F1" s="80"/>
      <c r="G1" s="80"/>
      <c r="H1" s="80"/>
      <c r="I1" s="80"/>
      <c r="J1" s="80"/>
      <c r="K1" s="80"/>
      <c r="L1" s="80"/>
      <c r="M1" s="80"/>
      <c r="N1" s="80"/>
      <c r="O1" s="80"/>
      <c r="P1" s="80"/>
      <c r="Q1" s="80"/>
      <c r="R1" s="217"/>
      <c r="S1" s="80"/>
      <c r="T1" s="81"/>
      <c r="U1" s="81"/>
      <c r="V1" s="81"/>
      <c r="W1" s="80"/>
      <c r="X1" s="80"/>
      <c r="Y1" s="80"/>
      <c r="Z1" s="323"/>
      <c r="AA1" s="323"/>
      <c r="AB1" s="323"/>
      <c r="AC1" s="323"/>
      <c r="AD1" s="323"/>
      <c r="AE1" s="355"/>
      <c r="AF1" s="356"/>
      <c r="AG1" s="71"/>
    </row>
    <row r="2" spans="1:33" s="1" customFormat="1" ht="24.75" customHeight="1">
      <c r="A2" s="83"/>
      <c r="B2" s="84"/>
      <c r="C2" s="85" t="s">
        <v>2997</v>
      </c>
      <c r="D2" s="85"/>
      <c r="E2" s="86"/>
      <c r="F2" s="86"/>
      <c r="G2" s="86"/>
      <c r="H2" s="86"/>
      <c r="I2" s="86"/>
      <c r="J2" s="86"/>
      <c r="K2" s="86"/>
      <c r="L2" s="86"/>
      <c r="M2" s="86"/>
      <c r="N2" s="86"/>
      <c r="O2" s="86"/>
      <c r="P2" s="86"/>
      <c r="Q2" s="86"/>
      <c r="R2" s="86"/>
      <c r="S2" s="86"/>
      <c r="T2" s="86"/>
      <c r="U2" s="86"/>
      <c r="V2" s="86"/>
      <c r="W2" s="86"/>
      <c r="X2" s="86"/>
      <c r="Y2" s="86"/>
      <c r="Z2" s="324"/>
      <c r="AA2" s="324"/>
      <c r="AB2" s="324"/>
      <c r="AC2" s="324"/>
      <c r="AD2" s="324"/>
      <c r="AE2" s="357"/>
      <c r="AF2" s="358"/>
      <c r="AG2" s="26"/>
    </row>
    <row r="3" spans="1:33" ht="6" customHeight="1">
      <c r="A3" s="42"/>
      <c r="B3" s="43"/>
      <c r="C3" s="43"/>
      <c r="D3" s="44"/>
      <c r="E3" s="44"/>
      <c r="F3" s="44"/>
      <c r="G3" s="44"/>
      <c r="H3" s="44"/>
      <c r="I3" s="44"/>
      <c r="J3" s="44"/>
      <c r="K3" s="44"/>
      <c r="L3" s="44"/>
      <c r="M3" s="44"/>
      <c r="N3" s="44"/>
      <c r="O3" s="44"/>
      <c r="P3" s="44"/>
      <c r="Q3" s="44"/>
      <c r="R3" s="243"/>
      <c r="S3" s="45"/>
      <c r="T3" s="45"/>
      <c r="U3" s="45"/>
      <c r="V3" s="45"/>
      <c r="W3" s="45"/>
      <c r="X3" s="45"/>
      <c r="Y3" s="45"/>
      <c r="Z3" s="45"/>
      <c r="AA3" s="45"/>
      <c r="AB3" s="45"/>
      <c r="AC3" s="45"/>
      <c r="AD3" s="43"/>
      <c r="AE3" s="273"/>
      <c r="AF3" s="29"/>
    </row>
    <row r="4" spans="1:33">
      <c r="A4" s="42"/>
      <c r="B4" s="7" t="s">
        <v>339</v>
      </c>
      <c r="C4" s="8"/>
      <c r="D4" s="9"/>
      <c r="E4" s="9"/>
      <c r="F4" s="612" t="s">
        <v>340</v>
      </c>
      <c r="G4" s="613"/>
      <c r="H4" s="613"/>
      <c r="I4" s="613"/>
      <c r="J4" s="613"/>
      <c r="K4" s="613"/>
      <c r="L4" s="613"/>
      <c r="M4" s="614"/>
      <c r="N4" s="110"/>
      <c r="O4" s="9"/>
      <c r="P4" s="9"/>
      <c r="Q4" s="9"/>
      <c r="R4" s="9"/>
      <c r="S4" s="9"/>
      <c r="T4" s="9"/>
      <c r="U4" s="9"/>
      <c r="V4" s="9"/>
      <c r="W4" s="9"/>
      <c r="X4" s="9"/>
      <c r="Y4" s="9"/>
      <c r="Z4" s="250"/>
      <c r="AA4" s="250"/>
      <c r="AB4" s="250"/>
      <c r="AC4" s="250"/>
      <c r="AD4" s="250"/>
      <c r="AE4" s="243"/>
      <c r="AF4" s="29"/>
    </row>
    <row r="5" spans="1:33" s="26" customFormat="1" ht="13.5" customHeight="1">
      <c r="A5" s="46"/>
      <c r="B5" s="8"/>
      <c r="C5" s="8"/>
      <c r="D5" s="9"/>
      <c r="E5" s="9"/>
      <c r="F5" s="9"/>
      <c r="G5" s="9"/>
      <c r="H5" s="9"/>
      <c r="I5" s="9"/>
      <c r="J5" s="9"/>
      <c r="K5" s="9"/>
      <c r="L5" s="9"/>
      <c r="M5" s="9"/>
      <c r="N5" s="9"/>
      <c r="O5" s="9"/>
      <c r="P5" s="9"/>
      <c r="Q5" s="9"/>
      <c r="R5" s="9"/>
      <c r="S5" s="9"/>
      <c r="T5" s="9"/>
      <c r="U5" s="9"/>
      <c r="V5" s="9"/>
      <c r="W5" s="9"/>
      <c r="X5" s="9"/>
      <c r="Y5" s="9"/>
      <c r="Z5" s="250"/>
      <c r="AA5" s="250"/>
      <c r="AB5" s="250"/>
      <c r="AC5" s="250"/>
      <c r="AD5" s="250"/>
      <c r="AE5" s="243"/>
      <c r="AF5" s="48"/>
    </row>
    <row r="6" spans="1:33" s="26" customFormat="1" ht="13.5" customHeight="1">
      <c r="A6" s="46"/>
      <c r="B6" s="91" t="s">
        <v>341</v>
      </c>
      <c r="C6" s="91"/>
      <c r="D6" s="91"/>
      <c r="E6" s="91"/>
      <c r="F6" s="742" t="s">
        <v>2274</v>
      </c>
      <c r="G6" s="742"/>
      <c r="H6" s="743"/>
      <c r="I6" s="612"/>
      <c r="J6" s="613"/>
      <c r="K6" s="613"/>
      <c r="L6" s="613"/>
      <c r="M6" s="613"/>
      <c r="N6" s="613"/>
      <c r="O6" s="614"/>
      <c r="P6" s="744" t="s">
        <v>2275</v>
      </c>
      <c r="Q6" s="745"/>
      <c r="R6" s="745"/>
      <c r="S6" s="745"/>
      <c r="U6" s="113"/>
      <c r="V6" s="256" t="s">
        <v>2276</v>
      </c>
      <c r="W6" s="113"/>
      <c r="X6" s="113"/>
      <c r="Y6" s="113"/>
      <c r="Z6" s="243"/>
      <c r="AA6" s="243"/>
      <c r="AD6" s="47"/>
      <c r="AF6" s="29"/>
    </row>
    <row r="7" spans="1:33">
      <c r="A7" s="25"/>
      <c r="B7" s="7"/>
      <c r="C7" s="7"/>
      <c r="D7" s="7"/>
      <c r="E7" s="7"/>
      <c r="F7" s="78"/>
      <c r="G7" s="78"/>
      <c r="H7" s="78"/>
      <c r="I7" s="110"/>
      <c r="J7" s="110"/>
      <c r="K7" s="7"/>
      <c r="L7" s="110"/>
      <c r="M7" s="110"/>
      <c r="N7" s="110"/>
      <c r="O7" s="7"/>
      <c r="P7" s="1"/>
      <c r="Q7" s="110"/>
      <c r="R7" s="110"/>
      <c r="S7" s="110"/>
      <c r="T7" s="78"/>
      <c r="U7" s="78"/>
      <c r="V7" s="78"/>
      <c r="W7" s="78"/>
      <c r="X7" s="110"/>
      <c r="Y7" s="110"/>
      <c r="Z7" s="97"/>
      <c r="AA7" s="47"/>
      <c r="AB7" s="97"/>
      <c r="AC7" s="97"/>
      <c r="AD7" s="97"/>
      <c r="AE7" s="367"/>
      <c r="AF7" s="29"/>
    </row>
    <row r="8" spans="1:33">
      <c r="A8" s="25"/>
      <c r="B8" s="7" t="s">
        <v>346</v>
      </c>
      <c r="C8" s="1"/>
      <c r="D8" s="1"/>
      <c r="E8" s="1"/>
      <c r="F8" s="606"/>
      <c r="G8" s="607"/>
      <c r="H8" s="607"/>
      <c r="I8" s="607"/>
      <c r="J8" s="607"/>
      <c r="K8" s="607"/>
      <c r="L8" s="608"/>
      <c r="M8" s="110"/>
      <c r="N8" s="110"/>
      <c r="O8" s="7"/>
      <c r="P8" s="1"/>
      <c r="Q8" s="110"/>
      <c r="R8" s="110"/>
      <c r="S8" s="110"/>
      <c r="T8" s="78"/>
      <c r="U8" s="78"/>
      <c r="V8" s="78"/>
      <c r="W8" s="78"/>
      <c r="X8" s="110"/>
      <c r="Y8" s="110"/>
      <c r="Z8" s="97"/>
      <c r="AA8" s="47"/>
      <c r="AB8" s="97"/>
      <c r="AC8" s="97"/>
      <c r="AD8" s="97"/>
      <c r="AE8" s="367"/>
      <c r="AF8" s="29"/>
    </row>
    <row r="9" spans="1:33" ht="13.5" customHeight="1">
      <c r="A9" s="25"/>
      <c r="B9" s="7"/>
      <c r="C9" s="7"/>
      <c r="D9" s="7"/>
      <c r="E9" s="7"/>
      <c r="F9" s="78"/>
      <c r="G9" s="375"/>
      <c r="H9" s="375"/>
      <c r="I9" s="110"/>
      <c r="J9" s="110"/>
      <c r="K9" s="7"/>
      <c r="L9" s="110"/>
      <c r="M9" s="375"/>
      <c r="N9" s="375"/>
      <c r="O9" s="7"/>
      <c r="P9" s="1"/>
      <c r="Q9" s="110"/>
      <c r="R9" s="110"/>
      <c r="S9" s="110"/>
      <c r="T9" s="375"/>
      <c r="U9" s="375"/>
      <c r="V9" s="375"/>
      <c r="W9" s="78"/>
      <c r="X9" s="375"/>
      <c r="Y9" s="375"/>
      <c r="Z9" s="97"/>
      <c r="AA9" s="47"/>
      <c r="AB9" s="97"/>
      <c r="AC9" s="26"/>
      <c r="AD9" s="97"/>
      <c r="AE9" s="55" t="s">
        <v>348</v>
      </c>
      <c r="AF9" s="29"/>
    </row>
    <row r="10" spans="1:33">
      <c r="A10" s="25"/>
      <c r="B10" s="7" t="s">
        <v>41</v>
      </c>
      <c r="C10" s="94"/>
      <c r="D10" s="94"/>
      <c r="E10" s="94"/>
      <c r="F10" s="609"/>
      <c r="G10" s="610"/>
      <c r="H10" s="610"/>
      <c r="I10" s="610"/>
      <c r="J10" s="610"/>
      <c r="K10" s="610"/>
      <c r="L10" s="611"/>
      <c r="M10" s="1"/>
      <c r="N10" s="7" t="s">
        <v>947</v>
      </c>
      <c r="O10" s="1"/>
      <c r="P10" s="1"/>
      <c r="Q10" s="609"/>
      <c r="R10" s="610"/>
      <c r="S10" s="610"/>
      <c r="T10" s="610"/>
      <c r="U10" s="610"/>
      <c r="V10" s="610"/>
      <c r="W10" s="611"/>
      <c r="X10" s="97"/>
      <c r="Y10" s="97"/>
      <c r="Z10" s="26"/>
      <c r="AA10" s="47"/>
      <c r="AB10" s="97"/>
      <c r="AC10" s="26"/>
      <c r="AD10" s="97"/>
      <c r="AE10" s="55" t="s">
        <v>350</v>
      </c>
      <c r="AF10" s="29"/>
    </row>
    <row r="11" spans="1:33">
      <c r="A11" s="25"/>
      <c r="B11" s="7"/>
      <c r="C11" s="94"/>
      <c r="D11" s="94"/>
      <c r="E11" s="94"/>
      <c r="F11" s="97"/>
      <c r="G11" s="97"/>
      <c r="H11" s="97"/>
      <c r="I11" s="97"/>
      <c r="J11" s="97"/>
      <c r="K11" s="97"/>
      <c r="L11" s="97"/>
      <c r="M11" s="1"/>
      <c r="N11" s="7"/>
      <c r="O11" s="1"/>
      <c r="P11" s="1"/>
      <c r="Q11" s="97"/>
      <c r="R11" s="97"/>
      <c r="S11" s="97"/>
      <c r="T11" s="97"/>
      <c r="U11" s="97"/>
      <c r="V11" s="97"/>
      <c r="W11" s="97"/>
      <c r="X11" s="97"/>
      <c r="Y11" s="97"/>
      <c r="Z11" s="26"/>
      <c r="AA11" s="47"/>
      <c r="AB11" s="97"/>
      <c r="AC11" s="26"/>
      <c r="AD11" s="97"/>
      <c r="AE11" s="55" t="s">
        <v>351</v>
      </c>
      <c r="AF11" s="29"/>
    </row>
    <row r="12" spans="1:33" ht="13.5" customHeight="1">
      <c r="A12" s="25"/>
      <c r="B12" s="7" t="s">
        <v>349</v>
      </c>
      <c r="C12" s="1"/>
      <c r="D12" s="1"/>
      <c r="E12" s="1"/>
      <c r="F12" s="606"/>
      <c r="G12" s="607"/>
      <c r="H12" s="607"/>
      <c r="I12" s="607"/>
      <c r="J12" s="607"/>
      <c r="K12" s="607"/>
      <c r="L12" s="607"/>
      <c r="M12" s="607"/>
      <c r="N12" s="607"/>
      <c r="O12" s="607"/>
      <c r="P12" s="607"/>
      <c r="Q12" s="607"/>
      <c r="R12" s="607"/>
      <c r="S12" s="608"/>
      <c r="T12" s="1"/>
      <c r="U12" s="1"/>
      <c r="V12" s="1"/>
      <c r="W12" s="1"/>
      <c r="X12" s="97"/>
      <c r="Y12" s="97"/>
      <c r="Z12" s="26"/>
      <c r="AA12" s="47"/>
      <c r="AB12" s="97"/>
      <c r="AC12" s="26"/>
      <c r="AD12" s="97"/>
      <c r="AE12" s="55" t="s">
        <v>352</v>
      </c>
      <c r="AF12" s="29"/>
    </row>
    <row r="13" spans="1:33" s="26" customFormat="1">
      <c r="A13" s="20"/>
      <c r="B13" s="7"/>
      <c r="C13" s="1"/>
      <c r="D13" s="1"/>
      <c r="E13" s="1"/>
      <c r="F13" s="1"/>
      <c r="G13" s="1"/>
      <c r="H13" s="1"/>
      <c r="I13" s="1"/>
      <c r="J13" s="1"/>
      <c r="K13" s="1"/>
      <c r="L13" s="1"/>
      <c r="M13" s="1"/>
      <c r="N13" s="1"/>
      <c r="O13" s="1"/>
      <c r="P13" s="1"/>
      <c r="Q13" s="1"/>
      <c r="R13" s="1"/>
      <c r="S13" s="1"/>
      <c r="T13" s="1"/>
      <c r="U13" s="1"/>
      <c r="V13" s="1"/>
      <c r="W13" s="1"/>
      <c r="X13" s="97"/>
      <c r="Y13" s="97"/>
      <c r="AA13" s="47"/>
      <c r="AB13" s="97"/>
      <c r="AC13" s="97"/>
      <c r="AD13" s="97"/>
      <c r="AF13" s="48"/>
    </row>
    <row r="14" spans="1:33" ht="13.5" customHeight="1">
      <c r="A14" s="25"/>
      <c r="B14" s="1"/>
      <c r="C14" s="1"/>
      <c r="D14" s="1"/>
      <c r="E14" s="1"/>
      <c r="F14" s="606"/>
      <c r="G14" s="607"/>
      <c r="H14" s="607"/>
      <c r="I14" s="607"/>
      <c r="J14" s="607"/>
      <c r="K14" s="607"/>
      <c r="L14" s="607"/>
      <c r="M14" s="607"/>
      <c r="N14" s="607"/>
      <c r="O14" s="607"/>
      <c r="P14" s="607"/>
      <c r="Q14" s="607"/>
      <c r="R14" s="607"/>
      <c r="S14" s="608"/>
      <c r="T14" s="1"/>
      <c r="U14" s="1"/>
      <c r="V14" s="1"/>
      <c r="W14" s="1"/>
      <c r="X14" s="97"/>
      <c r="Y14" s="97"/>
      <c r="Z14" s="26"/>
      <c r="AA14" s="47"/>
      <c r="AB14" s="97"/>
      <c r="AC14" s="97"/>
      <c r="AD14" s="97"/>
      <c r="AE14" s="367"/>
      <c r="AF14" s="29"/>
    </row>
    <row r="15" spans="1:33" ht="13.5" customHeight="1">
      <c r="A15" s="25"/>
      <c r="B15" s="7"/>
      <c r="C15" s="94"/>
      <c r="D15" s="94"/>
      <c r="E15" s="94"/>
      <c r="F15" s="97"/>
      <c r="G15" s="97"/>
      <c r="H15" s="97"/>
      <c r="I15" s="97"/>
      <c r="J15" s="97"/>
      <c r="K15" s="97"/>
      <c r="L15" s="97"/>
      <c r="M15" s="1"/>
      <c r="N15" s="7"/>
      <c r="O15" s="1"/>
      <c r="P15" s="1"/>
      <c r="Q15" s="97"/>
      <c r="R15" s="97"/>
      <c r="S15" s="97"/>
      <c r="T15" s="97"/>
      <c r="U15" s="97"/>
      <c r="V15" s="97"/>
      <c r="W15" s="97"/>
      <c r="X15" s="97"/>
      <c r="Y15" s="97"/>
      <c r="Z15" s="26"/>
      <c r="AA15" s="47"/>
      <c r="AB15" s="97"/>
      <c r="AC15" s="97"/>
      <c r="AD15" s="97"/>
      <c r="AE15" s="26" t="s">
        <v>375</v>
      </c>
      <c r="AF15" s="29"/>
    </row>
    <row r="16" spans="1:33" ht="13.5" customHeight="1">
      <c r="A16" s="25"/>
      <c r="B16" s="7"/>
      <c r="C16" s="94"/>
      <c r="D16" s="94"/>
      <c r="E16" s="94"/>
      <c r="F16" s="606"/>
      <c r="G16" s="607"/>
      <c r="H16" s="607"/>
      <c r="I16" s="607"/>
      <c r="J16" s="607"/>
      <c r="K16" s="607"/>
      <c r="L16" s="607"/>
      <c r="M16" s="607"/>
      <c r="N16" s="607"/>
      <c r="O16" s="607"/>
      <c r="P16" s="607"/>
      <c r="Q16" s="607"/>
      <c r="R16" s="607"/>
      <c r="S16" s="608"/>
      <c r="T16" s="97"/>
      <c r="U16" s="97"/>
      <c r="V16" s="97"/>
      <c r="W16" s="97"/>
      <c r="X16" s="97"/>
      <c r="Y16" s="97"/>
      <c r="Z16" s="26"/>
      <c r="AA16" s="47"/>
      <c r="AB16" s="97"/>
      <c r="AC16" s="97"/>
      <c r="AD16" s="97"/>
      <c r="AE16" s="367"/>
      <c r="AF16" s="29"/>
    </row>
    <row r="17" spans="1:32" ht="15" customHeight="1">
      <c r="A17" s="51"/>
      <c r="B17" s="43"/>
      <c r="C17" s="43"/>
      <c r="D17" s="44"/>
      <c r="E17" s="44"/>
      <c r="F17" s="44"/>
      <c r="G17" s="44"/>
      <c r="H17" s="44"/>
      <c r="I17" s="44"/>
      <c r="J17" s="44"/>
      <c r="K17" s="44"/>
      <c r="L17" s="44"/>
      <c r="M17" s="44"/>
      <c r="N17" s="44"/>
      <c r="O17" s="44"/>
      <c r="P17" s="44"/>
      <c r="Q17" s="44"/>
      <c r="R17" s="243"/>
      <c r="S17" s="45"/>
      <c r="T17" s="45"/>
      <c r="U17" s="45"/>
      <c r="V17" s="45"/>
      <c r="W17" s="45"/>
      <c r="X17" s="45"/>
      <c r="Y17" s="45"/>
      <c r="Z17" s="45"/>
      <c r="AA17" s="45"/>
      <c r="AB17" s="45"/>
      <c r="AC17" s="45"/>
      <c r="AD17" s="43"/>
      <c r="AE17" s="273"/>
      <c r="AF17" s="29"/>
    </row>
    <row r="18" spans="1:32" ht="13.5" customHeight="1">
      <c r="A18" s="51"/>
      <c r="B18" s="583" t="s">
        <v>73</v>
      </c>
      <c r="C18" s="573"/>
      <c r="D18" s="572" t="s">
        <v>94</v>
      </c>
      <c r="E18" s="572"/>
      <c r="F18" s="572"/>
      <c r="G18" s="572"/>
      <c r="H18" s="572"/>
      <c r="I18" s="572"/>
      <c r="J18" s="572"/>
      <c r="K18" s="572"/>
      <c r="L18" s="572"/>
      <c r="M18" s="572"/>
      <c r="N18" s="572"/>
      <c r="O18" s="572"/>
      <c r="P18" s="572"/>
      <c r="Q18" s="572"/>
      <c r="R18" s="226" t="s">
        <v>383</v>
      </c>
      <c r="S18" s="572" t="s">
        <v>138</v>
      </c>
      <c r="T18" s="572"/>
      <c r="U18" s="736" t="s">
        <v>959</v>
      </c>
      <c r="V18" s="737"/>
      <c r="W18" s="738"/>
      <c r="X18" s="572" t="s">
        <v>97</v>
      </c>
      <c r="Y18" s="572"/>
      <c r="Z18" s="572" t="s">
        <v>98</v>
      </c>
      <c r="AA18" s="572"/>
      <c r="AB18" s="583" t="s">
        <v>75</v>
      </c>
      <c r="AC18" s="583"/>
      <c r="AD18" s="583"/>
      <c r="AE18" s="572" t="s">
        <v>159</v>
      </c>
      <c r="AF18" s="37"/>
    </row>
    <row r="19" spans="1:32" ht="12.75" customHeight="1">
      <c r="A19" s="51"/>
      <c r="B19" s="573"/>
      <c r="C19" s="573"/>
      <c r="D19" s="572"/>
      <c r="E19" s="572"/>
      <c r="F19" s="572"/>
      <c r="G19" s="572"/>
      <c r="H19" s="572"/>
      <c r="I19" s="572"/>
      <c r="J19" s="572"/>
      <c r="K19" s="572"/>
      <c r="L19" s="572"/>
      <c r="M19" s="572"/>
      <c r="N19" s="572"/>
      <c r="O19" s="572"/>
      <c r="P19" s="572"/>
      <c r="Q19" s="572"/>
      <c r="R19" s="227"/>
      <c r="S19" s="572"/>
      <c r="T19" s="572"/>
      <c r="U19" s="739"/>
      <c r="V19" s="740"/>
      <c r="W19" s="741"/>
      <c r="X19" s="572"/>
      <c r="Y19" s="572"/>
      <c r="Z19" s="572"/>
      <c r="AA19" s="572"/>
      <c r="AB19" s="583"/>
      <c r="AC19" s="583"/>
      <c r="AD19" s="583"/>
      <c r="AE19" s="572"/>
      <c r="AF19" s="37"/>
    </row>
    <row r="20" spans="1:32" s="54" customFormat="1">
      <c r="A20" s="19"/>
      <c r="B20" s="644">
        <v>1</v>
      </c>
      <c r="C20" s="645"/>
      <c r="D20" s="543" t="s">
        <v>90</v>
      </c>
      <c r="E20" s="544"/>
      <c r="F20" s="544"/>
      <c r="G20" s="544"/>
      <c r="H20" s="544"/>
      <c r="I20" s="544"/>
      <c r="J20" s="544"/>
      <c r="K20" s="544"/>
      <c r="L20" s="544"/>
      <c r="M20" s="544"/>
      <c r="N20" s="544"/>
      <c r="O20" s="544"/>
      <c r="P20" s="544"/>
      <c r="Q20" s="545"/>
      <c r="R20" s="384" t="s">
        <v>2998</v>
      </c>
      <c r="S20" s="546" t="s">
        <v>101</v>
      </c>
      <c r="T20" s="548"/>
      <c r="U20" s="623" t="s">
        <v>1120</v>
      </c>
      <c r="V20" s="624"/>
      <c r="W20" s="625"/>
      <c r="X20" s="210">
        <v>64</v>
      </c>
      <c r="Y20" s="210" t="s">
        <v>103</v>
      </c>
      <c r="Z20" s="700"/>
      <c r="AA20" s="700"/>
      <c r="AB20" s="592"/>
      <c r="AC20" s="592"/>
      <c r="AD20" s="592"/>
      <c r="AE20" s="118"/>
      <c r="AF20" s="38"/>
    </row>
    <row r="21" spans="1:32" s="54" customFormat="1" ht="13.4" customHeight="1">
      <c r="A21" s="19"/>
      <c r="B21" s="644">
        <v>2</v>
      </c>
      <c r="C21" s="645"/>
      <c r="D21" s="563" t="s">
        <v>409</v>
      </c>
      <c r="E21" s="564"/>
      <c r="F21" s="564"/>
      <c r="G21" s="564"/>
      <c r="H21" s="564"/>
      <c r="I21" s="564"/>
      <c r="J21" s="564"/>
      <c r="K21" s="564"/>
      <c r="L21" s="564"/>
      <c r="M21" s="564"/>
      <c r="N21" s="564"/>
      <c r="O21" s="564"/>
      <c r="P21" s="564"/>
      <c r="Q21" s="565"/>
      <c r="R21" s="384" t="s">
        <v>410</v>
      </c>
      <c r="S21" s="546" t="s">
        <v>107</v>
      </c>
      <c r="T21" s="548"/>
      <c r="U21" s="623" t="s">
        <v>102</v>
      </c>
      <c r="V21" s="624"/>
      <c r="W21" s="625"/>
      <c r="X21" s="210">
        <v>6</v>
      </c>
      <c r="Y21" s="210" t="s">
        <v>103</v>
      </c>
      <c r="Z21" s="700"/>
      <c r="AA21" s="700"/>
      <c r="AB21" s="592"/>
      <c r="AC21" s="592"/>
      <c r="AD21" s="592"/>
      <c r="AE21" s="118"/>
      <c r="AF21" s="38"/>
    </row>
    <row r="22" spans="1:32" s="54" customFormat="1" ht="13.4" customHeight="1">
      <c r="A22" s="19"/>
      <c r="B22" s="644">
        <v>3</v>
      </c>
      <c r="C22" s="645"/>
      <c r="D22" s="563" t="s">
        <v>2970</v>
      </c>
      <c r="E22" s="564"/>
      <c r="F22" s="564"/>
      <c r="G22" s="564"/>
      <c r="H22" s="564"/>
      <c r="I22" s="564"/>
      <c r="J22" s="564"/>
      <c r="K22" s="564"/>
      <c r="L22" s="564"/>
      <c r="M22" s="564"/>
      <c r="N22" s="564"/>
      <c r="O22" s="564"/>
      <c r="P22" s="564"/>
      <c r="Q22" s="565"/>
      <c r="R22" s="384" t="s">
        <v>2999</v>
      </c>
      <c r="S22" s="541" t="s">
        <v>107</v>
      </c>
      <c r="T22" s="542"/>
      <c r="U22" s="747" t="s">
        <v>102</v>
      </c>
      <c r="V22" s="748"/>
      <c r="W22" s="749"/>
      <c r="X22" s="213">
        <v>2</v>
      </c>
      <c r="Y22" s="213" t="s">
        <v>103</v>
      </c>
      <c r="Z22" s="700"/>
      <c r="AA22" s="700"/>
      <c r="AB22" s="592"/>
      <c r="AC22" s="592"/>
      <c r="AD22" s="592"/>
      <c r="AE22" s="118"/>
      <c r="AF22" s="38"/>
    </row>
    <row r="23" spans="1:32" s="54" customFormat="1">
      <c r="A23" s="19"/>
      <c r="B23" s="644">
        <v>4</v>
      </c>
      <c r="C23" s="645"/>
      <c r="D23" s="543" t="s">
        <v>2972</v>
      </c>
      <c r="E23" s="544"/>
      <c r="F23" s="544"/>
      <c r="G23" s="544"/>
      <c r="H23" s="544"/>
      <c r="I23" s="544"/>
      <c r="J23" s="544"/>
      <c r="K23" s="544"/>
      <c r="L23" s="544"/>
      <c r="M23" s="544"/>
      <c r="N23" s="544"/>
      <c r="O23" s="544"/>
      <c r="P23" s="544"/>
      <c r="Q23" s="545"/>
      <c r="R23" s="384" t="s">
        <v>3000</v>
      </c>
      <c r="S23" s="546" t="s">
        <v>107</v>
      </c>
      <c r="T23" s="548"/>
      <c r="U23" s="623" t="s">
        <v>102</v>
      </c>
      <c r="V23" s="624"/>
      <c r="W23" s="625"/>
      <c r="X23" s="210">
        <v>4</v>
      </c>
      <c r="Y23" s="210" t="s">
        <v>103</v>
      </c>
      <c r="Z23" s="700"/>
      <c r="AA23" s="700"/>
      <c r="AB23" s="592"/>
      <c r="AC23" s="592"/>
      <c r="AD23" s="592"/>
      <c r="AE23" s="118"/>
      <c r="AF23" s="38"/>
    </row>
    <row r="24" spans="1:32" s="57" customFormat="1" ht="13.4" customHeight="1">
      <c r="A24" s="56"/>
      <c r="B24" s="644">
        <v>5</v>
      </c>
      <c r="C24" s="645"/>
      <c r="D24" s="563" t="s">
        <v>454</v>
      </c>
      <c r="E24" s="564"/>
      <c r="F24" s="564"/>
      <c r="G24" s="564"/>
      <c r="H24" s="564"/>
      <c r="I24" s="564"/>
      <c r="J24" s="564"/>
      <c r="K24" s="564"/>
      <c r="L24" s="564"/>
      <c r="M24" s="564"/>
      <c r="N24" s="564"/>
      <c r="O24" s="564"/>
      <c r="P24" s="564"/>
      <c r="Q24" s="565"/>
      <c r="R24" s="384" t="s">
        <v>3001</v>
      </c>
      <c r="S24" s="546" t="s">
        <v>107</v>
      </c>
      <c r="T24" s="548"/>
      <c r="U24" s="623" t="s">
        <v>102</v>
      </c>
      <c r="V24" s="624"/>
      <c r="W24" s="625"/>
      <c r="X24" s="210">
        <v>1</v>
      </c>
      <c r="Y24" s="210" t="s">
        <v>103</v>
      </c>
      <c r="Z24" s="700"/>
      <c r="AA24" s="700"/>
      <c r="AB24" s="592"/>
      <c r="AC24" s="592"/>
      <c r="AD24" s="592"/>
      <c r="AE24" s="118"/>
      <c r="AF24" s="39"/>
    </row>
    <row r="25" spans="1:32" s="57" customFormat="1" ht="13.4" customHeight="1">
      <c r="A25" s="56"/>
      <c r="B25" s="644">
        <v>6</v>
      </c>
      <c r="C25" s="645"/>
      <c r="D25" s="563" t="s">
        <v>2293</v>
      </c>
      <c r="E25" s="564"/>
      <c r="F25" s="564"/>
      <c r="G25" s="564"/>
      <c r="H25" s="564"/>
      <c r="I25" s="564"/>
      <c r="J25" s="564"/>
      <c r="K25" s="564"/>
      <c r="L25" s="564"/>
      <c r="M25" s="564"/>
      <c r="N25" s="564"/>
      <c r="O25" s="564"/>
      <c r="P25" s="564"/>
      <c r="Q25" s="565"/>
      <c r="R25" s="384" t="s">
        <v>3002</v>
      </c>
      <c r="S25" s="541" t="s">
        <v>1844</v>
      </c>
      <c r="T25" s="542"/>
      <c r="U25" s="747" t="s">
        <v>102</v>
      </c>
      <c r="V25" s="748"/>
      <c r="W25" s="749"/>
      <c r="X25" s="213">
        <v>3</v>
      </c>
      <c r="Y25" s="213" t="s">
        <v>103</v>
      </c>
      <c r="Z25" s="700"/>
      <c r="AA25" s="700"/>
      <c r="AB25" s="592"/>
      <c r="AC25" s="592"/>
      <c r="AD25" s="592"/>
      <c r="AE25" s="118"/>
      <c r="AF25" s="39"/>
    </row>
    <row r="26" spans="1:32" s="57" customFormat="1" ht="13" customHeight="1">
      <c r="A26" s="56"/>
      <c r="B26" s="644">
        <v>7</v>
      </c>
      <c r="C26" s="645"/>
      <c r="D26" s="543" t="s">
        <v>3048</v>
      </c>
      <c r="E26" s="544"/>
      <c r="F26" s="544"/>
      <c r="G26" s="544"/>
      <c r="H26" s="544"/>
      <c r="I26" s="544"/>
      <c r="J26" s="544"/>
      <c r="K26" s="544"/>
      <c r="L26" s="544"/>
      <c r="M26" s="544"/>
      <c r="N26" s="544"/>
      <c r="O26" s="544"/>
      <c r="P26" s="544"/>
      <c r="Q26" s="545"/>
      <c r="R26" s="384" t="s">
        <v>3003</v>
      </c>
      <c r="S26" s="546" t="s">
        <v>101</v>
      </c>
      <c r="T26" s="548"/>
      <c r="U26" s="623" t="s">
        <v>102</v>
      </c>
      <c r="V26" s="624"/>
      <c r="W26" s="625"/>
      <c r="X26" s="210">
        <v>8</v>
      </c>
      <c r="Y26" s="210" t="s">
        <v>103</v>
      </c>
      <c r="Z26" s="700"/>
      <c r="AA26" s="700"/>
      <c r="AB26" s="592"/>
      <c r="AC26" s="592"/>
      <c r="AD26" s="592"/>
      <c r="AE26" s="265" t="s">
        <v>3020</v>
      </c>
      <c r="AF26" s="39"/>
    </row>
    <row r="27" spans="1:32" s="57" customFormat="1" ht="13.4" customHeight="1">
      <c r="A27" s="56"/>
      <c r="B27" s="644">
        <v>8</v>
      </c>
      <c r="C27" s="645"/>
      <c r="D27" s="563" t="s">
        <v>2974</v>
      </c>
      <c r="E27" s="564"/>
      <c r="F27" s="564"/>
      <c r="G27" s="564"/>
      <c r="H27" s="564"/>
      <c r="I27" s="564"/>
      <c r="J27" s="564"/>
      <c r="K27" s="564"/>
      <c r="L27" s="564"/>
      <c r="M27" s="564"/>
      <c r="N27" s="564"/>
      <c r="O27" s="564"/>
      <c r="P27" s="564"/>
      <c r="Q27" s="565"/>
      <c r="R27" s="384" t="s">
        <v>3004</v>
      </c>
      <c r="S27" s="541" t="s">
        <v>107</v>
      </c>
      <c r="T27" s="542"/>
      <c r="U27" s="747" t="s">
        <v>108</v>
      </c>
      <c r="V27" s="748"/>
      <c r="W27" s="749"/>
      <c r="X27" s="213">
        <v>1</v>
      </c>
      <c r="Y27" s="213">
        <v>0</v>
      </c>
      <c r="Z27" s="700"/>
      <c r="AA27" s="700"/>
      <c r="AB27" s="592"/>
      <c r="AC27" s="592"/>
      <c r="AD27" s="592"/>
      <c r="AE27" s="118"/>
      <c r="AF27" s="39"/>
    </row>
    <row r="28" spans="1:32" s="57" customFormat="1" ht="13.4" customHeight="1">
      <c r="A28" s="56"/>
      <c r="B28" s="644">
        <v>9</v>
      </c>
      <c r="C28" s="645"/>
      <c r="D28" s="563" t="s">
        <v>2976</v>
      </c>
      <c r="E28" s="564"/>
      <c r="F28" s="564"/>
      <c r="G28" s="564"/>
      <c r="H28" s="564"/>
      <c r="I28" s="564"/>
      <c r="J28" s="564"/>
      <c r="K28" s="564"/>
      <c r="L28" s="564"/>
      <c r="M28" s="564"/>
      <c r="N28" s="564"/>
      <c r="O28" s="564"/>
      <c r="P28" s="564"/>
      <c r="Q28" s="565"/>
      <c r="R28" s="384" t="s">
        <v>3005</v>
      </c>
      <c r="S28" s="541" t="s">
        <v>107</v>
      </c>
      <c r="T28" s="542"/>
      <c r="U28" s="747" t="s">
        <v>108</v>
      </c>
      <c r="V28" s="748"/>
      <c r="W28" s="749"/>
      <c r="X28" s="213">
        <v>1</v>
      </c>
      <c r="Y28" s="213">
        <v>0</v>
      </c>
      <c r="Z28" s="700"/>
      <c r="AA28" s="700"/>
      <c r="AB28" s="592"/>
      <c r="AC28" s="592"/>
      <c r="AD28" s="592"/>
      <c r="AE28" s="118"/>
      <c r="AF28" s="39"/>
    </row>
    <row r="29" spans="1:32" s="57" customFormat="1" ht="13.4" customHeight="1">
      <c r="A29" s="56"/>
      <c r="B29" s="644">
        <v>10</v>
      </c>
      <c r="C29" s="645"/>
      <c r="D29" s="563" t="s">
        <v>2978</v>
      </c>
      <c r="E29" s="564"/>
      <c r="F29" s="564"/>
      <c r="G29" s="564"/>
      <c r="H29" s="564"/>
      <c r="I29" s="564"/>
      <c r="J29" s="564"/>
      <c r="K29" s="564"/>
      <c r="L29" s="564"/>
      <c r="M29" s="564"/>
      <c r="N29" s="564"/>
      <c r="O29" s="564"/>
      <c r="P29" s="564"/>
      <c r="Q29" s="565"/>
      <c r="R29" s="384" t="s">
        <v>3006</v>
      </c>
      <c r="S29" s="541" t="s">
        <v>107</v>
      </c>
      <c r="T29" s="542"/>
      <c r="U29" s="747" t="s">
        <v>108</v>
      </c>
      <c r="V29" s="748"/>
      <c r="W29" s="749"/>
      <c r="X29" s="213">
        <v>1</v>
      </c>
      <c r="Y29" s="213">
        <v>0</v>
      </c>
      <c r="Z29" s="700"/>
      <c r="AA29" s="700"/>
      <c r="AB29" s="592"/>
      <c r="AC29" s="592"/>
      <c r="AD29" s="592"/>
      <c r="AE29" s="118"/>
      <c r="AF29" s="39"/>
    </row>
    <row r="30" spans="1:32" s="54" customFormat="1" ht="13.4" customHeight="1">
      <c r="A30" s="19"/>
      <c r="B30" s="644">
        <v>11</v>
      </c>
      <c r="C30" s="645"/>
      <c r="D30" s="563" t="s">
        <v>2980</v>
      </c>
      <c r="E30" s="564"/>
      <c r="F30" s="564"/>
      <c r="G30" s="564"/>
      <c r="H30" s="564"/>
      <c r="I30" s="564"/>
      <c r="J30" s="564"/>
      <c r="K30" s="564"/>
      <c r="L30" s="564"/>
      <c r="M30" s="564"/>
      <c r="N30" s="564"/>
      <c r="O30" s="564"/>
      <c r="P30" s="564"/>
      <c r="Q30" s="565"/>
      <c r="R30" s="384" t="s">
        <v>3007</v>
      </c>
      <c r="S30" s="541" t="s">
        <v>107</v>
      </c>
      <c r="T30" s="542"/>
      <c r="U30" s="747" t="s">
        <v>108</v>
      </c>
      <c r="V30" s="748"/>
      <c r="W30" s="749"/>
      <c r="X30" s="213">
        <v>1</v>
      </c>
      <c r="Y30" s="213">
        <v>0</v>
      </c>
      <c r="Z30" s="700"/>
      <c r="AA30" s="700"/>
      <c r="AB30" s="592"/>
      <c r="AC30" s="592"/>
      <c r="AD30" s="592"/>
      <c r="AE30" s="118"/>
      <c r="AF30" s="38"/>
    </row>
    <row r="31" spans="1:32" s="54" customFormat="1" ht="13.4" customHeight="1">
      <c r="A31" s="19"/>
      <c r="B31" s="644">
        <v>12</v>
      </c>
      <c r="C31" s="645"/>
      <c r="D31" s="563" t="s">
        <v>2982</v>
      </c>
      <c r="E31" s="564"/>
      <c r="F31" s="564"/>
      <c r="G31" s="564"/>
      <c r="H31" s="564"/>
      <c r="I31" s="564"/>
      <c r="J31" s="564"/>
      <c r="K31" s="564"/>
      <c r="L31" s="564"/>
      <c r="M31" s="564"/>
      <c r="N31" s="564"/>
      <c r="O31" s="564"/>
      <c r="P31" s="564"/>
      <c r="Q31" s="565"/>
      <c r="R31" s="384" t="s">
        <v>3008</v>
      </c>
      <c r="S31" s="541" t="s">
        <v>107</v>
      </c>
      <c r="T31" s="542"/>
      <c r="U31" s="747" t="s">
        <v>108</v>
      </c>
      <c r="V31" s="748"/>
      <c r="W31" s="749"/>
      <c r="X31" s="213">
        <v>1</v>
      </c>
      <c r="Y31" s="213">
        <v>0</v>
      </c>
      <c r="Z31" s="700"/>
      <c r="AA31" s="700"/>
      <c r="AB31" s="592"/>
      <c r="AC31" s="592"/>
      <c r="AD31" s="592"/>
      <c r="AE31" s="118"/>
      <c r="AF31" s="38"/>
    </row>
    <row r="32" spans="1:32" s="54" customFormat="1" ht="13.4" customHeight="1">
      <c r="A32" s="19"/>
      <c r="B32" s="644">
        <v>13</v>
      </c>
      <c r="C32" s="645"/>
      <c r="D32" s="563" t="s">
        <v>2984</v>
      </c>
      <c r="E32" s="564"/>
      <c r="F32" s="564"/>
      <c r="G32" s="564"/>
      <c r="H32" s="564"/>
      <c r="I32" s="564"/>
      <c r="J32" s="564"/>
      <c r="K32" s="564"/>
      <c r="L32" s="564"/>
      <c r="M32" s="564"/>
      <c r="N32" s="564"/>
      <c r="O32" s="564"/>
      <c r="P32" s="564"/>
      <c r="Q32" s="565"/>
      <c r="R32" s="384" t="s">
        <v>3009</v>
      </c>
      <c r="S32" s="541" t="s">
        <v>107</v>
      </c>
      <c r="T32" s="542"/>
      <c r="U32" s="747" t="s">
        <v>108</v>
      </c>
      <c r="V32" s="748"/>
      <c r="W32" s="749"/>
      <c r="X32" s="213">
        <v>1</v>
      </c>
      <c r="Y32" s="213">
        <v>0</v>
      </c>
      <c r="Z32" s="700"/>
      <c r="AA32" s="700"/>
      <c r="AB32" s="592"/>
      <c r="AC32" s="592"/>
      <c r="AD32" s="592"/>
      <c r="AE32" s="118"/>
      <c r="AF32" s="38"/>
    </row>
    <row r="33" spans="1:32" s="54" customFormat="1" ht="13.4" customHeight="1">
      <c r="A33" s="19"/>
      <c r="B33" s="644">
        <v>14</v>
      </c>
      <c r="C33" s="645"/>
      <c r="D33" s="563" t="s">
        <v>2986</v>
      </c>
      <c r="E33" s="564"/>
      <c r="F33" s="564"/>
      <c r="G33" s="564"/>
      <c r="H33" s="564"/>
      <c r="I33" s="564"/>
      <c r="J33" s="564"/>
      <c r="K33" s="564"/>
      <c r="L33" s="564"/>
      <c r="M33" s="564"/>
      <c r="N33" s="564"/>
      <c r="O33" s="564"/>
      <c r="P33" s="564"/>
      <c r="Q33" s="565"/>
      <c r="R33" s="384" t="s">
        <v>3010</v>
      </c>
      <c r="S33" s="541" t="s">
        <v>107</v>
      </c>
      <c r="T33" s="542"/>
      <c r="U33" s="747" t="s">
        <v>108</v>
      </c>
      <c r="V33" s="748"/>
      <c r="W33" s="749"/>
      <c r="X33" s="213">
        <v>1</v>
      </c>
      <c r="Y33" s="213">
        <v>0</v>
      </c>
      <c r="Z33" s="700"/>
      <c r="AA33" s="700"/>
      <c r="AB33" s="592"/>
      <c r="AC33" s="592"/>
      <c r="AD33" s="592"/>
      <c r="AE33" s="118"/>
      <c r="AF33" s="38"/>
    </row>
    <row r="34" spans="1:32" s="54" customFormat="1" ht="13.4" customHeight="1">
      <c r="A34" s="19"/>
      <c r="B34" s="644">
        <v>15</v>
      </c>
      <c r="C34" s="645"/>
      <c r="D34" s="563" t="s">
        <v>2988</v>
      </c>
      <c r="E34" s="564"/>
      <c r="F34" s="564"/>
      <c r="G34" s="564"/>
      <c r="H34" s="564"/>
      <c r="I34" s="564"/>
      <c r="J34" s="564"/>
      <c r="K34" s="564"/>
      <c r="L34" s="564"/>
      <c r="M34" s="564"/>
      <c r="N34" s="564"/>
      <c r="O34" s="564"/>
      <c r="P34" s="564"/>
      <c r="Q34" s="565"/>
      <c r="R34" s="384" t="s">
        <v>3011</v>
      </c>
      <c r="S34" s="541" t="s">
        <v>107</v>
      </c>
      <c r="T34" s="542"/>
      <c r="U34" s="747" t="s">
        <v>108</v>
      </c>
      <c r="V34" s="748"/>
      <c r="W34" s="749"/>
      <c r="X34" s="213">
        <v>1</v>
      </c>
      <c r="Y34" s="213">
        <v>0</v>
      </c>
      <c r="Z34" s="700"/>
      <c r="AA34" s="700"/>
      <c r="AB34" s="592"/>
      <c r="AC34" s="592"/>
      <c r="AD34" s="592"/>
      <c r="AE34" s="118"/>
      <c r="AF34" s="38"/>
    </row>
    <row r="35" spans="1:32" s="57" customFormat="1" ht="13.4" customHeight="1">
      <c r="A35" s="56"/>
      <c r="B35" s="644">
        <v>16</v>
      </c>
      <c r="C35" s="645"/>
      <c r="D35" s="563" t="s">
        <v>2990</v>
      </c>
      <c r="E35" s="564"/>
      <c r="F35" s="564"/>
      <c r="G35" s="564"/>
      <c r="H35" s="564"/>
      <c r="I35" s="564"/>
      <c r="J35" s="564"/>
      <c r="K35" s="564"/>
      <c r="L35" s="564"/>
      <c r="M35" s="564"/>
      <c r="N35" s="564"/>
      <c r="O35" s="564"/>
      <c r="P35" s="564"/>
      <c r="Q35" s="565"/>
      <c r="R35" s="384" t="s">
        <v>3012</v>
      </c>
      <c r="S35" s="541" t="s">
        <v>107</v>
      </c>
      <c r="T35" s="542"/>
      <c r="U35" s="747" t="s">
        <v>108</v>
      </c>
      <c r="V35" s="748"/>
      <c r="W35" s="749"/>
      <c r="X35" s="213">
        <v>1</v>
      </c>
      <c r="Y35" s="213">
        <v>0</v>
      </c>
      <c r="Z35" s="700"/>
      <c r="AA35" s="700"/>
      <c r="AB35" s="592"/>
      <c r="AC35" s="592"/>
      <c r="AD35" s="592"/>
      <c r="AE35" s="118"/>
      <c r="AF35" s="39"/>
    </row>
    <row r="36" spans="1:32" s="54" customFormat="1" ht="13.4" customHeight="1">
      <c r="A36" s="19"/>
      <c r="B36" s="644">
        <v>17</v>
      </c>
      <c r="C36" s="645"/>
      <c r="D36" s="563" t="s">
        <v>2992</v>
      </c>
      <c r="E36" s="564"/>
      <c r="F36" s="564"/>
      <c r="G36" s="564"/>
      <c r="H36" s="564"/>
      <c r="I36" s="564"/>
      <c r="J36" s="564"/>
      <c r="K36" s="564"/>
      <c r="L36" s="564"/>
      <c r="M36" s="564"/>
      <c r="N36" s="564"/>
      <c r="O36" s="564"/>
      <c r="P36" s="564"/>
      <c r="Q36" s="565"/>
      <c r="R36" s="384" t="s">
        <v>3013</v>
      </c>
      <c r="S36" s="541" t="s">
        <v>107</v>
      </c>
      <c r="T36" s="542"/>
      <c r="U36" s="747" t="s">
        <v>2362</v>
      </c>
      <c r="V36" s="748"/>
      <c r="W36" s="749"/>
      <c r="X36" s="213"/>
      <c r="Y36" s="213"/>
      <c r="Z36" s="700"/>
      <c r="AA36" s="700"/>
      <c r="AB36" s="592"/>
      <c r="AC36" s="592"/>
      <c r="AD36" s="592"/>
      <c r="AE36" s="118"/>
      <c r="AF36" s="38"/>
    </row>
    <row r="37" spans="1:32" s="54" customFormat="1" ht="13.4" customHeight="1">
      <c r="A37" s="19"/>
      <c r="B37" s="644">
        <v>18</v>
      </c>
      <c r="C37" s="645"/>
      <c r="D37" s="563" t="s">
        <v>551</v>
      </c>
      <c r="E37" s="564"/>
      <c r="F37" s="564"/>
      <c r="G37" s="564"/>
      <c r="H37" s="564"/>
      <c r="I37" s="564"/>
      <c r="J37" s="564"/>
      <c r="K37" s="564"/>
      <c r="L37" s="564"/>
      <c r="M37" s="564"/>
      <c r="N37" s="564"/>
      <c r="O37" s="564"/>
      <c r="P37" s="564"/>
      <c r="Q37" s="565"/>
      <c r="R37" s="384" t="s">
        <v>3014</v>
      </c>
      <c r="S37" s="541" t="s">
        <v>107</v>
      </c>
      <c r="T37" s="542"/>
      <c r="U37" s="747" t="s">
        <v>2362</v>
      </c>
      <c r="V37" s="748"/>
      <c r="W37" s="749"/>
      <c r="X37" s="213"/>
      <c r="Y37" s="213"/>
      <c r="Z37" s="700"/>
      <c r="AA37" s="700"/>
      <c r="AB37" s="592"/>
      <c r="AC37" s="592"/>
      <c r="AD37" s="592"/>
      <c r="AE37" s="118"/>
      <c r="AF37" s="38"/>
    </row>
    <row r="38" spans="1:32">
      <c r="A38" s="25"/>
      <c r="R38" s="214"/>
      <c r="AF38" s="29"/>
    </row>
    <row r="39" spans="1:32">
      <c r="A39" s="25"/>
      <c r="B39" s="27" t="s">
        <v>908</v>
      </c>
      <c r="R39" s="214"/>
      <c r="AF39" s="29"/>
    </row>
    <row r="40" spans="1:32">
      <c r="A40" s="25"/>
      <c r="AD40" s="49"/>
      <c r="AF40" s="29"/>
    </row>
    <row r="41" spans="1:32">
      <c r="A41" s="25"/>
      <c r="AD41" s="49"/>
      <c r="AF41" s="29"/>
    </row>
    <row r="42" spans="1:32">
      <c r="A42" s="21"/>
      <c r="B42" s="22"/>
      <c r="C42" s="22"/>
      <c r="D42" s="61"/>
      <c r="E42" s="61"/>
      <c r="F42" s="61"/>
      <c r="G42" s="61"/>
      <c r="H42" s="61"/>
      <c r="I42" s="61"/>
      <c r="J42" s="61"/>
      <c r="K42" s="61"/>
      <c r="L42" s="61"/>
      <c r="M42" s="61"/>
      <c r="N42" s="61"/>
      <c r="O42" s="61"/>
      <c r="P42" s="61"/>
      <c r="Q42" s="61"/>
      <c r="R42" s="245"/>
      <c r="S42" s="22"/>
      <c r="T42" s="22"/>
      <c r="U42" s="22"/>
      <c r="V42" s="22"/>
      <c r="W42" s="22"/>
      <c r="X42" s="22"/>
      <c r="Y42" s="22"/>
      <c r="Z42" s="22"/>
      <c r="AA42" s="22"/>
      <c r="AB42" s="22"/>
      <c r="AC42" s="22"/>
      <c r="AD42" s="61"/>
      <c r="AE42" s="245"/>
      <c r="AF42" s="62"/>
    </row>
    <row r="43" spans="1:32">
      <c r="AD43" s="49"/>
      <c r="AE43" s="26"/>
    </row>
    <row r="44" spans="1:32">
      <c r="AD44" s="49"/>
      <c r="AE44" s="26"/>
    </row>
    <row r="45" spans="1:32">
      <c r="AD45" s="49"/>
      <c r="AE45" s="26"/>
    </row>
    <row r="46" spans="1:32">
      <c r="AD46" s="49"/>
      <c r="AE46" s="26"/>
    </row>
    <row r="47" spans="1:32">
      <c r="AD47" s="49"/>
      <c r="AE47" s="26"/>
    </row>
    <row r="48" spans="1:32">
      <c r="AD48" s="49"/>
      <c r="AE48" s="26"/>
    </row>
    <row r="49" spans="1:31">
      <c r="AD49" s="49"/>
      <c r="AE49" s="26"/>
    </row>
    <row r="50" spans="1:31">
      <c r="AD50" s="49"/>
      <c r="AE50" s="26"/>
    </row>
    <row r="51" spans="1:31">
      <c r="AD51" s="49"/>
      <c r="AE51" s="26"/>
    </row>
    <row r="52" spans="1:31">
      <c r="AD52" s="49"/>
      <c r="AE52" s="26"/>
    </row>
    <row r="53" spans="1:31">
      <c r="AD53" s="49"/>
      <c r="AE53" s="26"/>
    </row>
    <row r="54" spans="1:31" hidden="1">
      <c r="A54" t="s">
        <v>909</v>
      </c>
      <c r="B54" t="s">
        <v>910</v>
      </c>
      <c r="C54" t="s">
        <v>911</v>
      </c>
      <c r="D54" t="s">
        <v>912</v>
      </c>
      <c r="E54" t="s">
        <v>913</v>
      </c>
      <c r="F54" t="s">
        <v>914</v>
      </c>
      <c r="G54" t="s">
        <v>98</v>
      </c>
      <c r="AD54" s="49"/>
      <c r="AE54" s="26"/>
    </row>
    <row r="55" spans="1:31" hidden="1">
      <c r="A55" t="s">
        <v>340</v>
      </c>
      <c r="B55" t="s">
        <v>915</v>
      </c>
      <c r="C55" s="3" t="s">
        <v>82</v>
      </c>
      <c r="D55" t="s">
        <v>916</v>
      </c>
      <c r="E55" t="s">
        <v>917</v>
      </c>
      <c r="F55" t="s">
        <v>918</v>
      </c>
      <c r="G55" t="s">
        <v>919</v>
      </c>
      <c r="AD55" s="49"/>
      <c r="AE55" s="26"/>
    </row>
    <row r="56" spans="1:31" hidden="1">
      <c r="A56" t="s">
        <v>920</v>
      </c>
      <c r="B56" t="s">
        <v>2661</v>
      </c>
      <c r="C56" s="3" t="s">
        <v>922</v>
      </c>
      <c r="D56" t="s">
        <v>923</v>
      </c>
      <c r="E56" t="s">
        <v>924</v>
      </c>
      <c r="F56" t="s">
        <v>925</v>
      </c>
      <c r="G56" t="s">
        <v>926</v>
      </c>
      <c r="AD56" s="49"/>
      <c r="AE56" s="26"/>
    </row>
    <row r="57" spans="1:31" hidden="1">
      <c r="A57" t="s">
        <v>927</v>
      </c>
      <c r="B57"/>
      <c r="C57" s="3" t="s">
        <v>928</v>
      </c>
      <c r="D57"/>
      <c r="E57" t="s">
        <v>929</v>
      </c>
      <c r="F57" t="s">
        <v>930</v>
      </c>
      <c r="G57"/>
      <c r="AD57" s="49"/>
      <c r="AE57" s="26"/>
    </row>
    <row r="58" spans="1:31" hidden="1">
      <c r="A58"/>
      <c r="B58"/>
      <c r="C58" s="3" t="s">
        <v>931</v>
      </c>
      <c r="D58"/>
      <c r="E58" t="s">
        <v>932</v>
      </c>
      <c r="F58" t="s">
        <v>933</v>
      </c>
      <c r="G58"/>
      <c r="AD58" s="49"/>
      <c r="AE58" s="26"/>
    </row>
    <row r="59" spans="1:31" hidden="1">
      <c r="A59"/>
      <c r="B59"/>
      <c r="C59" s="3" t="s">
        <v>230</v>
      </c>
      <c r="D59"/>
      <c r="E59"/>
      <c r="F59" t="s">
        <v>934</v>
      </c>
      <c r="G59"/>
      <c r="AD59" s="49"/>
      <c r="AE59" s="26"/>
    </row>
    <row r="60" spans="1:31" hidden="1">
      <c r="A60"/>
      <c r="B60"/>
      <c r="C60" s="3" t="s">
        <v>177</v>
      </c>
      <c r="D60"/>
      <c r="E60"/>
      <c r="F60" t="s">
        <v>935</v>
      </c>
      <c r="G60"/>
      <c r="AD60" s="49"/>
      <c r="AE60" s="26"/>
    </row>
    <row r="61" spans="1:31" hidden="1">
      <c r="A61"/>
      <c r="B61"/>
      <c r="C61"/>
      <c r="D61"/>
      <c r="E61"/>
      <c r="F61" t="s">
        <v>936</v>
      </c>
      <c r="G61"/>
      <c r="AD61" s="49"/>
      <c r="AE61" s="26"/>
    </row>
    <row r="62" spans="1:31" hidden="1">
      <c r="A62"/>
      <c r="B62"/>
      <c r="C62"/>
      <c r="D62"/>
      <c r="E62"/>
      <c r="F62" t="s">
        <v>937</v>
      </c>
      <c r="G62"/>
      <c r="AD62" s="49"/>
      <c r="AE62" s="26"/>
    </row>
    <row r="63" spans="1:31" hidden="1">
      <c r="A63"/>
      <c r="B63"/>
      <c r="C63"/>
      <c r="D63"/>
      <c r="E63"/>
      <c r="F63" t="s">
        <v>938</v>
      </c>
      <c r="G63"/>
      <c r="AD63" s="49"/>
      <c r="AE63" s="26"/>
    </row>
    <row r="64" spans="1:31" hidden="1">
      <c r="A64"/>
      <c r="B64"/>
      <c r="C64"/>
      <c r="D64"/>
      <c r="E64"/>
      <c r="F64" t="s">
        <v>939</v>
      </c>
      <c r="G64"/>
      <c r="AD64" s="49"/>
      <c r="AE64" s="26"/>
    </row>
    <row r="65" spans="1:7" hidden="1">
      <c r="A65"/>
      <c r="B65"/>
      <c r="C65"/>
      <c r="D65"/>
      <c r="E65"/>
      <c r="F65" t="s">
        <v>940</v>
      </c>
      <c r="G65"/>
    </row>
    <row r="66" spans="1:7" hidden="1">
      <c r="A66"/>
      <c r="B66"/>
      <c r="C66"/>
      <c r="D66"/>
      <c r="E66"/>
      <c r="F66" t="s">
        <v>941</v>
      </c>
      <c r="G66"/>
    </row>
    <row r="67" spans="1:7" hidden="1">
      <c r="A67"/>
      <c r="B67"/>
      <c r="C67"/>
      <c r="D67"/>
      <c r="E67"/>
      <c r="F67" t="s">
        <v>942</v>
      </c>
      <c r="G67"/>
    </row>
    <row r="68" spans="1:7" hidden="1">
      <c r="A68"/>
      <c r="B68"/>
      <c r="C68"/>
      <c r="D68"/>
      <c r="E68"/>
      <c r="F68" t="s">
        <v>943</v>
      </c>
      <c r="G68"/>
    </row>
    <row r="69" spans="1:7" hidden="1">
      <c r="A69"/>
      <c r="B69"/>
      <c r="C69"/>
      <c r="D69"/>
      <c r="E69"/>
      <c r="F69" t="s">
        <v>944</v>
      </c>
      <c r="G69"/>
    </row>
    <row r="70" spans="1:7" hidden="1">
      <c r="A70"/>
      <c r="B70"/>
      <c r="C70"/>
      <c r="D70"/>
      <c r="E70"/>
      <c r="F70" t="s">
        <v>945</v>
      </c>
      <c r="G70"/>
    </row>
  </sheetData>
  <mergeCells count="126">
    <mergeCell ref="F4:M4"/>
    <mergeCell ref="F6:H6"/>
    <mergeCell ref="I6:O6"/>
    <mergeCell ref="P6:S6"/>
    <mergeCell ref="F8:L8"/>
    <mergeCell ref="F10:L10"/>
    <mergeCell ref="Q10:W10"/>
    <mergeCell ref="AE18:AE19"/>
    <mergeCell ref="B20:C20"/>
    <mergeCell ref="D20:Q20"/>
    <mergeCell ref="S20:T20"/>
    <mergeCell ref="U20:W20"/>
    <mergeCell ref="Z20:AA20"/>
    <mergeCell ref="F12:S12"/>
    <mergeCell ref="F14:S14"/>
    <mergeCell ref="F16:S16"/>
    <mergeCell ref="B18:C19"/>
    <mergeCell ref="D18:Q19"/>
    <mergeCell ref="S18:T19"/>
    <mergeCell ref="AB20:AD20"/>
    <mergeCell ref="B21:C21"/>
    <mergeCell ref="D21:Q21"/>
    <mergeCell ref="S21:T21"/>
    <mergeCell ref="U21:W21"/>
    <mergeCell ref="Z21:AA21"/>
    <mergeCell ref="AB21:AD21"/>
    <mergeCell ref="U18:W19"/>
    <mergeCell ref="X18:Y19"/>
    <mergeCell ref="Z18:AA19"/>
    <mergeCell ref="AB18:AD19"/>
    <mergeCell ref="B23:C23"/>
    <mergeCell ref="D23:Q23"/>
    <mergeCell ref="S23:T23"/>
    <mergeCell ref="U23:W23"/>
    <mergeCell ref="Z23:AA23"/>
    <mergeCell ref="AB23:AD23"/>
    <mergeCell ref="B22:C22"/>
    <mergeCell ref="D22:Q22"/>
    <mergeCell ref="S22:T22"/>
    <mergeCell ref="U22:W22"/>
    <mergeCell ref="Z22:AA22"/>
    <mergeCell ref="AB22:AD22"/>
    <mergeCell ref="B25:C25"/>
    <mergeCell ref="D25:Q25"/>
    <mergeCell ref="S25:T25"/>
    <mergeCell ref="U25:W25"/>
    <mergeCell ref="Z25:AA25"/>
    <mergeCell ref="AB25:AD25"/>
    <mergeCell ref="B24:C24"/>
    <mergeCell ref="D24:Q24"/>
    <mergeCell ref="S24:T24"/>
    <mergeCell ref="U24:W24"/>
    <mergeCell ref="Z24:AA24"/>
    <mergeCell ref="AB24:AD24"/>
    <mergeCell ref="B27:C27"/>
    <mergeCell ref="D27:Q27"/>
    <mergeCell ref="S27:T27"/>
    <mergeCell ref="U27:W27"/>
    <mergeCell ref="Z27:AA27"/>
    <mergeCell ref="AB27:AD27"/>
    <mergeCell ref="B26:C26"/>
    <mergeCell ref="D26:Q26"/>
    <mergeCell ref="S26:T26"/>
    <mergeCell ref="U26:W26"/>
    <mergeCell ref="Z26:AA26"/>
    <mergeCell ref="AB26:AD26"/>
    <mergeCell ref="B29:C29"/>
    <mergeCell ref="D29:Q29"/>
    <mergeCell ref="S29:T29"/>
    <mergeCell ref="U29:W29"/>
    <mergeCell ref="Z29:AA29"/>
    <mergeCell ref="AB29:AD29"/>
    <mergeCell ref="B28:C28"/>
    <mergeCell ref="D28:Q28"/>
    <mergeCell ref="S28:T28"/>
    <mergeCell ref="U28:W28"/>
    <mergeCell ref="Z28:AA28"/>
    <mergeCell ref="AB28:AD28"/>
    <mergeCell ref="B31:C31"/>
    <mergeCell ref="D31:Q31"/>
    <mergeCell ref="S31:T31"/>
    <mergeCell ref="U31:W31"/>
    <mergeCell ref="Z31:AA31"/>
    <mergeCell ref="AB31:AD31"/>
    <mergeCell ref="B30:C30"/>
    <mergeCell ref="D30:Q30"/>
    <mergeCell ref="S30:T30"/>
    <mergeCell ref="U30:W30"/>
    <mergeCell ref="Z30:AA30"/>
    <mergeCell ref="AB30:AD30"/>
    <mergeCell ref="B33:C33"/>
    <mergeCell ref="D33:Q33"/>
    <mergeCell ref="S33:T33"/>
    <mergeCell ref="U33:W33"/>
    <mergeCell ref="Z33:AA33"/>
    <mergeCell ref="AB33:AD33"/>
    <mergeCell ref="B32:C32"/>
    <mergeCell ref="D32:Q32"/>
    <mergeCell ref="S32:T32"/>
    <mergeCell ref="U32:W32"/>
    <mergeCell ref="Z32:AA32"/>
    <mergeCell ref="AB32:AD32"/>
    <mergeCell ref="B35:C35"/>
    <mergeCell ref="D35:Q35"/>
    <mergeCell ref="S35:T35"/>
    <mergeCell ref="U35:W35"/>
    <mergeCell ref="Z35:AA35"/>
    <mergeCell ref="AB35:AD35"/>
    <mergeCell ref="B34:C34"/>
    <mergeCell ref="D34:Q34"/>
    <mergeCell ref="S34:T34"/>
    <mergeCell ref="U34:W34"/>
    <mergeCell ref="Z34:AA34"/>
    <mergeCell ref="AB34:AD34"/>
    <mergeCell ref="B37:C37"/>
    <mergeCell ref="D37:Q37"/>
    <mergeCell ref="S37:T37"/>
    <mergeCell ref="U37:W37"/>
    <mergeCell ref="Z37:AA37"/>
    <mergeCell ref="AB37:AD37"/>
    <mergeCell ref="B36:C36"/>
    <mergeCell ref="D36:Q36"/>
    <mergeCell ref="S36:T36"/>
    <mergeCell ref="U36:W36"/>
    <mergeCell ref="Z36:AA36"/>
    <mergeCell ref="AB36:AD36"/>
  </mergeCells>
  <phoneticPr fontId="24"/>
  <conditionalFormatting sqref="AE26">
    <cfRule type="expression" dxfId="2" priority="1">
      <formula>$AN26="□"</formula>
    </cfRule>
  </conditionalFormatting>
  <dataValidations count="8">
    <dataValidation type="list" allowBlank="1" showInputMessage="1" showErrorMessage="1" sqref="I6:O6" xr:uid="{41D73EEE-5F05-4E0B-9870-D031DB010C40}">
      <formula1>"1,2,3,4,5,6,7,8,9,10,11,12,13,14,15,16,17,18,19,20,21,22,23,24"</formula1>
    </dataValidation>
    <dataValidation type="list" allowBlank="1" showInputMessage="1" showErrorMessage="1" sqref="F12:S12 F14:S14 F16:S16" xr:uid="{7BFCE11A-EAE3-413B-B24B-7FBE57808A6E}">
      <formula1>$F$55:$F$70</formula1>
    </dataValidation>
    <dataValidation type="list" allowBlank="1" showInputMessage="1" showErrorMessage="1" sqref="Q10:W10" xr:uid="{CC1F802A-E74F-4F5D-B19A-50701A862A95}">
      <formula1>$E$55:$E$58</formula1>
    </dataValidation>
    <dataValidation type="list" allowBlank="1" showInputMessage="1" showErrorMessage="1" sqref="AB20:AD37" xr:uid="{EBF45DEC-C6C1-4485-8473-A7642C9E8A0C}">
      <formula1>$C$55:$C$60</formula1>
    </dataValidation>
    <dataValidation type="list" allowBlank="1" showInputMessage="1" showErrorMessage="1" sqref="F4:M4" xr:uid="{6EE8DEDF-F389-4E9C-BF4C-B5AE8734B154}">
      <formula1>$A$55:$A$57</formula1>
    </dataValidation>
    <dataValidation type="list" allowBlank="1" showInputMessage="1" showErrorMessage="1" sqref="F8:L8" xr:uid="{9F4CE23B-EB76-4951-8629-1F73CEB834CC}">
      <formula1>$B$55:$B$56</formula1>
    </dataValidation>
    <dataValidation type="list" allowBlank="1" showInputMessage="1" showErrorMessage="1" sqref="Z20:AA37" xr:uid="{86C66D84-B628-4EC2-95ED-6B65CEEF80F8}">
      <formula1>"○,×"</formula1>
    </dataValidation>
    <dataValidation type="list" allowBlank="1" showInputMessage="1" showErrorMessage="1" sqref="F10:L10" xr:uid="{7B122382-9D8E-4C87-9FF7-9A3174E1DDE0}">
      <formula1>"する,しない"</formula1>
    </dataValidation>
  </dataValidations>
  <pageMargins left="0.19685039370078741" right="0.19685039370078741" top="0.39370078740157483" bottom="0.39370078740157483" header="0.19685039370078741" footer="0.19685039370078741"/>
  <pageSetup paperSize="9" scale="83" fitToHeight="0" orientation="landscape" r:id="rId1"/>
  <headerFooter alignWithMargins="0">
    <oddFooter>&amp;C&amp;P</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2BD5EB-D241-4553-BE86-CFA1B133A141}">
  <sheetPr codeName="Sheet17"/>
  <dimension ref="A1:AG59"/>
  <sheetViews>
    <sheetView showGridLines="0" view="pageBreakPreview" zoomScaleNormal="100" zoomScaleSheetLayoutView="100" workbookViewId="0"/>
  </sheetViews>
  <sheetFormatPr defaultColWidth="9" defaultRowHeight="13"/>
  <cols>
    <col min="1" max="1" width="2.6328125" style="16" customWidth="1"/>
    <col min="2" max="2" width="2.90625" style="16" customWidth="1"/>
    <col min="3" max="3" width="2.6328125" style="16" customWidth="1"/>
    <col min="4" max="4" width="2.90625" style="49" customWidth="1"/>
    <col min="5" max="16" width="2.6328125" style="49" customWidth="1"/>
    <col min="17" max="17" width="3.08984375" style="49" customWidth="1"/>
    <col min="18" max="18" width="2.08984375" style="55" hidden="1" customWidth="1"/>
    <col min="19" max="19" width="3.08984375" style="16" customWidth="1"/>
    <col min="20" max="23" width="2.6328125" style="16" customWidth="1"/>
    <col min="24" max="24" width="3.90625" style="16" bestFit="1" customWidth="1"/>
    <col min="25" max="25" width="4.453125" style="16" customWidth="1"/>
    <col min="26" max="28" width="2.6328125" style="16" customWidth="1"/>
    <col min="29" max="29" width="4.08984375" style="16" customWidth="1"/>
    <col min="30" max="30" width="2.6328125" style="16" customWidth="1"/>
    <col min="31" max="31" width="87" style="55" bestFit="1" customWidth="1"/>
    <col min="32" max="32" width="5.36328125" style="16" customWidth="1"/>
    <col min="33" max="16384" width="9" style="16"/>
  </cols>
  <sheetData>
    <row r="1" spans="1:33" customFormat="1" ht="39" customHeight="1">
      <c r="A1" s="79"/>
      <c r="B1" s="80" t="s">
        <v>2408</v>
      </c>
      <c r="C1" s="80"/>
      <c r="D1" s="80"/>
      <c r="E1" s="80"/>
      <c r="F1" s="80"/>
      <c r="G1" s="80"/>
      <c r="H1" s="80"/>
      <c r="I1" s="80"/>
      <c r="J1" s="80"/>
      <c r="K1" s="80"/>
      <c r="L1" s="80"/>
      <c r="M1" s="80"/>
      <c r="N1" s="80"/>
      <c r="O1" s="80"/>
      <c r="P1" s="80"/>
      <c r="Q1" s="80"/>
      <c r="R1" s="217"/>
      <c r="S1" s="80"/>
      <c r="T1" s="81"/>
      <c r="U1" s="81"/>
      <c r="V1" s="81"/>
      <c r="W1" s="81"/>
      <c r="X1" s="80"/>
      <c r="Y1" s="80"/>
      <c r="Z1" s="323"/>
      <c r="AA1" s="323"/>
      <c r="AB1" s="323"/>
      <c r="AC1" s="323"/>
      <c r="AD1" s="323"/>
      <c r="AE1" s="355"/>
      <c r="AF1" s="356"/>
      <c r="AG1" s="71"/>
    </row>
    <row r="2" spans="1:33" s="1" customFormat="1" ht="24.75" customHeight="1">
      <c r="A2" s="83"/>
      <c r="B2" s="84"/>
      <c r="C2" s="85" t="s">
        <v>3015</v>
      </c>
      <c r="D2" s="85"/>
      <c r="E2" s="86"/>
      <c r="F2" s="86"/>
      <c r="G2" s="86"/>
      <c r="H2" s="86"/>
      <c r="I2" s="86"/>
      <c r="J2" s="86"/>
      <c r="K2" s="86"/>
      <c r="L2" s="86"/>
      <c r="M2" s="86"/>
      <c r="N2" s="86"/>
      <c r="O2" s="86"/>
      <c r="P2" s="86"/>
      <c r="Q2" s="86"/>
      <c r="R2" s="86"/>
      <c r="S2" s="86"/>
      <c r="T2" s="86"/>
      <c r="U2" s="86"/>
      <c r="V2" s="86"/>
      <c r="W2" s="86"/>
      <c r="X2" s="86"/>
      <c r="Y2" s="86"/>
      <c r="Z2" s="324"/>
      <c r="AA2" s="324"/>
      <c r="AB2" s="324"/>
      <c r="AC2" s="324"/>
      <c r="AD2" s="324"/>
      <c r="AE2" s="357"/>
      <c r="AF2" s="358"/>
      <c r="AG2" s="26"/>
    </row>
    <row r="3" spans="1:33" ht="6" customHeight="1">
      <c r="A3" s="42"/>
      <c r="B3" s="43"/>
      <c r="C3" s="43"/>
      <c r="D3" s="44"/>
      <c r="E3" s="44"/>
      <c r="F3" s="44"/>
      <c r="G3" s="44"/>
      <c r="H3" s="44"/>
      <c r="I3" s="44"/>
      <c r="J3" s="44"/>
      <c r="K3" s="44"/>
      <c r="L3" s="44"/>
      <c r="M3" s="44"/>
      <c r="N3" s="44"/>
      <c r="O3" s="44"/>
      <c r="P3" s="44"/>
      <c r="Q3" s="44"/>
      <c r="R3" s="243"/>
      <c r="S3" s="45"/>
      <c r="T3" s="45"/>
      <c r="U3" s="45"/>
      <c r="V3" s="45"/>
      <c r="W3" s="45"/>
      <c r="X3" s="45"/>
      <c r="Y3" s="45"/>
      <c r="Z3" s="45"/>
      <c r="AA3" s="45"/>
      <c r="AB3" s="45"/>
      <c r="AC3" s="45"/>
      <c r="AD3" s="43"/>
      <c r="AE3" s="273"/>
      <c r="AF3" s="29"/>
    </row>
    <row r="4" spans="1:33">
      <c r="A4" s="42"/>
      <c r="B4" s="7" t="s">
        <v>339</v>
      </c>
      <c r="C4" s="8"/>
      <c r="D4" s="9"/>
      <c r="E4" s="9"/>
      <c r="F4" s="612" t="s">
        <v>340</v>
      </c>
      <c r="G4" s="613"/>
      <c r="H4" s="613"/>
      <c r="I4" s="613"/>
      <c r="J4" s="613"/>
      <c r="K4" s="613"/>
      <c r="L4" s="613"/>
      <c r="M4" s="614"/>
      <c r="N4" s="110"/>
      <c r="O4" s="9"/>
      <c r="P4" s="9"/>
      <c r="Q4" s="9"/>
      <c r="R4" s="9"/>
      <c r="S4" s="9"/>
      <c r="T4" s="9"/>
      <c r="U4" s="9"/>
      <c r="V4" s="9"/>
      <c r="W4" s="9"/>
      <c r="X4" s="9"/>
      <c r="Y4" s="9"/>
      <c r="Z4" s="250"/>
      <c r="AA4" s="250"/>
      <c r="AB4" s="250"/>
      <c r="AC4" s="250"/>
      <c r="AD4" s="250"/>
      <c r="AE4" s="243"/>
      <c r="AF4" s="29"/>
    </row>
    <row r="5" spans="1:33" s="26" customFormat="1" ht="13.4" customHeight="1">
      <c r="A5" s="46"/>
      <c r="B5" s="8"/>
      <c r="C5" s="8"/>
      <c r="D5" s="9"/>
      <c r="E5" s="9"/>
      <c r="F5" s="9"/>
      <c r="G5" s="9"/>
      <c r="H5" s="9"/>
      <c r="I5" s="9"/>
      <c r="J5" s="9"/>
      <c r="K5" s="9"/>
      <c r="L5" s="9"/>
      <c r="M5" s="9"/>
      <c r="N5" s="9"/>
      <c r="O5" s="9"/>
      <c r="P5" s="9"/>
      <c r="Q5" s="9"/>
      <c r="R5" s="9"/>
      <c r="S5" s="9"/>
      <c r="T5" s="9"/>
      <c r="U5" s="9"/>
      <c r="V5" s="9"/>
      <c r="W5" s="9"/>
      <c r="X5" s="9"/>
      <c r="Y5" s="9"/>
      <c r="Z5" s="250"/>
      <c r="AA5" s="250"/>
      <c r="AB5" s="250"/>
      <c r="AC5" s="250"/>
      <c r="AD5" s="250"/>
      <c r="AE5" s="243"/>
      <c r="AF5" s="48"/>
    </row>
    <row r="6" spans="1:33" s="26" customFormat="1" ht="13.5" customHeight="1">
      <c r="A6" s="46"/>
      <c r="B6" s="91" t="s">
        <v>341</v>
      </c>
      <c r="C6" s="91"/>
      <c r="D6" s="91"/>
      <c r="E6" s="91"/>
      <c r="F6" s="742" t="s">
        <v>2274</v>
      </c>
      <c r="G6" s="742"/>
      <c r="H6" s="743"/>
      <c r="I6" s="612"/>
      <c r="J6" s="613"/>
      <c r="K6" s="613"/>
      <c r="L6" s="613"/>
      <c r="M6" s="613"/>
      <c r="N6" s="613"/>
      <c r="O6" s="614"/>
      <c r="P6" s="744" t="s">
        <v>2275</v>
      </c>
      <c r="Q6" s="745"/>
      <c r="R6" s="745"/>
      <c r="S6" s="745"/>
      <c r="U6" s="113"/>
      <c r="V6" s="256" t="s">
        <v>2276</v>
      </c>
      <c r="W6" s="113"/>
      <c r="X6" s="113"/>
      <c r="Y6" s="113"/>
      <c r="Z6" s="243"/>
      <c r="AA6" s="243"/>
      <c r="AD6" s="47"/>
      <c r="AF6" s="29"/>
    </row>
    <row r="7" spans="1:33">
      <c r="A7" s="25"/>
      <c r="B7" s="7"/>
      <c r="C7" s="7"/>
      <c r="D7" s="7"/>
      <c r="E7" s="7"/>
      <c r="F7" s="78"/>
      <c r="G7" s="78"/>
      <c r="H7" s="78"/>
      <c r="I7" s="110"/>
      <c r="J7" s="110"/>
      <c r="K7" s="7"/>
      <c r="L7" s="110"/>
      <c r="M7" s="110"/>
      <c r="N7" s="110"/>
      <c r="O7" s="7"/>
      <c r="P7" s="1"/>
      <c r="Q7" s="110"/>
      <c r="R7" s="110"/>
      <c r="S7" s="110"/>
      <c r="T7" s="78"/>
      <c r="U7" s="78"/>
      <c r="V7" s="78"/>
      <c r="W7" s="78"/>
      <c r="X7" s="78"/>
      <c r="Y7" s="110"/>
      <c r="Z7" s="97"/>
      <c r="AA7" s="47"/>
      <c r="AB7" s="97"/>
      <c r="AC7" s="97"/>
      <c r="AD7" s="97"/>
      <c r="AE7" s="367"/>
      <c r="AF7" s="29"/>
    </row>
    <row r="8" spans="1:33">
      <c r="A8" s="25"/>
      <c r="B8" s="7" t="s">
        <v>346</v>
      </c>
      <c r="C8" s="1"/>
      <c r="D8" s="1"/>
      <c r="E8" s="1"/>
      <c r="F8" s="606"/>
      <c r="G8" s="607"/>
      <c r="H8" s="607"/>
      <c r="I8" s="607"/>
      <c r="J8" s="607"/>
      <c r="K8" s="607"/>
      <c r="L8" s="608"/>
      <c r="M8" s="110"/>
      <c r="N8" s="110"/>
      <c r="O8" s="7"/>
      <c r="P8" s="1"/>
      <c r="Q8" s="110"/>
      <c r="R8" s="110"/>
      <c r="S8" s="110"/>
      <c r="T8" s="78"/>
      <c r="U8" s="78"/>
      <c r="V8" s="78"/>
      <c r="W8" s="78"/>
      <c r="X8" s="78"/>
      <c r="Y8" s="110"/>
      <c r="Z8" s="97"/>
      <c r="AA8" s="47"/>
      <c r="AB8" s="97"/>
      <c r="AC8" s="97"/>
      <c r="AD8" s="97"/>
      <c r="AE8" s="367"/>
      <c r="AF8" s="29"/>
    </row>
    <row r="9" spans="1:33" ht="13.5" customHeight="1">
      <c r="A9" s="25"/>
      <c r="B9" s="7"/>
      <c r="C9" s="7"/>
      <c r="D9" s="7"/>
      <c r="E9" s="7"/>
      <c r="F9" s="78"/>
      <c r="G9" s="375"/>
      <c r="H9" s="375"/>
      <c r="I9" s="110"/>
      <c r="J9" s="110"/>
      <c r="K9" s="7"/>
      <c r="L9" s="110"/>
      <c r="M9" s="375"/>
      <c r="N9" s="375"/>
      <c r="O9" s="7"/>
      <c r="P9" s="1"/>
      <c r="Q9" s="110"/>
      <c r="R9" s="110"/>
      <c r="S9" s="110"/>
      <c r="T9" s="375"/>
      <c r="U9" s="375"/>
      <c r="V9" s="375"/>
      <c r="W9" s="375"/>
      <c r="X9" s="78"/>
      <c r="Y9" s="375"/>
      <c r="Z9" s="97"/>
      <c r="AA9" s="47"/>
      <c r="AB9" s="97"/>
      <c r="AC9" s="26"/>
      <c r="AD9" s="97"/>
      <c r="AE9" s="55" t="s">
        <v>348</v>
      </c>
      <c r="AF9" s="29"/>
    </row>
    <row r="10" spans="1:33">
      <c r="A10" s="25"/>
      <c r="B10" s="7" t="s">
        <v>41</v>
      </c>
      <c r="C10" s="94"/>
      <c r="D10" s="94"/>
      <c r="E10" s="94"/>
      <c r="F10" s="609"/>
      <c r="G10" s="610"/>
      <c r="H10" s="610"/>
      <c r="I10" s="610"/>
      <c r="J10" s="610"/>
      <c r="K10" s="610"/>
      <c r="L10" s="611"/>
      <c r="M10" s="1"/>
      <c r="N10" s="7" t="s">
        <v>947</v>
      </c>
      <c r="O10" s="1"/>
      <c r="P10" s="1"/>
      <c r="Q10" s="609"/>
      <c r="R10" s="610"/>
      <c r="S10" s="610"/>
      <c r="T10" s="610"/>
      <c r="U10" s="610"/>
      <c r="V10" s="610"/>
      <c r="W10" s="610"/>
      <c r="X10" s="610"/>
      <c r="Y10" s="611"/>
      <c r="Z10" s="26"/>
      <c r="AA10" s="47"/>
      <c r="AB10" s="97"/>
      <c r="AC10" s="26"/>
      <c r="AD10" s="97"/>
      <c r="AE10" s="55" t="s">
        <v>350</v>
      </c>
      <c r="AF10" s="29"/>
    </row>
    <row r="11" spans="1:33">
      <c r="A11" s="25"/>
      <c r="B11" s="7"/>
      <c r="C11" s="94"/>
      <c r="D11" s="94"/>
      <c r="E11" s="94"/>
      <c r="F11" s="97"/>
      <c r="G11" s="97"/>
      <c r="H11" s="97"/>
      <c r="I11" s="97"/>
      <c r="J11" s="97"/>
      <c r="K11" s="97"/>
      <c r="L11" s="97"/>
      <c r="M11" s="1"/>
      <c r="N11" s="7"/>
      <c r="O11" s="1"/>
      <c r="P11" s="1"/>
      <c r="Q11" s="97"/>
      <c r="R11" s="97"/>
      <c r="S11" s="97"/>
      <c r="T11" s="97"/>
      <c r="U11" s="97"/>
      <c r="V11" s="97"/>
      <c r="W11" s="97"/>
      <c r="X11" s="97"/>
      <c r="Y11" s="97"/>
      <c r="Z11" s="26"/>
      <c r="AA11" s="47"/>
      <c r="AB11" s="97"/>
      <c r="AC11" s="26"/>
      <c r="AD11" s="97"/>
      <c r="AE11" s="55" t="s">
        <v>351</v>
      </c>
      <c r="AF11" s="29"/>
    </row>
    <row r="12" spans="1:33" ht="13.5" customHeight="1">
      <c r="A12" s="25"/>
      <c r="B12" s="7" t="s">
        <v>349</v>
      </c>
      <c r="C12" s="1"/>
      <c r="D12" s="1"/>
      <c r="E12" s="1"/>
      <c r="F12" s="606"/>
      <c r="G12" s="607"/>
      <c r="H12" s="607"/>
      <c r="I12" s="607"/>
      <c r="J12" s="607"/>
      <c r="K12" s="607"/>
      <c r="L12" s="607"/>
      <c r="M12" s="607"/>
      <c r="N12" s="607"/>
      <c r="O12" s="607"/>
      <c r="P12" s="607"/>
      <c r="Q12" s="607"/>
      <c r="R12" s="607"/>
      <c r="S12" s="608"/>
      <c r="T12" s="1"/>
      <c r="U12" s="1"/>
      <c r="V12" s="1"/>
      <c r="W12" s="1"/>
      <c r="X12" s="1"/>
      <c r="Y12" s="97"/>
      <c r="Z12" s="26"/>
      <c r="AA12" s="47"/>
      <c r="AB12" s="97"/>
      <c r="AC12" s="26"/>
      <c r="AD12" s="97"/>
      <c r="AE12" s="55" t="s">
        <v>352</v>
      </c>
      <c r="AF12" s="29"/>
    </row>
    <row r="13" spans="1:33" s="26" customFormat="1">
      <c r="A13" s="20"/>
      <c r="B13" s="7"/>
      <c r="C13" s="1"/>
      <c r="D13" s="1"/>
      <c r="E13" s="1"/>
      <c r="F13" s="1"/>
      <c r="G13" s="1"/>
      <c r="H13" s="1"/>
      <c r="I13" s="1"/>
      <c r="J13" s="1"/>
      <c r="K13" s="1"/>
      <c r="L13" s="1"/>
      <c r="M13" s="1"/>
      <c r="N13" s="1"/>
      <c r="O13" s="1"/>
      <c r="P13" s="1"/>
      <c r="Q13" s="1"/>
      <c r="R13" s="1"/>
      <c r="S13" s="1"/>
      <c r="T13" s="1"/>
      <c r="U13" s="1"/>
      <c r="V13" s="1"/>
      <c r="W13" s="1"/>
      <c r="X13" s="1"/>
      <c r="Y13" s="97"/>
      <c r="AA13" s="47"/>
      <c r="AB13" s="97"/>
      <c r="AC13" s="97"/>
      <c r="AD13" s="97"/>
      <c r="AF13" s="48"/>
    </row>
    <row r="14" spans="1:33" ht="13.5" customHeight="1">
      <c r="A14" s="25"/>
      <c r="B14" s="1"/>
      <c r="C14" s="1"/>
      <c r="D14" s="1"/>
      <c r="E14" s="1"/>
      <c r="F14" s="606"/>
      <c r="G14" s="607"/>
      <c r="H14" s="607"/>
      <c r="I14" s="607"/>
      <c r="J14" s="607"/>
      <c r="K14" s="607"/>
      <c r="L14" s="607"/>
      <c r="M14" s="607"/>
      <c r="N14" s="607"/>
      <c r="O14" s="607"/>
      <c r="P14" s="607"/>
      <c r="Q14" s="607"/>
      <c r="R14" s="607"/>
      <c r="S14" s="608"/>
      <c r="T14" s="1"/>
      <c r="U14" s="1"/>
      <c r="V14" s="1"/>
      <c r="W14" s="1"/>
      <c r="X14" s="1"/>
      <c r="Y14" s="97"/>
      <c r="Z14" s="26"/>
      <c r="AA14" s="47"/>
      <c r="AB14" s="97"/>
      <c r="AC14" s="97"/>
      <c r="AD14" s="97"/>
      <c r="AE14" s="367"/>
      <c r="AF14" s="29"/>
    </row>
    <row r="15" spans="1:33" ht="13.5" customHeight="1">
      <c r="A15" s="25"/>
      <c r="B15" s="7"/>
      <c r="C15" s="94"/>
      <c r="D15" s="94"/>
      <c r="E15" s="94"/>
      <c r="F15" s="97"/>
      <c r="G15" s="97"/>
      <c r="H15" s="97"/>
      <c r="I15" s="97"/>
      <c r="J15" s="97"/>
      <c r="K15" s="97"/>
      <c r="L15" s="97"/>
      <c r="M15" s="1"/>
      <c r="N15" s="7"/>
      <c r="O15" s="1"/>
      <c r="P15" s="1"/>
      <c r="Q15" s="97"/>
      <c r="R15" s="97"/>
      <c r="S15" s="97"/>
      <c r="T15" s="97"/>
      <c r="U15" s="97"/>
      <c r="V15" s="97"/>
      <c r="W15" s="97"/>
      <c r="X15" s="97"/>
      <c r="Y15" s="97"/>
      <c r="Z15" s="26"/>
      <c r="AA15" s="47"/>
      <c r="AB15" s="97"/>
      <c r="AC15" s="97"/>
      <c r="AD15" s="97"/>
      <c r="AE15" s="26" t="s">
        <v>375</v>
      </c>
      <c r="AF15" s="29"/>
    </row>
    <row r="16" spans="1:33" ht="13.5" customHeight="1">
      <c r="A16" s="25"/>
      <c r="B16" s="7"/>
      <c r="C16" s="94"/>
      <c r="D16" s="94"/>
      <c r="E16" s="94"/>
      <c r="F16" s="606"/>
      <c r="G16" s="607"/>
      <c r="H16" s="607"/>
      <c r="I16" s="607"/>
      <c r="J16" s="607"/>
      <c r="K16" s="607"/>
      <c r="L16" s="607"/>
      <c r="M16" s="607"/>
      <c r="N16" s="607"/>
      <c r="O16" s="607"/>
      <c r="P16" s="607"/>
      <c r="Q16" s="607"/>
      <c r="R16" s="607"/>
      <c r="S16" s="608"/>
      <c r="T16" s="97"/>
      <c r="U16" s="97"/>
      <c r="V16" s="97"/>
      <c r="W16" s="97"/>
      <c r="X16" s="97"/>
      <c r="Y16" s="97"/>
      <c r="Z16" s="26"/>
      <c r="AA16" s="47"/>
      <c r="AB16" s="97"/>
      <c r="AC16" s="97"/>
      <c r="AD16" s="97"/>
      <c r="AE16" s="367"/>
      <c r="AF16" s="29"/>
    </row>
    <row r="17" spans="1:32" ht="15" customHeight="1">
      <c r="A17" s="51"/>
      <c r="B17" s="43"/>
      <c r="C17" s="43"/>
      <c r="D17" s="44"/>
      <c r="E17" s="44"/>
      <c r="F17" s="44"/>
      <c r="G17" s="44"/>
      <c r="H17" s="44"/>
      <c r="I17" s="44"/>
      <c r="J17" s="44"/>
      <c r="K17" s="44"/>
      <c r="L17" s="44"/>
      <c r="M17" s="44"/>
      <c r="N17" s="44"/>
      <c r="O17" s="44"/>
      <c r="P17" s="44"/>
      <c r="Q17" s="44"/>
      <c r="R17" s="243"/>
      <c r="S17" s="45"/>
      <c r="T17" s="45"/>
      <c r="U17" s="45"/>
      <c r="V17" s="45"/>
      <c r="W17" s="45"/>
      <c r="X17" s="45"/>
      <c r="Y17" s="45"/>
      <c r="Z17" s="45"/>
      <c r="AA17" s="45"/>
      <c r="AB17" s="45"/>
      <c r="AC17" s="45"/>
      <c r="AD17" s="43"/>
      <c r="AE17" s="273"/>
      <c r="AF17" s="29"/>
    </row>
    <row r="18" spans="1:32" ht="13.5" customHeight="1">
      <c r="A18" s="51"/>
      <c r="B18" s="583" t="s">
        <v>73</v>
      </c>
      <c r="C18" s="573"/>
      <c r="D18" s="572" t="s">
        <v>94</v>
      </c>
      <c r="E18" s="572"/>
      <c r="F18" s="572"/>
      <c r="G18" s="572"/>
      <c r="H18" s="572"/>
      <c r="I18" s="572"/>
      <c r="J18" s="572"/>
      <c r="K18" s="572"/>
      <c r="L18" s="572"/>
      <c r="M18" s="572"/>
      <c r="N18" s="572"/>
      <c r="O18" s="572"/>
      <c r="P18" s="572"/>
      <c r="Q18" s="572"/>
      <c r="R18" s="218" t="s">
        <v>383</v>
      </c>
      <c r="S18" s="572" t="s">
        <v>138</v>
      </c>
      <c r="T18" s="572"/>
      <c r="U18" s="736" t="s">
        <v>959</v>
      </c>
      <c r="V18" s="737"/>
      <c r="W18" s="738"/>
      <c r="X18" s="572" t="s">
        <v>97</v>
      </c>
      <c r="Y18" s="572"/>
      <c r="Z18" s="572" t="s">
        <v>98</v>
      </c>
      <c r="AA18" s="572"/>
      <c r="AB18" s="583" t="s">
        <v>75</v>
      </c>
      <c r="AC18" s="583"/>
      <c r="AD18" s="583"/>
      <c r="AE18" s="572" t="s">
        <v>159</v>
      </c>
      <c r="AF18" s="37"/>
    </row>
    <row r="19" spans="1:32" ht="12.75" customHeight="1">
      <c r="A19" s="51"/>
      <c r="B19" s="573"/>
      <c r="C19" s="573"/>
      <c r="D19" s="572"/>
      <c r="E19" s="572"/>
      <c r="F19" s="572"/>
      <c r="G19" s="572"/>
      <c r="H19" s="572"/>
      <c r="I19" s="572"/>
      <c r="J19" s="572"/>
      <c r="K19" s="572"/>
      <c r="L19" s="572"/>
      <c r="M19" s="572"/>
      <c r="N19" s="572"/>
      <c r="O19" s="572"/>
      <c r="P19" s="572"/>
      <c r="Q19" s="572"/>
      <c r="R19" s="218"/>
      <c r="S19" s="572"/>
      <c r="T19" s="572"/>
      <c r="U19" s="739"/>
      <c r="V19" s="740"/>
      <c r="W19" s="741"/>
      <c r="X19" s="572"/>
      <c r="Y19" s="572"/>
      <c r="Z19" s="572"/>
      <c r="AA19" s="572"/>
      <c r="AB19" s="583"/>
      <c r="AC19" s="583"/>
      <c r="AD19" s="583"/>
      <c r="AE19" s="572"/>
      <c r="AF19" s="37"/>
    </row>
    <row r="20" spans="1:32" s="54" customFormat="1">
      <c r="A20" s="19"/>
      <c r="B20" s="644">
        <v>1</v>
      </c>
      <c r="C20" s="645"/>
      <c r="D20" s="543" t="s">
        <v>113</v>
      </c>
      <c r="E20" s="544"/>
      <c r="F20" s="544"/>
      <c r="G20" s="544"/>
      <c r="H20" s="544"/>
      <c r="I20" s="544"/>
      <c r="J20" s="544"/>
      <c r="K20" s="544"/>
      <c r="L20" s="544"/>
      <c r="M20" s="544"/>
      <c r="N20" s="544"/>
      <c r="O20" s="544"/>
      <c r="P20" s="544"/>
      <c r="Q20" s="545"/>
      <c r="R20" s="219" t="s">
        <v>449</v>
      </c>
      <c r="S20" s="546" t="s">
        <v>101</v>
      </c>
      <c r="T20" s="548"/>
      <c r="U20" s="623" t="s">
        <v>1120</v>
      </c>
      <c r="V20" s="624"/>
      <c r="W20" s="625"/>
      <c r="X20" s="210">
        <v>64</v>
      </c>
      <c r="Y20" s="210" t="s">
        <v>103</v>
      </c>
      <c r="Z20" s="700"/>
      <c r="AA20" s="700"/>
      <c r="AB20" s="592"/>
      <c r="AC20" s="592"/>
      <c r="AD20" s="592"/>
      <c r="AE20" s="118"/>
      <c r="AF20" s="38"/>
    </row>
    <row r="21" spans="1:32" s="54" customFormat="1" ht="13.4" customHeight="1">
      <c r="A21" s="19"/>
      <c r="B21" s="644">
        <v>2</v>
      </c>
      <c r="C21" s="645"/>
      <c r="D21" s="563" t="s">
        <v>409</v>
      </c>
      <c r="E21" s="564"/>
      <c r="F21" s="564"/>
      <c r="G21" s="564"/>
      <c r="H21" s="564"/>
      <c r="I21" s="564"/>
      <c r="J21" s="564"/>
      <c r="K21" s="564"/>
      <c r="L21" s="564"/>
      <c r="M21" s="564"/>
      <c r="N21" s="564"/>
      <c r="O21" s="564"/>
      <c r="P21" s="564"/>
      <c r="Q21" s="565"/>
      <c r="R21" s="221" t="s">
        <v>453</v>
      </c>
      <c r="S21" s="546" t="s">
        <v>107</v>
      </c>
      <c r="T21" s="548"/>
      <c r="U21" s="623" t="s">
        <v>102</v>
      </c>
      <c r="V21" s="624"/>
      <c r="W21" s="625"/>
      <c r="X21" s="210">
        <v>6</v>
      </c>
      <c r="Y21" s="210" t="s">
        <v>103</v>
      </c>
      <c r="Z21" s="700"/>
      <c r="AA21" s="700"/>
      <c r="AB21" s="592"/>
      <c r="AC21" s="592"/>
      <c r="AD21" s="592"/>
      <c r="AE21" s="118"/>
      <c r="AF21" s="38"/>
    </row>
    <row r="22" spans="1:32" s="54" customFormat="1" ht="13.4" customHeight="1">
      <c r="A22" s="19"/>
      <c r="B22" s="644">
        <v>3</v>
      </c>
      <c r="C22" s="645"/>
      <c r="D22" s="563" t="s">
        <v>2970</v>
      </c>
      <c r="E22" s="564"/>
      <c r="F22" s="564"/>
      <c r="G22" s="564"/>
      <c r="H22" s="564"/>
      <c r="I22" s="564"/>
      <c r="J22" s="564"/>
      <c r="K22" s="564"/>
      <c r="L22" s="564"/>
      <c r="M22" s="564"/>
      <c r="N22" s="564"/>
      <c r="O22" s="564"/>
      <c r="P22" s="564"/>
      <c r="Q22" s="565"/>
      <c r="R22" s="221" t="s">
        <v>2971</v>
      </c>
      <c r="S22" s="541" t="s">
        <v>107</v>
      </c>
      <c r="T22" s="542"/>
      <c r="U22" s="747" t="s">
        <v>102</v>
      </c>
      <c r="V22" s="748"/>
      <c r="W22" s="749"/>
      <c r="X22" s="213">
        <v>2</v>
      </c>
      <c r="Y22" s="213" t="s">
        <v>103</v>
      </c>
      <c r="Z22" s="700"/>
      <c r="AA22" s="700"/>
      <c r="AB22" s="592"/>
      <c r="AC22" s="592"/>
      <c r="AD22" s="592"/>
      <c r="AE22" s="118"/>
      <c r="AF22" s="38"/>
    </row>
    <row r="23" spans="1:32" s="54" customFormat="1">
      <c r="A23" s="19"/>
      <c r="B23" s="644">
        <v>4</v>
      </c>
      <c r="C23" s="645"/>
      <c r="D23" s="543" t="s">
        <v>2972</v>
      </c>
      <c r="E23" s="544"/>
      <c r="F23" s="544"/>
      <c r="G23" s="544"/>
      <c r="H23" s="544"/>
      <c r="I23" s="544"/>
      <c r="J23" s="544"/>
      <c r="K23" s="544"/>
      <c r="L23" s="544"/>
      <c r="M23" s="544"/>
      <c r="N23" s="544"/>
      <c r="O23" s="544"/>
      <c r="P23" s="544"/>
      <c r="Q23" s="545"/>
      <c r="R23" s="229" t="s">
        <v>2973</v>
      </c>
      <c r="S23" s="546" t="s">
        <v>107</v>
      </c>
      <c r="T23" s="548"/>
      <c r="U23" s="623" t="s">
        <v>102</v>
      </c>
      <c r="V23" s="624"/>
      <c r="W23" s="625"/>
      <c r="X23" s="210">
        <v>4</v>
      </c>
      <c r="Y23" s="210" t="s">
        <v>103</v>
      </c>
      <c r="Z23" s="700"/>
      <c r="AA23" s="700"/>
      <c r="AB23" s="592"/>
      <c r="AC23" s="592"/>
      <c r="AD23" s="592"/>
      <c r="AE23" s="118"/>
      <c r="AF23" s="38"/>
    </row>
    <row r="24" spans="1:32" s="57" customFormat="1" ht="13.4" customHeight="1">
      <c r="A24" s="56"/>
      <c r="B24" s="644">
        <v>5</v>
      </c>
      <c r="C24" s="645"/>
      <c r="D24" s="563" t="s">
        <v>454</v>
      </c>
      <c r="E24" s="564"/>
      <c r="F24" s="564"/>
      <c r="G24" s="564"/>
      <c r="H24" s="564"/>
      <c r="I24" s="564"/>
      <c r="J24" s="564"/>
      <c r="K24" s="564"/>
      <c r="L24" s="564"/>
      <c r="M24" s="564"/>
      <c r="N24" s="564"/>
      <c r="O24" s="564"/>
      <c r="P24" s="564"/>
      <c r="Q24" s="565"/>
      <c r="R24" s="244" t="s">
        <v>455</v>
      </c>
      <c r="S24" s="546" t="s">
        <v>107</v>
      </c>
      <c r="T24" s="548"/>
      <c r="U24" s="623" t="s">
        <v>102</v>
      </c>
      <c r="V24" s="624"/>
      <c r="W24" s="625"/>
      <c r="X24" s="210">
        <v>1</v>
      </c>
      <c r="Y24" s="210" t="s">
        <v>103</v>
      </c>
      <c r="Z24" s="700"/>
      <c r="AA24" s="700"/>
      <c r="AB24" s="592"/>
      <c r="AC24" s="592"/>
      <c r="AD24" s="592"/>
      <c r="AE24" s="118"/>
      <c r="AF24" s="39"/>
    </row>
    <row r="25" spans="1:32" s="57" customFormat="1" ht="13.4" customHeight="1">
      <c r="A25" s="56"/>
      <c r="B25" s="644">
        <v>6</v>
      </c>
      <c r="C25" s="645"/>
      <c r="D25" s="563" t="s">
        <v>2293</v>
      </c>
      <c r="E25" s="564"/>
      <c r="F25" s="564"/>
      <c r="G25" s="564"/>
      <c r="H25" s="564"/>
      <c r="I25" s="564"/>
      <c r="J25" s="564"/>
      <c r="K25" s="564"/>
      <c r="L25" s="564"/>
      <c r="M25" s="564"/>
      <c r="N25" s="564"/>
      <c r="O25" s="564"/>
      <c r="P25" s="564"/>
      <c r="Q25" s="565"/>
      <c r="R25" s="244" t="s">
        <v>2294</v>
      </c>
      <c r="S25" s="541" t="s">
        <v>1844</v>
      </c>
      <c r="T25" s="542"/>
      <c r="U25" s="747" t="s">
        <v>102</v>
      </c>
      <c r="V25" s="748"/>
      <c r="W25" s="749"/>
      <c r="X25" s="213">
        <v>3</v>
      </c>
      <c r="Y25" s="213" t="s">
        <v>103</v>
      </c>
      <c r="Z25" s="700"/>
      <c r="AA25" s="700"/>
      <c r="AB25" s="592"/>
      <c r="AC25" s="592"/>
      <c r="AD25" s="592"/>
      <c r="AE25" s="118"/>
      <c r="AF25" s="39"/>
    </row>
    <row r="26" spans="1:32" s="57" customFormat="1" ht="13" customHeight="1">
      <c r="A26" s="56"/>
      <c r="B26" s="644">
        <v>7</v>
      </c>
      <c r="C26" s="645"/>
      <c r="D26" s="543" t="s">
        <v>3048</v>
      </c>
      <c r="E26" s="544"/>
      <c r="F26" s="544"/>
      <c r="G26" s="544"/>
      <c r="H26" s="544"/>
      <c r="I26" s="544"/>
      <c r="J26" s="544"/>
      <c r="K26" s="544"/>
      <c r="L26" s="544"/>
      <c r="M26" s="544"/>
      <c r="N26" s="544"/>
      <c r="O26" s="544"/>
      <c r="P26" s="544"/>
      <c r="Q26" s="545"/>
      <c r="R26" s="244" t="s">
        <v>550</v>
      </c>
      <c r="S26" s="546" t="s">
        <v>101</v>
      </c>
      <c r="T26" s="548"/>
      <c r="U26" s="623" t="s">
        <v>102</v>
      </c>
      <c r="V26" s="624"/>
      <c r="W26" s="625"/>
      <c r="X26" s="210">
        <v>8</v>
      </c>
      <c r="Y26" s="210" t="s">
        <v>103</v>
      </c>
      <c r="Z26" s="700"/>
      <c r="AA26" s="700"/>
      <c r="AB26" s="592"/>
      <c r="AC26" s="592"/>
      <c r="AD26" s="592"/>
      <c r="AE26" s="265" t="s">
        <v>3020</v>
      </c>
      <c r="AF26" s="39"/>
    </row>
    <row r="27" spans="1:32" s="57" customFormat="1" ht="13.4" customHeight="1">
      <c r="A27" s="56"/>
      <c r="B27" s="644">
        <v>8</v>
      </c>
      <c r="C27" s="645"/>
      <c r="D27" s="563" t="s">
        <v>2992</v>
      </c>
      <c r="E27" s="564"/>
      <c r="F27" s="564"/>
      <c r="G27" s="564"/>
      <c r="H27" s="564"/>
      <c r="I27" s="564"/>
      <c r="J27" s="564"/>
      <c r="K27" s="564"/>
      <c r="L27" s="564"/>
      <c r="M27" s="564"/>
      <c r="N27" s="564"/>
      <c r="O27" s="564"/>
      <c r="P27" s="564"/>
      <c r="Q27" s="565"/>
      <c r="R27" s="221" t="s">
        <v>554</v>
      </c>
      <c r="S27" s="541" t="s">
        <v>107</v>
      </c>
      <c r="T27" s="542"/>
      <c r="U27" s="747" t="s">
        <v>2362</v>
      </c>
      <c r="V27" s="748"/>
      <c r="W27" s="749"/>
      <c r="X27" s="213"/>
      <c r="Y27" s="213"/>
      <c r="Z27" s="700"/>
      <c r="AA27" s="700"/>
      <c r="AB27" s="592"/>
      <c r="AC27" s="592"/>
      <c r="AD27" s="592"/>
      <c r="AE27" s="118"/>
      <c r="AF27" s="39"/>
    </row>
    <row r="28" spans="1:32" s="57" customFormat="1" ht="13.4" customHeight="1">
      <c r="A28" s="56"/>
      <c r="B28" s="644">
        <v>9</v>
      </c>
      <c r="C28" s="645"/>
      <c r="D28" s="563" t="s">
        <v>551</v>
      </c>
      <c r="E28" s="564"/>
      <c r="F28" s="564"/>
      <c r="G28" s="564"/>
      <c r="H28" s="564"/>
      <c r="I28" s="564"/>
      <c r="J28" s="564"/>
      <c r="K28" s="564"/>
      <c r="L28" s="564"/>
      <c r="M28" s="564"/>
      <c r="N28" s="564"/>
      <c r="O28" s="564"/>
      <c r="P28" s="564"/>
      <c r="Q28" s="565"/>
      <c r="R28" s="222" t="s">
        <v>552</v>
      </c>
      <c r="S28" s="541" t="s">
        <v>107</v>
      </c>
      <c r="T28" s="542"/>
      <c r="U28" s="747" t="s">
        <v>2362</v>
      </c>
      <c r="V28" s="748"/>
      <c r="W28" s="749"/>
      <c r="X28" s="213"/>
      <c r="Y28" s="213"/>
      <c r="Z28" s="700"/>
      <c r="AA28" s="700"/>
      <c r="AB28" s="592"/>
      <c r="AC28" s="592"/>
      <c r="AD28" s="592"/>
      <c r="AE28" s="118"/>
      <c r="AF28" s="39"/>
    </row>
    <row r="29" spans="1:32">
      <c r="A29" s="25"/>
      <c r="R29" s="214"/>
      <c r="AF29" s="29"/>
    </row>
    <row r="30" spans="1:32">
      <c r="A30" s="25"/>
      <c r="B30" s="27" t="s">
        <v>908</v>
      </c>
      <c r="R30" s="223"/>
      <c r="AF30" s="29"/>
    </row>
    <row r="31" spans="1:32">
      <c r="A31" s="25"/>
      <c r="R31" s="214"/>
      <c r="AF31" s="29"/>
    </row>
    <row r="32" spans="1:32">
      <c r="A32" s="25"/>
      <c r="R32" s="214"/>
      <c r="AF32" s="29"/>
    </row>
    <row r="33" spans="1:32">
      <c r="A33" s="25"/>
      <c r="R33" s="223"/>
      <c r="AF33" s="29"/>
    </row>
    <row r="34" spans="1:32">
      <c r="A34" s="25"/>
      <c r="R34" s="214"/>
      <c r="AF34" s="29"/>
    </row>
    <row r="35" spans="1:32">
      <c r="A35" s="21"/>
      <c r="B35" s="22"/>
      <c r="C35" s="22"/>
      <c r="D35" s="61"/>
      <c r="E35" s="61"/>
      <c r="F35" s="61"/>
      <c r="G35" s="61"/>
      <c r="H35" s="61"/>
      <c r="I35" s="61"/>
      <c r="J35" s="61"/>
      <c r="K35" s="61"/>
      <c r="L35" s="61"/>
      <c r="M35" s="61"/>
      <c r="N35" s="61"/>
      <c r="O35" s="61"/>
      <c r="P35" s="61"/>
      <c r="Q35" s="61"/>
      <c r="R35" s="223"/>
      <c r="S35" s="22"/>
      <c r="T35" s="22"/>
      <c r="U35" s="22"/>
      <c r="V35" s="22"/>
      <c r="W35" s="22"/>
      <c r="X35" s="22"/>
      <c r="Y35" s="22"/>
      <c r="Z35" s="22"/>
      <c r="AA35" s="22"/>
      <c r="AB35" s="22"/>
      <c r="AC35" s="22"/>
      <c r="AD35" s="22"/>
      <c r="AE35" s="245"/>
      <c r="AF35" s="62"/>
    </row>
    <row r="36" spans="1:32">
      <c r="R36" s="214"/>
    </row>
    <row r="37" spans="1:32">
      <c r="R37" s="214"/>
    </row>
    <row r="43" spans="1:32" hidden="1">
      <c r="A43" t="s">
        <v>909</v>
      </c>
      <c r="B43" t="s">
        <v>910</v>
      </c>
      <c r="C43" t="s">
        <v>911</v>
      </c>
      <c r="D43" t="s">
        <v>912</v>
      </c>
      <c r="E43" t="s">
        <v>913</v>
      </c>
      <c r="F43" t="s">
        <v>914</v>
      </c>
      <c r="G43" t="s">
        <v>98</v>
      </c>
    </row>
    <row r="44" spans="1:32" hidden="1">
      <c r="A44" t="s">
        <v>340</v>
      </c>
      <c r="B44" t="s">
        <v>915</v>
      </c>
      <c r="C44" s="3" t="s">
        <v>82</v>
      </c>
      <c r="D44" t="s">
        <v>916</v>
      </c>
      <c r="E44" t="s">
        <v>917</v>
      </c>
      <c r="F44" t="s">
        <v>918</v>
      </c>
      <c r="G44" t="s">
        <v>919</v>
      </c>
    </row>
    <row r="45" spans="1:32" hidden="1">
      <c r="A45" t="s">
        <v>920</v>
      </c>
      <c r="B45" t="s">
        <v>2661</v>
      </c>
      <c r="C45" s="3" t="s">
        <v>922</v>
      </c>
      <c r="D45" t="s">
        <v>923</v>
      </c>
      <c r="E45" t="s">
        <v>924</v>
      </c>
      <c r="F45" t="s">
        <v>925</v>
      </c>
      <c r="G45" t="s">
        <v>926</v>
      </c>
    </row>
    <row r="46" spans="1:32" hidden="1">
      <c r="A46" t="s">
        <v>927</v>
      </c>
      <c r="B46"/>
      <c r="C46" s="3" t="s">
        <v>928</v>
      </c>
      <c r="D46"/>
      <c r="E46" t="s">
        <v>929</v>
      </c>
      <c r="F46" t="s">
        <v>930</v>
      </c>
      <c r="G46"/>
    </row>
    <row r="47" spans="1:32" hidden="1">
      <c r="A47"/>
      <c r="B47"/>
      <c r="C47" s="3" t="s">
        <v>931</v>
      </c>
      <c r="D47"/>
      <c r="E47" t="s">
        <v>932</v>
      </c>
      <c r="F47" t="s">
        <v>933</v>
      </c>
      <c r="G47"/>
    </row>
    <row r="48" spans="1:32" hidden="1">
      <c r="A48"/>
      <c r="B48"/>
      <c r="C48" s="3" t="s">
        <v>230</v>
      </c>
      <c r="D48"/>
      <c r="E48"/>
      <c r="F48" t="s">
        <v>934</v>
      </c>
      <c r="G48"/>
    </row>
    <row r="49" spans="1:7" hidden="1">
      <c r="A49"/>
      <c r="B49"/>
      <c r="C49" s="3" t="s">
        <v>177</v>
      </c>
      <c r="D49"/>
      <c r="E49"/>
      <c r="F49" t="s">
        <v>935</v>
      </c>
      <c r="G49"/>
    </row>
    <row r="50" spans="1:7" hidden="1">
      <c r="A50"/>
      <c r="B50"/>
      <c r="C50"/>
      <c r="D50"/>
      <c r="E50"/>
      <c r="F50" t="s">
        <v>936</v>
      </c>
      <c r="G50"/>
    </row>
    <row r="51" spans="1:7" hidden="1">
      <c r="A51"/>
      <c r="B51"/>
      <c r="C51"/>
      <c r="D51"/>
      <c r="E51"/>
      <c r="F51" t="s">
        <v>937</v>
      </c>
      <c r="G51"/>
    </row>
    <row r="52" spans="1:7" hidden="1">
      <c r="A52"/>
      <c r="B52"/>
      <c r="C52"/>
      <c r="D52"/>
      <c r="E52"/>
      <c r="F52" t="s">
        <v>938</v>
      </c>
      <c r="G52"/>
    </row>
    <row r="53" spans="1:7" hidden="1">
      <c r="A53"/>
      <c r="B53"/>
      <c r="C53"/>
      <c r="D53"/>
      <c r="E53"/>
      <c r="F53" t="s">
        <v>939</v>
      </c>
      <c r="G53"/>
    </row>
    <row r="54" spans="1:7" hidden="1">
      <c r="A54"/>
      <c r="B54"/>
      <c r="C54"/>
      <c r="D54"/>
      <c r="E54"/>
      <c r="F54" t="s">
        <v>940</v>
      </c>
      <c r="G54"/>
    </row>
    <row r="55" spans="1:7" hidden="1">
      <c r="A55"/>
      <c r="B55"/>
      <c r="C55"/>
      <c r="D55"/>
      <c r="E55"/>
      <c r="F55" t="s">
        <v>941</v>
      </c>
      <c r="G55"/>
    </row>
    <row r="56" spans="1:7" hidden="1">
      <c r="A56"/>
      <c r="B56"/>
      <c r="C56"/>
      <c r="D56"/>
      <c r="E56"/>
      <c r="F56" t="s">
        <v>942</v>
      </c>
      <c r="G56"/>
    </row>
    <row r="57" spans="1:7" hidden="1">
      <c r="A57"/>
      <c r="B57"/>
      <c r="C57"/>
      <c r="D57"/>
      <c r="E57"/>
      <c r="F57" t="s">
        <v>943</v>
      </c>
      <c r="G57"/>
    </row>
    <row r="58" spans="1:7" hidden="1">
      <c r="A58"/>
      <c r="B58"/>
      <c r="C58"/>
      <c r="D58"/>
      <c r="E58"/>
      <c r="F58" t="s">
        <v>944</v>
      </c>
      <c r="G58"/>
    </row>
    <row r="59" spans="1:7" hidden="1">
      <c r="A59"/>
      <c r="B59"/>
      <c r="C59"/>
      <c r="D59"/>
      <c r="E59"/>
      <c r="F59" t="s">
        <v>945</v>
      </c>
      <c r="G59"/>
    </row>
  </sheetData>
  <mergeCells count="72">
    <mergeCell ref="F4:M4"/>
    <mergeCell ref="F6:H6"/>
    <mergeCell ref="I6:O6"/>
    <mergeCell ref="P6:S6"/>
    <mergeCell ref="F8:L8"/>
    <mergeCell ref="B18:C19"/>
    <mergeCell ref="D18:Q19"/>
    <mergeCell ref="S18:T19"/>
    <mergeCell ref="F10:L10"/>
    <mergeCell ref="Q10:Y10"/>
    <mergeCell ref="AB18:AD19"/>
    <mergeCell ref="AE18:AE19"/>
    <mergeCell ref="F12:S12"/>
    <mergeCell ref="F14:S14"/>
    <mergeCell ref="F16:S16"/>
    <mergeCell ref="D22:Q22"/>
    <mergeCell ref="S22:T22"/>
    <mergeCell ref="U18:W19"/>
    <mergeCell ref="X18:Y19"/>
    <mergeCell ref="Z18:AA19"/>
    <mergeCell ref="U22:W22"/>
    <mergeCell ref="Z22:AA22"/>
    <mergeCell ref="AB20:AD20"/>
    <mergeCell ref="B21:C21"/>
    <mergeCell ref="D21:Q21"/>
    <mergeCell ref="S21:T21"/>
    <mergeCell ref="U21:W21"/>
    <mergeCell ref="Z21:AA21"/>
    <mergeCell ref="AB21:AD21"/>
    <mergeCell ref="B20:C20"/>
    <mergeCell ref="D20:Q20"/>
    <mergeCell ref="S20:T20"/>
    <mergeCell ref="U20:W20"/>
    <mergeCell ref="Z20:AA20"/>
    <mergeCell ref="B24:C24"/>
    <mergeCell ref="D24:Q24"/>
    <mergeCell ref="S24:T24"/>
    <mergeCell ref="U24:W24"/>
    <mergeCell ref="Z24:AA24"/>
    <mergeCell ref="D23:Q23"/>
    <mergeCell ref="S23:T23"/>
    <mergeCell ref="U23:W23"/>
    <mergeCell ref="Z23:AA23"/>
    <mergeCell ref="AB23:AD23"/>
    <mergeCell ref="AB22:AD22"/>
    <mergeCell ref="B22:C22"/>
    <mergeCell ref="AB26:AD26"/>
    <mergeCell ref="B25:C25"/>
    <mergeCell ref="D25:Q25"/>
    <mergeCell ref="S25:T25"/>
    <mergeCell ref="U25:W25"/>
    <mergeCell ref="Z25:AA25"/>
    <mergeCell ref="AB25:AD25"/>
    <mergeCell ref="B26:C26"/>
    <mergeCell ref="D26:Q26"/>
    <mergeCell ref="S26:T26"/>
    <mergeCell ref="U26:W26"/>
    <mergeCell ref="Z26:AA26"/>
    <mergeCell ref="AB24:AD24"/>
    <mergeCell ref="B23:C23"/>
    <mergeCell ref="AB28:AD28"/>
    <mergeCell ref="B27:C27"/>
    <mergeCell ref="D27:Q27"/>
    <mergeCell ref="S27:T27"/>
    <mergeCell ref="U27:W27"/>
    <mergeCell ref="Z27:AA27"/>
    <mergeCell ref="AB27:AD27"/>
    <mergeCell ref="B28:C28"/>
    <mergeCell ref="D28:Q28"/>
    <mergeCell ref="S28:T28"/>
    <mergeCell ref="U28:W28"/>
    <mergeCell ref="Z28:AA28"/>
  </mergeCells>
  <phoneticPr fontId="24"/>
  <conditionalFormatting sqref="AE26">
    <cfRule type="expression" dxfId="1" priority="1">
      <formula>$AN26="□"</formula>
    </cfRule>
  </conditionalFormatting>
  <dataValidations count="8">
    <dataValidation type="list" allowBlank="1" showInputMessage="1" showErrorMessage="1" sqref="I6:O6" xr:uid="{0AD3A74C-D386-4547-A379-C3A7A33727B6}">
      <formula1>"1,2,3,4,5,6,7,8,9,10,11,12,13,14,15,16,17,18,19,20,21,22,23,24"</formula1>
    </dataValidation>
    <dataValidation type="list" allowBlank="1" showInputMessage="1" showErrorMessage="1" sqref="F12:S12 F14:S14 F16:S16" xr:uid="{805A04F0-D1E8-49CE-B8EF-7792DAD36C45}">
      <formula1>$F$44:$F$59</formula1>
    </dataValidation>
    <dataValidation type="list" allowBlank="1" showInputMessage="1" showErrorMessage="1" sqref="AB20:AD28" xr:uid="{8D685008-E28B-4A4B-896F-8CB2D07AE8E4}">
      <formula1>$C$44:$C$49</formula1>
    </dataValidation>
    <dataValidation type="list" allowBlank="1" showInputMessage="1" showErrorMessage="1" sqref="F8:L8" xr:uid="{D84221C3-656B-43A7-86C5-6D0198FCE137}">
      <formula1>$B$44:$B$45</formula1>
    </dataValidation>
    <dataValidation type="list" allowBlank="1" showInputMessage="1" showErrorMessage="1" sqref="F4:M4" xr:uid="{16D05F1B-9C8A-4046-8A22-224D5B0E21DA}">
      <formula1>$A$44:$A$46</formula1>
    </dataValidation>
    <dataValidation type="list" allowBlank="1" showInputMessage="1" showErrorMessage="1" sqref="Q10:Y10" xr:uid="{8AE7C939-849E-4B8D-B162-9AACB6B61C46}">
      <formula1>$E$44:$E$47</formula1>
    </dataValidation>
    <dataValidation type="list" allowBlank="1" showInputMessage="1" showErrorMessage="1" sqref="Z20:AA28" xr:uid="{C4A77CA6-4C4A-4C67-BFF2-694CA4C7B022}">
      <formula1>"○,×"</formula1>
    </dataValidation>
    <dataValidation type="list" allowBlank="1" showInputMessage="1" showErrorMessage="1" sqref="F10:L10" xr:uid="{11C0AE95-8AB8-47A1-8ECD-F25D0DD51F0C}">
      <formula1>"する,しない"</formula1>
    </dataValidation>
  </dataValidations>
  <pageMargins left="0.19685039370078741" right="0.19685039370078741" top="0.39370078740157483" bottom="0.39370078740157483" header="0.19685039370078741" footer="0.19685039370078741"/>
  <pageSetup paperSize="9" scale="83" fitToHeight="0" orientation="landscape" r:id="rId1"/>
  <headerFooter alignWithMargins="0">
    <oddFooter>&amp;C&amp;P</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BEA6FB1-5FC6-4797-A2A4-583F37CCF5E3}">
  <sheetPr codeName="Sheet18"/>
  <dimension ref="A1:AG61"/>
  <sheetViews>
    <sheetView showGridLines="0" view="pageBreakPreview" zoomScaleNormal="100" zoomScaleSheetLayoutView="100" workbookViewId="0"/>
  </sheetViews>
  <sheetFormatPr defaultColWidth="9" defaultRowHeight="13"/>
  <cols>
    <col min="1" max="1" width="2.6328125" style="16" customWidth="1"/>
    <col min="2" max="2" width="2.90625" style="16" customWidth="1"/>
    <col min="3" max="3" width="2.6328125" style="16" customWidth="1"/>
    <col min="4" max="4" width="2.90625" style="49" customWidth="1"/>
    <col min="5" max="17" width="2.6328125" style="49" customWidth="1"/>
    <col min="18" max="18" width="6.08984375" style="55" hidden="1" customWidth="1"/>
    <col min="19" max="19" width="3.08984375" style="16" customWidth="1"/>
    <col min="20" max="23" width="2.6328125" style="16" customWidth="1"/>
    <col min="24" max="24" width="3.90625" style="16" bestFit="1" customWidth="1"/>
    <col min="25" max="25" width="4.453125" style="16" customWidth="1"/>
    <col min="26" max="28" width="2.6328125" style="16" customWidth="1"/>
    <col min="29" max="29" width="4.08984375" style="16" customWidth="1"/>
    <col min="30" max="30" width="2.6328125" style="16" customWidth="1"/>
    <col min="31" max="31" width="87" style="55" bestFit="1" customWidth="1"/>
    <col min="32" max="32" width="5.36328125" style="16" customWidth="1"/>
    <col min="33" max="16384" width="9" style="16"/>
  </cols>
  <sheetData>
    <row r="1" spans="1:33" customFormat="1" ht="39" customHeight="1">
      <c r="A1" s="79"/>
      <c r="B1" s="80" t="s">
        <v>2408</v>
      </c>
      <c r="C1" s="80"/>
      <c r="D1" s="80"/>
      <c r="E1" s="80"/>
      <c r="F1" s="80"/>
      <c r="G1" s="80"/>
      <c r="H1" s="80"/>
      <c r="I1" s="80"/>
      <c r="J1" s="80"/>
      <c r="K1" s="80"/>
      <c r="L1" s="80"/>
      <c r="M1" s="80"/>
      <c r="N1" s="80"/>
      <c r="O1" s="80"/>
      <c r="P1" s="80"/>
      <c r="Q1" s="80"/>
      <c r="R1" s="217"/>
      <c r="S1" s="80"/>
      <c r="T1" s="81"/>
      <c r="U1" s="81"/>
      <c r="V1" s="81"/>
      <c r="W1" s="81"/>
      <c r="X1" s="80"/>
      <c r="Y1" s="80"/>
      <c r="Z1" s="323"/>
      <c r="AA1" s="323"/>
      <c r="AB1" s="323"/>
      <c r="AC1" s="323"/>
      <c r="AD1" s="323"/>
      <c r="AE1" s="355"/>
      <c r="AF1" s="356"/>
      <c r="AG1" s="71"/>
    </row>
    <row r="2" spans="1:33" s="1" customFormat="1" ht="24.75" customHeight="1">
      <c r="A2" s="83"/>
      <c r="B2" s="84"/>
      <c r="C2" s="85" t="s">
        <v>3016</v>
      </c>
      <c r="D2" s="85"/>
      <c r="E2" s="86"/>
      <c r="F2" s="86"/>
      <c r="G2" s="86"/>
      <c r="H2" s="86"/>
      <c r="I2" s="86"/>
      <c r="J2" s="86"/>
      <c r="K2" s="86"/>
      <c r="L2" s="86"/>
      <c r="M2" s="86"/>
      <c r="N2" s="86"/>
      <c r="O2" s="86"/>
      <c r="P2" s="86"/>
      <c r="Q2" s="86"/>
      <c r="R2" s="86"/>
      <c r="S2" s="86"/>
      <c r="T2" s="86"/>
      <c r="U2" s="86"/>
      <c r="V2" s="86"/>
      <c r="W2" s="86"/>
      <c r="X2" s="86"/>
      <c r="Y2" s="86"/>
      <c r="Z2" s="324"/>
      <c r="AA2" s="324"/>
      <c r="AB2" s="324"/>
      <c r="AC2" s="324"/>
      <c r="AD2" s="324"/>
      <c r="AE2" s="357"/>
      <c r="AF2" s="358"/>
      <c r="AG2" s="26"/>
    </row>
    <row r="3" spans="1:33" ht="6" customHeight="1">
      <c r="A3" s="42"/>
      <c r="B3" s="43"/>
      <c r="C3" s="43"/>
      <c r="D3" s="44"/>
      <c r="E3" s="44"/>
      <c r="F3" s="44"/>
      <c r="G3" s="44"/>
      <c r="H3" s="44"/>
      <c r="I3" s="44"/>
      <c r="J3" s="44"/>
      <c r="K3" s="44"/>
      <c r="L3" s="44"/>
      <c r="M3" s="44"/>
      <c r="N3" s="44"/>
      <c r="O3" s="44"/>
      <c r="P3" s="44"/>
      <c r="Q3" s="44"/>
      <c r="R3" s="243"/>
      <c r="S3" s="45"/>
      <c r="T3" s="45"/>
      <c r="U3" s="45"/>
      <c r="V3" s="45"/>
      <c r="W3" s="45"/>
      <c r="X3" s="45"/>
      <c r="Y3" s="45"/>
      <c r="Z3" s="45"/>
      <c r="AA3" s="45"/>
      <c r="AB3" s="45"/>
      <c r="AC3" s="45"/>
      <c r="AD3" s="43"/>
      <c r="AE3" s="273"/>
      <c r="AF3" s="29"/>
    </row>
    <row r="4" spans="1:33">
      <c r="A4" s="42"/>
      <c r="B4" s="7" t="s">
        <v>339</v>
      </c>
      <c r="C4" s="8"/>
      <c r="D4" s="9"/>
      <c r="E4" s="9"/>
      <c r="F4" s="612" t="s">
        <v>340</v>
      </c>
      <c r="G4" s="613"/>
      <c r="H4" s="613"/>
      <c r="I4" s="613"/>
      <c r="J4" s="613"/>
      <c r="K4" s="613"/>
      <c r="L4" s="613"/>
      <c r="M4" s="614"/>
      <c r="N4" s="110"/>
      <c r="O4" s="9"/>
      <c r="P4" s="9"/>
      <c r="Q4" s="9"/>
      <c r="R4" s="9"/>
      <c r="S4" s="9"/>
      <c r="T4" s="9"/>
      <c r="U4" s="9"/>
      <c r="V4" s="9"/>
      <c r="W4" s="9"/>
      <c r="X4" s="9"/>
      <c r="Y4" s="9"/>
      <c r="Z4" s="250"/>
      <c r="AA4" s="250"/>
      <c r="AB4" s="250"/>
      <c r="AC4" s="250"/>
      <c r="AD4" s="250"/>
      <c r="AE4" s="243"/>
      <c r="AF4" s="29"/>
    </row>
    <row r="5" spans="1:33" s="26" customFormat="1" ht="13.5" customHeight="1">
      <c r="A5" s="46"/>
      <c r="B5" s="8"/>
      <c r="C5" s="8"/>
      <c r="D5" s="9"/>
      <c r="E5" s="9"/>
      <c r="F5" s="9"/>
      <c r="G5" s="9"/>
      <c r="H5" s="9"/>
      <c r="I5" s="9"/>
      <c r="J5" s="9"/>
      <c r="K5" s="9"/>
      <c r="L5" s="9"/>
      <c r="M5" s="9"/>
      <c r="N5" s="9"/>
      <c r="O5" s="9"/>
      <c r="P5" s="9"/>
      <c r="Q5" s="9"/>
      <c r="R5" s="9"/>
      <c r="S5" s="9"/>
      <c r="T5" s="9"/>
      <c r="U5" s="9"/>
      <c r="V5" s="9"/>
      <c r="W5" s="9"/>
      <c r="X5" s="9"/>
      <c r="Y5" s="9"/>
      <c r="Z5" s="250"/>
      <c r="AA5" s="250"/>
      <c r="AB5" s="250"/>
      <c r="AC5" s="250"/>
      <c r="AD5" s="250"/>
      <c r="AE5" s="243"/>
      <c r="AF5" s="48"/>
    </row>
    <row r="6" spans="1:33" s="26" customFormat="1" ht="13.5" customHeight="1">
      <c r="A6" s="46"/>
      <c r="B6" s="91" t="s">
        <v>341</v>
      </c>
      <c r="C6" s="91"/>
      <c r="D6" s="91"/>
      <c r="E6" s="91"/>
      <c r="F6" s="742" t="s">
        <v>2274</v>
      </c>
      <c r="G6" s="742"/>
      <c r="H6" s="743"/>
      <c r="I6" s="612"/>
      <c r="J6" s="613"/>
      <c r="K6" s="613"/>
      <c r="L6" s="613"/>
      <c r="M6" s="613"/>
      <c r="N6" s="613"/>
      <c r="O6" s="614"/>
      <c r="P6" s="744" t="s">
        <v>2275</v>
      </c>
      <c r="Q6" s="745"/>
      <c r="R6" s="745"/>
      <c r="S6" s="745"/>
      <c r="U6" s="113"/>
      <c r="V6" s="256" t="s">
        <v>2276</v>
      </c>
      <c r="W6" s="113"/>
      <c r="X6" s="113"/>
      <c r="Y6" s="113"/>
      <c r="Z6" s="243"/>
      <c r="AA6" s="243"/>
      <c r="AD6" s="47"/>
      <c r="AF6" s="29"/>
    </row>
    <row r="7" spans="1:33">
      <c r="A7" s="25"/>
      <c r="B7" s="7"/>
      <c r="C7" s="7"/>
      <c r="D7" s="7"/>
      <c r="E7" s="7"/>
      <c r="F7" s="78"/>
      <c r="G7" s="78"/>
      <c r="H7" s="78"/>
      <c r="I7" s="110"/>
      <c r="J7" s="110"/>
      <c r="K7" s="7"/>
      <c r="L7" s="110"/>
      <c r="M7" s="110"/>
      <c r="N7" s="110"/>
      <c r="O7" s="7"/>
      <c r="P7" s="1"/>
      <c r="Q7" s="110"/>
      <c r="R7" s="110"/>
      <c r="S7" s="110"/>
      <c r="T7" s="78"/>
      <c r="U7" s="78"/>
      <c r="V7" s="78"/>
      <c r="W7" s="78"/>
      <c r="X7" s="78"/>
      <c r="Y7" s="110"/>
      <c r="Z7" s="97"/>
      <c r="AA7" s="47"/>
      <c r="AB7" s="97"/>
      <c r="AC7" s="97"/>
      <c r="AD7" s="97"/>
      <c r="AE7" s="367"/>
      <c r="AF7" s="29"/>
    </row>
    <row r="8" spans="1:33">
      <c r="A8" s="25"/>
      <c r="B8" s="7" t="s">
        <v>346</v>
      </c>
      <c r="C8" s="1"/>
      <c r="D8" s="1"/>
      <c r="E8" s="1"/>
      <c r="F8" s="606"/>
      <c r="G8" s="607"/>
      <c r="H8" s="607"/>
      <c r="I8" s="607"/>
      <c r="J8" s="607"/>
      <c r="K8" s="607"/>
      <c r="L8" s="608"/>
      <c r="M8" s="110"/>
      <c r="N8" s="110"/>
      <c r="O8" s="7"/>
      <c r="P8" s="1"/>
      <c r="Q8" s="110"/>
      <c r="R8" s="110"/>
      <c r="S8" s="110"/>
      <c r="T8" s="78"/>
      <c r="U8" s="78"/>
      <c r="V8" s="78"/>
      <c r="W8" s="78"/>
      <c r="X8" s="78"/>
      <c r="Y8" s="110"/>
      <c r="Z8" s="97"/>
      <c r="AA8" s="47"/>
      <c r="AB8" s="97"/>
      <c r="AC8" s="97"/>
      <c r="AD8" s="97"/>
      <c r="AE8" s="367"/>
      <c r="AF8" s="29"/>
    </row>
    <row r="9" spans="1:33" ht="13.5" customHeight="1">
      <c r="A9" s="25"/>
      <c r="B9" s="7"/>
      <c r="C9" s="7"/>
      <c r="D9" s="7"/>
      <c r="E9" s="7"/>
      <c r="F9" s="78"/>
      <c r="G9" s="375"/>
      <c r="H9" s="375"/>
      <c r="I9" s="110"/>
      <c r="J9" s="110"/>
      <c r="K9" s="7"/>
      <c r="L9" s="110"/>
      <c r="M9" s="375"/>
      <c r="N9" s="375"/>
      <c r="O9" s="7"/>
      <c r="P9" s="1"/>
      <c r="Q9" s="110"/>
      <c r="R9" s="110"/>
      <c r="S9" s="110"/>
      <c r="T9" s="375"/>
      <c r="U9" s="375"/>
      <c r="V9" s="375"/>
      <c r="W9" s="375"/>
      <c r="X9" s="78"/>
      <c r="Y9" s="375"/>
      <c r="Z9" s="97"/>
      <c r="AA9" s="47"/>
      <c r="AB9" s="97"/>
      <c r="AC9" s="26"/>
      <c r="AD9" s="97"/>
      <c r="AE9" s="55" t="s">
        <v>348</v>
      </c>
      <c r="AF9" s="29"/>
    </row>
    <row r="10" spans="1:33">
      <c r="A10" s="25"/>
      <c r="B10" s="7" t="s">
        <v>41</v>
      </c>
      <c r="C10" s="94"/>
      <c r="D10" s="94"/>
      <c r="E10" s="94"/>
      <c r="F10" s="609"/>
      <c r="G10" s="610"/>
      <c r="H10" s="610"/>
      <c r="I10" s="610"/>
      <c r="J10" s="610"/>
      <c r="K10" s="610"/>
      <c r="L10" s="611"/>
      <c r="M10" s="1"/>
      <c r="N10" s="7" t="s">
        <v>947</v>
      </c>
      <c r="O10" s="1"/>
      <c r="P10" s="1"/>
      <c r="Q10" s="609"/>
      <c r="R10" s="610"/>
      <c r="S10" s="610"/>
      <c r="T10" s="610"/>
      <c r="U10" s="610"/>
      <c r="V10" s="610"/>
      <c r="W10" s="610"/>
      <c r="X10" s="610"/>
      <c r="Y10" s="611"/>
      <c r="Z10" s="26"/>
      <c r="AA10" s="47"/>
      <c r="AB10" s="97"/>
      <c r="AC10" s="26"/>
      <c r="AD10" s="97"/>
      <c r="AE10" s="55" t="s">
        <v>350</v>
      </c>
      <c r="AF10" s="29"/>
    </row>
    <row r="11" spans="1:33">
      <c r="A11" s="25"/>
      <c r="B11" s="7"/>
      <c r="C11" s="94"/>
      <c r="D11" s="94"/>
      <c r="E11" s="94"/>
      <c r="F11" s="97"/>
      <c r="G11" s="97"/>
      <c r="H11" s="97"/>
      <c r="I11" s="97"/>
      <c r="J11" s="97"/>
      <c r="K11" s="97"/>
      <c r="L11" s="97"/>
      <c r="M11" s="1"/>
      <c r="N11" s="7"/>
      <c r="O11" s="1"/>
      <c r="P11" s="1"/>
      <c r="Q11" s="97"/>
      <c r="R11" s="97"/>
      <c r="S11" s="97"/>
      <c r="T11" s="97"/>
      <c r="U11" s="97"/>
      <c r="V11" s="97"/>
      <c r="W11" s="97"/>
      <c r="X11" s="97"/>
      <c r="Y11" s="97"/>
      <c r="Z11" s="26"/>
      <c r="AA11" s="47"/>
      <c r="AB11" s="97"/>
      <c r="AC11" s="26"/>
      <c r="AD11" s="97"/>
      <c r="AE11" s="55" t="s">
        <v>351</v>
      </c>
      <c r="AF11" s="29"/>
    </row>
    <row r="12" spans="1:33" ht="13.5" customHeight="1">
      <c r="A12" s="25"/>
      <c r="B12" s="7" t="s">
        <v>349</v>
      </c>
      <c r="C12" s="1"/>
      <c r="D12" s="1"/>
      <c r="E12" s="1"/>
      <c r="F12" s="606"/>
      <c r="G12" s="607"/>
      <c r="H12" s="607"/>
      <c r="I12" s="607"/>
      <c r="J12" s="607"/>
      <c r="K12" s="607"/>
      <c r="L12" s="607"/>
      <c r="M12" s="607"/>
      <c r="N12" s="607"/>
      <c r="O12" s="607"/>
      <c r="P12" s="607"/>
      <c r="Q12" s="607"/>
      <c r="R12" s="607"/>
      <c r="S12" s="608"/>
      <c r="T12" s="1"/>
      <c r="U12" s="1"/>
      <c r="V12" s="1"/>
      <c r="W12" s="1"/>
      <c r="X12" s="1"/>
      <c r="Y12" s="97"/>
      <c r="Z12" s="26"/>
      <c r="AA12" s="47"/>
      <c r="AB12" s="97"/>
      <c r="AC12" s="26"/>
      <c r="AD12" s="97"/>
      <c r="AE12" s="55" t="s">
        <v>352</v>
      </c>
      <c r="AF12" s="29"/>
    </row>
    <row r="13" spans="1:33" s="26" customFormat="1">
      <c r="A13" s="20"/>
      <c r="B13" s="7"/>
      <c r="C13" s="1"/>
      <c r="D13" s="1"/>
      <c r="E13" s="1"/>
      <c r="F13" s="1"/>
      <c r="G13" s="1"/>
      <c r="H13" s="1"/>
      <c r="I13" s="1"/>
      <c r="J13" s="1"/>
      <c r="K13" s="1"/>
      <c r="L13" s="1"/>
      <c r="M13" s="1"/>
      <c r="N13" s="1"/>
      <c r="O13" s="1"/>
      <c r="P13" s="1"/>
      <c r="Q13" s="1"/>
      <c r="R13" s="1"/>
      <c r="S13" s="1"/>
      <c r="T13" s="1"/>
      <c r="U13" s="1"/>
      <c r="V13" s="1"/>
      <c r="W13" s="1"/>
      <c r="X13" s="1"/>
      <c r="Y13" s="97"/>
      <c r="AA13" s="47"/>
      <c r="AB13" s="97"/>
      <c r="AC13" s="97"/>
      <c r="AD13" s="97"/>
      <c r="AF13" s="48"/>
    </row>
    <row r="14" spans="1:33" ht="13.5" customHeight="1">
      <c r="A14" s="25"/>
      <c r="B14" s="1"/>
      <c r="C14" s="1"/>
      <c r="D14" s="1"/>
      <c r="E14" s="1"/>
      <c r="F14" s="606"/>
      <c r="G14" s="607"/>
      <c r="H14" s="607"/>
      <c r="I14" s="607"/>
      <c r="J14" s="607"/>
      <c r="K14" s="607"/>
      <c r="L14" s="607"/>
      <c r="M14" s="607"/>
      <c r="N14" s="607"/>
      <c r="O14" s="607"/>
      <c r="P14" s="607"/>
      <c r="Q14" s="607"/>
      <c r="R14" s="607"/>
      <c r="S14" s="608"/>
      <c r="T14" s="1"/>
      <c r="U14" s="1"/>
      <c r="V14" s="1"/>
      <c r="W14" s="1"/>
      <c r="X14" s="1"/>
      <c r="Y14" s="97"/>
      <c r="Z14" s="26"/>
      <c r="AA14" s="47"/>
      <c r="AB14" s="97"/>
      <c r="AC14" s="97"/>
      <c r="AD14" s="97"/>
      <c r="AE14" s="367"/>
      <c r="AF14" s="29"/>
    </row>
    <row r="15" spans="1:33" ht="13.5" customHeight="1">
      <c r="A15" s="25"/>
      <c r="B15" s="7"/>
      <c r="C15" s="94"/>
      <c r="D15" s="94"/>
      <c r="E15" s="94"/>
      <c r="F15" s="97"/>
      <c r="G15" s="97"/>
      <c r="H15" s="97"/>
      <c r="I15" s="97"/>
      <c r="J15" s="97"/>
      <c r="K15" s="97"/>
      <c r="L15" s="97"/>
      <c r="M15" s="1"/>
      <c r="N15" s="7"/>
      <c r="O15" s="1"/>
      <c r="P15" s="1"/>
      <c r="Q15" s="97"/>
      <c r="R15" s="97"/>
      <c r="S15" s="97"/>
      <c r="T15" s="97"/>
      <c r="U15" s="97"/>
      <c r="V15" s="97"/>
      <c r="W15" s="97"/>
      <c r="X15" s="97"/>
      <c r="Y15" s="97"/>
      <c r="Z15" s="26"/>
      <c r="AA15" s="47"/>
      <c r="AB15" s="97"/>
      <c r="AC15" s="97"/>
      <c r="AD15" s="97"/>
      <c r="AE15" s="26" t="s">
        <v>375</v>
      </c>
      <c r="AF15" s="29"/>
    </row>
    <row r="16" spans="1:33" ht="13.5" customHeight="1">
      <c r="A16" s="25"/>
      <c r="B16" s="7"/>
      <c r="C16" s="94"/>
      <c r="D16" s="94"/>
      <c r="E16" s="94"/>
      <c r="F16" s="606"/>
      <c r="G16" s="607"/>
      <c r="H16" s="607"/>
      <c r="I16" s="607"/>
      <c r="J16" s="607"/>
      <c r="K16" s="607"/>
      <c r="L16" s="607"/>
      <c r="M16" s="607"/>
      <c r="N16" s="607"/>
      <c r="O16" s="607"/>
      <c r="P16" s="607"/>
      <c r="Q16" s="607"/>
      <c r="R16" s="607"/>
      <c r="S16" s="608"/>
      <c r="T16" s="97"/>
      <c r="U16" s="97"/>
      <c r="V16" s="97"/>
      <c r="W16" s="97"/>
      <c r="X16" s="97"/>
      <c r="Y16" s="97"/>
      <c r="Z16" s="26"/>
      <c r="AA16" s="47"/>
      <c r="AB16" s="97"/>
      <c r="AC16" s="97"/>
      <c r="AD16" s="97"/>
      <c r="AE16" s="367"/>
      <c r="AF16" s="29"/>
    </row>
    <row r="17" spans="1:32" ht="15" customHeight="1">
      <c r="A17" s="51"/>
      <c r="B17" s="43"/>
      <c r="C17" s="43"/>
      <c r="D17" s="44"/>
      <c r="E17" s="44"/>
      <c r="F17" s="44"/>
      <c r="G17" s="44"/>
      <c r="H17" s="44"/>
      <c r="I17" s="44"/>
      <c r="J17" s="44"/>
      <c r="K17" s="44"/>
      <c r="L17" s="44"/>
      <c r="M17" s="44"/>
      <c r="N17" s="44"/>
      <c r="O17" s="44"/>
      <c r="P17" s="44"/>
      <c r="Q17" s="44"/>
      <c r="R17" s="243"/>
      <c r="S17" s="45"/>
      <c r="T17" s="45"/>
      <c r="U17" s="45"/>
      <c r="V17" s="45"/>
      <c r="W17" s="45"/>
      <c r="X17" s="45"/>
      <c r="Y17" s="45"/>
      <c r="Z17" s="45"/>
      <c r="AA17" s="45"/>
      <c r="AB17" s="45"/>
      <c r="AC17" s="45"/>
      <c r="AD17" s="43"/>
      <c r="AE17" s="273"/>
      <c r="AF17" s="29"/>
    </row>
    <row r="18" spans="1:32" ht="13.5" customHeight="1">
      <c r="A18" s="51"/>
      <c r="B18" s="583" t="s">
        <v>73</v>
      </c>
      <c r="C18" s="573"/>
      <c r="D18" s="572" t="s">
        <v>94</v>
      </c>
      <c r="E18" s="572"/>
      <c r="F18" s="572"/>
      <c r="G18" s="572"/>
      <c r="H18" s="572"/>
      <c r="I18" s="572"/>
      <c r="J18" s="572"/>
      <c r="K18" s="572"/>
      <c r="L18" s="572"/>
      <c r="M18" s="572"/>
      <c r="N18" s="572"/>
      <c r="O18" s="572"/>
      <c r="P18" s="572"/>
      <c r="Q18" s="572"/>
      <c r="R18" s="226" t="s">
        <v>383</v>
      </c>
      <c r="S18" s="572" t="s">
        <v>138</v>
      </c>
      <c r="T18" s="572"/>
      <c r="U18" s="736" t="s">
        <v>959</v>
      </c>
      <c r="V18" s="737"/>
      <c r="W18" s="738"/>
      <c r="X18" s="572" t="s">
        <v>97</v>
      </c>
      <c r="Y18" s="572"/>
      <c r="Z18" s="572" t="s">
        <v>98</v>
      </c>
      <c r="AA18" s="572"/>
      <c r="AB18" s="583" t="s">
        <v>75</v>
      </c>
      <c r="AC18" s="583"/>
      <c r="AD18" s="583"/>
      <c r="AE18" s="572" t="s">
        <v>159</v>
      </c>
      <c r="AF18" s="37"/>
    </row>
    <row r="19" spans="1:32" ht="12.75" customHeight="1">
      <c r="A19" s="51"/>
      <c r="B19" s="573"/>
      <c r="C19" s="573"/>
      <c r="D19" s="572"/>
      <c r="E19" s="572"/>
      <c r="F19" s="572"/>
      <c r="G19" s="572"/>
      <c r="H19" s="572"/>
      <c r="I19" s="572"/>
      <c r="J19" s="572"/>
      <c r="K19" s="572"/>
      <c r="L19" s="572"/>
      <c r="M19" s="572"/>
      <c r="N19" s="572"/>
      <c r="O19" s="572"/>
      <c r="P19" s="572"/>
      <c r="Q19" s="572"/>
      <c r="R19" s="227"/>
      <c r="S19" s="572"/>
      <c r="T19" s="572"/>
      <c r="U19" s="739"/>
      <c r="V19" s="740"/>
      <c r="W19" s="741"/>
      <c r="X19" s="572"/>
      <c r="Y19" s="572"/>
      <c r="Z19" s="572"/>
      <c r="AA19" s="572"/>
      <c r="AB19" s="583"/>
      <c r="AC19" s="583"/>
      <c r="AD19" s="583"/>
      <c r="AE19" s="572"/>
      <c r="AF19" s="37"/>
    </row>
    <row r="20" spans="1:32" s="54" customFormat="1">
      <c r="A20" s="19"/>
      <c r="B20" s="644">
        <v>1</v>
      </c>
      <c r="C20" s="645"/>
      <c r="D20" s="543" t="s">
        <v>113</v>
      </c>
      <c r="E20" s="544"/>
      <c r="F20" s="544"/>
      <c r="G20" s="544"/>
      <c r="H20" s="544"/>
      <c r="I20" s="544"/>
      <c r="J20" s="544"/>
      <c r="K20" s="544"/>
      <c r="L20" s="544"/>
      <c r="M20" s="544"/>
      <c r="N20" s="544"/>
      <c r="O20" s="544"/>
      <c r="P20" s="544"/>
      <c r="Q20" s="545"/>
      <c r="R20" s="219" t="s">
        <v>449</v>
      </c>
      <c r="S20" s="546" t="s">
        <v>101</v>
      </c>
      <c r="T20" s="548"/>
      <c r="U20" s="623" t="s">
        <v>1120</v>
      </c>
      <c r="V20" s="624"/>
      <c r="W20" s="625"/>
      <c r="X20" s="210">
        <v>64</v>
      </c>
      <c r="Y20" s="421" t="s">
        <v>2630</v>
      </c>
      <c r="Z20" s="700"/>
      <c r="AA20" s="700"/>
      <c r="AB20" s="592"/>
      <c r="AC20" s="592"/>
      <c r="AD20" s="592"/>
      <c r="AE20" s="118"/>
      <c r="AF20" s="38"/>
    </row>
    <row r="21" spans="1:32" s="54" customFormat="1" ht="13.4" customHeight="1">
      <c r="A21" s="19"/>
      <c r="B21" s="644">
        <v>2</v>
      </c>
      <c r="C21" s="645"/>
      <c r="D21" s="563" t="s">
        <v>2396</v>
      </c>
      <c r="E21" s="564"/>
      <c r="F21" s="564"/>
      <c r="G21" s="564"/>
      <c r="H21" s="564"/>
      <c r="I21" s="564"/>
      <c r="J21" s="564"/>
      <c r="K21" s="564"/>
      <c r="L21" s="564"/>
      <c r="M21" s="564"/>
      <c r="N21" s="564"/>
      <c r="O21" s="564"/>
      <c r="P21" s="564"/>
      <c r="Q21" s="565"/>
      <c r="R21" s="221" t="s">
        <v>453</v>
      </c>
      <c r="S21" s="546" t="s">
        <v>107</v>
      </c>
      <c r="T21" s="548"/>
      <c r="U21" s="623" t="s">
        <v>102</v>
      </c>
      <c r="V21" s="624"/>
      <c r="W21" s="625"/>
      <c r="X21" s="210">
        <v>6</v>
      </c>
      <c r="Y21" s="421" t="s">
        <v>2630</v>
      </c>
      <c r="Z21" s="700"/>
      <c r="AA21" s="700"/>
      <c r="AB21" s="592"/>
      <c r="AC21" s="592"/>
      <c r="AD21" s="592"/>
      <c r="AE21" s="118"/>
      <c r="AF21" s="38"/>
    </row>
    <row r="22" spans="1:32" s="54" customFormat="1" ht="13.4" customHeight="1">
      <c r="A22" s="19"/>
      <c r="B22" s="644">
        <v>3</v>
      </c>
      <c r="C22" s="645"/>
      <c r="D22" s="563" t="s">
        <v>3017</v>
      </c>
      <c r="E22" s="564"/>
      <c r="F22" s="564"/>
      <c r="G22" s="564"/>
      <c r="H22" s="564"/>
      <c r="I22" s="564"/>
      <c r="J22" s="564"/>
      <c r="K22" s="564"/>
      <c r="L22" s="564"/>
      <c r="M22" s="564"/>
      <c r="N22" s="564"/>
      <c r="O22" s="564"/>
      <c r="P22" s="564"/>
      <c r="Q22" s="565"/>
      <c r="R22" s="221" t="s">
        <v>2971</v>
      </c>
      <c r="S22" s="541" t="s">
        <v>107</v>
      </c>
      <c r="T22" s="542"/>
      <c r="U22" s="747" t="s">
        <v>102</v>
      </c>
      <c r="V22" s="748"/>
      <c r="W22" s="749"/>
      <c r="X22" s="213">
        <v>2</v>
      </c>
      <c r="Y22" s="421" t="s">
        <v>2630</v>
      </c>
      <c r="Z22" s="700"/>
      <c r="AA22" s="700"/>
      <c r="AB22" s="592"/>
      <c r="AC22" s="592"/>
      <c r="AD22" s="592"/>
      <c r="AE22" s="118"/>
      <c r="AF22" s="38"/>
    </row>
    <row r="23" spans="1:32" s="54" customFormat="1">
      <c r="A23" s="19"/>
      <c r="B23" s="644">
        <v>4</v>
      </c>
      <c r="C23" s="645"/>
      <c r="D23" s="543" t="s">
        <v>3018</v>
      </c>
      <c r="E23" s="544"/>
      <c r="F23" s="544"/>
      <c r="G23" s="544"/>
      <c r="H23" s="544"/>
      <c r="I23" s="544"/>
      <c r="J23" s="544"/>
      <c r="K23" s="544"/>
      <c r="L23" s="544"/>
      <c r="M23" s="544"/>
      <c r="N23" s="544"/>
      <c r="O23" s="544"/>
      <c r="P23" s="544"/>
      <c r="Q23" s="545"/>
      <c r="R23" s="229" t="s">
        <v>2973</v>
      </c>
      <c r="S23" s="546" t="s">
        <v>107</v>
      </c>
      <c r="T23" s="548"/>
      <c r="U23" s="623" t="s">
        <v>102</v>
      </c>
      <c r="V23" s="624"/>
      <c r="W23" s="625"/>
      <c r="X23" s="210">
        <v>4</v>
      </c>
      <c r="Y23" s="421" t="s">
        <v>2630</v>
      </c>
      <c r="Z23" s="700"/>
      <c r="AA23" s="700"/>
      <c r="AB23" s="592"/>
      <c r="AC23" s="592"/>
      <c r="AD23" s="592"/>
      <c r="AE23" s="118"/>
      <c r="AF23" s="38"/>
    </row>
    <row r="24" spans="1:32" s="57" customFormat="1" ht="13.4" customHeight="1">
      <c r="A24" s="56"/>
      <c r="B24" s="644">
        <v>5</v>
      </c>
      <c r="C24" s="645"/>
      <c r="D24" s="563" t="s">
        <v>454</v>
      </c>
      <c r="E24" s="564"/>
      <c r="F24" s="564"/>
      <c r="G24" s="564"/>
      <c r="H24" s="564"/>
      <c r="I24" s="564"/>
      <c r="J24" s="564"/>
      <c r="K24" s="564"/>
      <c r="L24" s="564"/>
      <c r="M24" s="564"/>
      <c r="N24" s="564"/>
      <c r="O24" s="564"/>
      <c r="P24" s="564"/>
      <c r="Q24" s="565"/>
      <c r="R24" s="244" t="s">
        <v>455</v>
      </c>
      <c r="S24" s="546" t="s">
        <v>107</v>
      </c>
      <c r="T24" s="548"/>
      <c r="U24" s="623" t="s">
        <v>102</v>
      </c>
      <c r="V24" s="624"/>
      <c r="W24" s="625"/>
      <c r="X24" s="210">
        <v>1</v>
      </c>
      <c r="Y24" s="421" t="s">
        <v>2630</v>
      </c>
      <c r="Z24" s="700"/>
      <c r="AA24" s="700"/>
      <c r="AB24" s="592"/>
      <c r="AC24" s="592"/>
      <c r="AD24" s="592"/>
      <c r="AE24" s="118"/>
      <c r="AF24" s="39"/>
    </row>
    <row r="25" spans="1:32" s="57" customFormat="1" ht="13.4" customHeight="1">
      <c r="A25" s="56"/>
      <c r="B25" s="644">
        <v>6</v>
      </c>
      <c r="C25" s="645"/>
      <c r="D25" s="563" t="s">
        <v>2293</v>
      </c>
      <c r="E25" s="564"/>
      <c r="F25" s="564"/>
      <c r="G25" s="564"/>
      <c r="H25" s="564"/>
      <c r="I25" s="564"/>
      <c r="J25" s="564"/>
      <c r="K25" s="564"/>
      <c r="L25" s="564"/>
      <c r="M25" s="564"/>
      <c r="N25" s="564"/>
      <c r="O25" s="564"/>
      <c r="P25" s="564"/>
      <c r="Q25" s="565"/>
      <c r="R25" s="244" t="s">
        <v>2294</v>
      </c>
      <c r="S25" s="541" t="s">
        <v>1844</v>
      </c>
      <c r="T25" s="542"/>
      <c r="U25" s="747" t="s">
        <v>102</v>
      </c>
      <c r="V25" s="748"/>
      <c r="W25" s="749"/>
      <c r="X25" s="213">
        <v>3</v>
      </c>
      <c r="Y25" s="421" t="s">
        <v>2630</v>
      </c>
      <c r="Z25" s="700"/>
      <c r="AA25" s="700"/>
      <c r="AB25" s="592"/>
      <c r="AC25" s="592"/>
      <c r="AD25" s="592"/>
      <c r="AE25" s="118"/>
      <c r="AF25" s="39"/>
    </row>
    <row r="26" spans="1:32" s="57" customFormat="1" ht="13" customHeight="1">
      <c r="A26" s="56"/>
      <c r="B26" s="644">
        <v>7</v>
      </c>
      <c r="C26" s="645"/>
      <c r="D26" s="543" t="s">
        <v>3048</v>
      </c>
      <c r="E26" s="544"/>
      <c r="F26" s="544"/>
      <c r="G26" s="544"/>
      <c r="H26" s="544"/>
      <c r="I26" s="544"/>
      <c r="J26" s="544"/>
      <c r="K26" s="544"/>
      <c r="L26" s="544"/>
      <c r="M26" s="544"/>
      <c r="N26" s="544"/>
      <c r="O26" s="544"/>
      <c r="P26" s="544"/>
      <c r="Q26" s="545"/>
      <c r="R26" s="244" t="s">
        <v>550</v>
      </c>
      <c r="S26" s="546" t="s">
        <v>101</v>
      </c>
      <c r="T26" s="548"/>
      <c r="U26" s="623" t="s">
        <v>102</v>
      </c>
      <c r="V26" s="624"/>
      <c r="W26" s="625"/>
      <c r="X26" s="210">
        <v>8</v>
      </c>
      <c r="Y26" s="421" t="s">
        <v>2630</v>
      </c>
      <c r="Z26" s="700"/>
      <c r="AA26" s="700"/>
      <c r="AB26" s="592"/>
      <c r="AC26" s="592"/>
      <c r="AD26" s="592"/>
      <c r="AE26" s="265" t="s">
        <v>3020</v>
      </c>
      <c r="AF26" s="39"/>
    </row>
    <row r="27" spans="1:32" s="57" customFormat="1" ht="13.4" customHeight="1">
      <c r="A27" s="56"/>
      <c r="B27" s="644">
        <v>8</v>
      </c>
      <c r="C27" s="645"/>
      <c r="D27" s="563" t="s">
        <v>2992</v>
      </c>
      <c r="E27" s="564"/>
      <c r="F27" s="564"/>
      <c r="G27" s="564"/>
      <c r="H27" s="564"/>
      <c r="I27" s="564"/>
      <c r="J27" s="564"/>
      <c r="K27" s="564"/>
      <c r="L27" s="564"/>
      <c r="M27" s="564"/>
      <c r="N27" s="564"/>
      <c r="O27" s="564"/>
      <c r="P27" s="564"/>
      <c r="Q27" s="565"/>
      <c r="R27" s="221" t="s">
        <v>554</v>
      </c>
      <c r="S27" s="541" t="s">
        <v>107</v>
      </c>
      <c r="T27" s="542"/>
      <c r="U27" s="747" t="s">
        <v>2362</v>
      </c>
      <c r="V27" s="748"/>
      <c r="W27" s="749"/>
      <c r="X27" s="213"/>
      <c r="Y27" s="213"/>
      <c r="Z27" s="700"/>
      <c r="AA27" s="700"/>
      <c r="AB27" s="592"/>
      <c r="AC27" s="592"/>
      <c r="AD27" s="592"/>
      <c r="AE27" s="118"/>
      <c r="AF27" s="39"/>
    </row>
    <row r="28" spans="1:32">
      <c r="A28" s="25"/>
      <c r="R28" s="395"/>
      <c r="AF28" s="29"/>
    </row>
    <row r="29" spans="1:32">
      <c r="A29" s="25"/>
      <c r="AF29" s="29"/>
    </row>
    <row r="30" spans="1:32">
      <c r="A30" s="25"/>
      <c r="B30" s="27" t="s">
        <v>908</v>
      </c>
      <c r="AF30" s="29"/>
    </row>
    <row r="31" spans="1:32">
      <c r="A31" s="25"/>
      <c r="AF31" s="29"/>
    </row>
    <row r="32" spans="1:32">
      <c r="A32" s="25"/>
      <c r="AF32" s="29"/>
    </row>
    <row r="33" spans="1:32">
      <c r="A33" s="25"/>
      <c r="AF33" s="29"/>
    </row>
    <row r="34" spans="1:32">
      <c r="A34" s="25"/>
      <c r="AF34" s="29"/>
    </row>
    <row r="35" spans="1:32">
      <c r="A35" s="25"/>
      <c r="AF35" s="29"/>
    </row>
    <row r="36" spans="1:32">
      <c r="A36" s="21"/>
      <c r="B36" s="22"/>
      <c r="C36" s="22"/>
      <c r="D36" s="61"/>
      <c r="E36" s="61"/>
      <c r="F36" s="61"/>
      <c r="G36" s="61"/>
      <c r="H36" s="61"/>
      <c r="I36" s="61"/>
      <c r="J36" s="61"/>
      <c r="K36" s="61"/>
      <c r="L36" s="61"/>
      <c r="M36" s="61"/>
      <c r="N36" s="61"/>
      <c r="O36" s="61"/>
      <c r="P36" s="61"/>
      <c r="Q36" s="61"/>
      <c r="R36" s="245"/>
      <c r="S36" s="22"/>
      <c r="T36" s="22"/>
      <c r="U36" s="22"/>
      <c r="V36" s="22"/>
      <c r="W36" s="22"/>
      <c r="X36" s="22"/>
      <c r="Y36" s="22"/>
      <c r="Z36" s="22"/>
      <c r="AA36" s="22"/>
      <c r="AB36" s="22"/>
      <c r="AC36" s="22"/>
      <c r="AD36" s="22"/>
      <c r="AE36" s="245"/>
      <c r="AF36" s="62"/>
    </row>
    <row r="44" spans="1:32" hidden="1">
      <c r="A44" t="s">
        <v>909</v>
      </c>
      <c r="B44" t="s">
        <v>910</v>
      </c>
      <c r="C44" t="s">
        <v>911</v>
      </c>
      <c r="D44" t="s">
        <v>912</v>
      </c>
      <c r="E44" t="s">
        <v>913</v>
      </c>
      <c r="F44" t="s">
        <v>914</v>
      </c>
      <c r="G44" t="s">
        <v>98</v>
      </c>
    </row>
    <row r="45" spans="1:32" hidden="1">
      <c r="A45" t="s">
        <v>340</v>
      </c>
      <c r="B45" t="s">
        <v>915</v>
      </c>
      <c r="C45" s="3" t="s">
        <v>82</v>
      </c>
      <c r="D45" t="s">
        <v>916</v>
      </c>
      <c r="E45" t="s">
        <v>917</v>
      </c>
      <c r="F45" t="s">
        <v>918</v>
      </c>
      <c r="G45" t="s">
        <v>919</v>
      </c>
    </row>
    <row r="46" spans="1:32" hidden="1">
      <c r="A46" t="s">
        <v>920</v>
      </c>
      <c r="B46" t="s">
        <v>2661</v>
      </c>
      <c r="C46" s="3" t="s">
        <v>922</v>
      </c>
      <c r="D46" t="s">
        <v>923</v>
      </c>
      <c r="E46" t="s">
        <v>924</v>
      </c>
      <c r="F46" t="s">
        <v>925</v>
      </c>
      <c r="G46" t="s">
        <v>926</v>
      </c>
    </row>
    <row r="47" spans="1:32" hidden="1">
      <c r="A47" t="s">
        <v>927</v>
      </c>
      <c r="B47"/>
      <c r="C47" s="3" t="s">
        <v>928</v>
      </c>
      <c r="D47"/>
      <c r="E47" t="s">
        <v>929</v>
      </c>
      <c r="F47" t="s">
        <v>930</v>
      </c>
      <c r="G47"/>
    </row>
    <row r="48" spans="1:32" hidden="1">
      <c r="A48"/>
      <c r="B48"/>
      <c r="C48" s="3" t="s">
        <v>931</v>
      </c>
      <c r="D48"/>
      <c r="E48" t="s">
        <v>932</v>
      </c>
      <c r="F48" t="s">
        <v>933</v>
      </c>
      <c r="G48"/>
    </row>
    <row r="49" spans="1:7" hidden="1">
      <c r="A49"/>
      <c r="B49"/>
      <c r="C49" s="3" t="s">
        <v>230</v>
      </c>
      <c r="D49"/>
      <c r="E49"/>
      <c r="F49" t="s">
        <v>934</v>
      </c>
      <c r="G49"/>
    </row>
    <row r="50" spans="1:7" hidden="1">
      <c r="A50"/>
      <c r="B50"/>
      <c r="C50" s="3" t="s">
        <v>177</v>
      </c>
      <c r="D50"/>
      <c r="E50"/>
      <c r="F50" t="s">
        <v>935</v>
      </c>
      <c r="G50"/>
    </row>
    <row r="51" spans="1:7" hidden="1">
      <c r="A51"/>
      <c r="B51"/>
      <c r="C51"/>
      <c r="D51"/>
      <c r="E51"/>
      <c r="F51" t="s">
        <v>936</v>
      </c>
      <c r="G51"/>
    </row>
    <row r="52" spans="1:7" hidden="1">
      <c r="A52"/>
      <c r="B52"/>
      <c r="C52"/>
      <c r="D52"/>
      <c r="E52"/>
      <c r="F52" t="s">
        <v>937</v>
      </c>
      <c r="G52"/>
    </row>
    <row r="53" spans="1:7" hidden="1">
      <c r="A53"/>
      <c r="B53"/>
      <c r="C53"/>
      <c r="D53"/>
      <c r="E53"/>
      <c r="F53" t="s">
        <v>938</v>
      </c>
      <c r="G53"/>
    </row>
    <row r="54" spans="1:7" hidden="1">
      <c r="A54"/>
      <c r="B54"/>
      <c r="C54"/>
      <c r="D54"/>
      <c r="E54"/>
      <c r="F54" t="s">
        <v>939</v>
      </c>
      <c r="G54"/>
    </row>
    <row r="55" spans="1:7" hidden="1">
      <c r="A55"/>
      <c r="B55"/>
      <c r="C55"/>
      <c r="D55"/>
      <c r="E55"/>
      <c r="F55" t="s">
        <v>940</v>
      </c>
      <c r="G55"/>
    </row>
    <row r="56" spans="1:7" hidden="1">
      <c r="A56"/>
      <c r="B56"/>
      <c r="C56"/>
      <c r="D56"/>
      <c r="E56"/>
      <c r="F56" t="s">
        <v>941</v>
      </c>
      <c r="G56"/>
    </row>
    <row r="57" spans="1:7" hidden="1">
      <c r="F57" t="s">
        <v>942</v>
      </c>
    </row>
    <row r="58" spans="1:7" hidden="1">
      <c r="F58" t="s">
        <v>943</v>
      </c>
    </row>
    <row r="59" spans="1:7" hidden="1">
      <c r="F59" t="s">
        <v>944</v>
      </c>
    </row>
    <row r="60" spans="1:7" hidden="1">
      <c r="F60" t="s">
        <v>945</v>
      </c>
    </row>
    <row r="61" spans="1:7" hidden="1"/>
  </sheetData>
  <mergeCells count="66">
    <mergeCell ref="F10:L10"/>
    <mergeCell ref="Q10:Y10"/>
    <mergeCell ref="F4:M4"/>
    <mergeCell ref="F6:H6"/>
    <mergeCell ref="I6:O6"/>
    <mergeCell ref="P6:S6"/>
    <mergeCell ref="F8:L8"/>
    <mergeCell ref="F12:S12"/>
    <mergeCell ref="F14:S14"/>
    <mergeCell ref="F16:S16"/>
    <mergeCell ref="B18:C19"/>
    <mergeCell ref="D18:Q19"/>
    <mergeCell ref="S18:T19"/>
    <mergeCell ref="U18:W19"/>
    <mergeCell ref="X18:Y19"/>
    <mergeCell ref="Z18:AA19"/>
    <mergeCell ref="AB18:AD19"/>
    <mergeCell ref="AE18:AE19"/>
    <mergeCell ref="AB20:AD20"/>
    <mergeCell ref="B21:C21"/>
    <mergeCell ref="D21:Q21"/>
    <mergeCell ref="S21:T21"/>
    <mergeCell ref="U21:W21"/>
    <mergeCell ref="Z21:AA21"/>
    <mergeCell ref="AB21:AD21"/>
    <mergeCell ref="B20:C20"/>
    <mergeCell ref="D20:Q20"/>
    <mergeCell ref="S20:T20"/>
    <mergeCell ref="U20:W20"/>
    <mergeCell ref="Z20:AA20"/>
    <mergeCell ref="AB23:AD23"/>
    <mergeCell ref="B22:C22"/>
    <mergeCell ref="D22:Q22"/>
    <mergeCell ref="S22:T22"/>
    <mergeCell ref="U22:W22"/>
    <mergeCell ref="Z22:AA22"/>
    <mergeCell ref="AB22:AD22"/>
    <mergeCell ref="B23:C23"/>
    <mergeCell ref="D23:Q23"/>
    <mergeCell ref="S23:T23"/>
    <mergeCell ref="U23:W23"/>
    <mergeCell ref="Z23:AA23"/>
    <mergeCell ref="AB25:AD25"/>
    <mergeCell ref="B24:C24"/>
    <mergeCell ref="D24:Q24"/>
    <mergeCell ref="S24:T24"/>
    <mergeCell ref="U24:W24"/>
    <mergeCell ref="Z24:AA24"/>
    <mergeCell ref="AB24:AD24"/>
    <mergeCell ref="B25:C25"/>
    <mergeCell ref="D25:Q25"/>
    <mergeCell ref="S25:T25"/>
    <mergeCell ref="U25:W25"/>
    <mergeCell ref="Z25:AA25"/>
    <mergeCell ref="AB27:AD27"/>
    <mergeCell ref="B26:C26"/>
    <mergeCell ref="D26:Q26"/>
    <mergeCell ref="S26:T26"/>
    <mergeCell ref="U26:W26"/>
    <mergeCell ref="Z26:AA26"/>
    <mergeCell ref="AB26:AD26"/>
    <mergeCell ref="B27:C27"/>
    <mergeCell ref="D27:Q27"/>
    <mergeCell ref="S27:T27"/>
    <mergeCell ref="U27:W27"/>
    <mergeCell ref="Z27:AA27"/>
  </mergeCells>
  <phoneticPr fontId="24"/>
  <conditionalFormatting sqref="AE26">
    <cfRule type="expression" dxfId="0" priority="1">
      <formula>$AN26="□"</formula>
    </cfRule>
  </conditionalFormatting>
  <dataValidations count="8">
    <dataValidation type="list" allowBlank="1" showInputMessage="1" showErrorMessage="1" sqref="I6:O6" xr:uid="{CD02CC51-7218-4FD6-9468-32400AE218A0}">
      <formula1>"1,2,3,4,5,6,7,8,9,10,11,12,13,14,15,16,17,18,19,20,21,22,23,24"</formula1>
    </dataValidation>
    <dataValidation type="list" allowBlank="1" showInputMessage="1" showErrorMessage="1" sqref="F12:S12 F16:S16 F14:S14" xr:uid="{04667CBA-1521-43FA-81F6-7C3F935673BC}">
      <formula1>$F$45:$F$60</formula1>
    </dataValidation>
    <dataValidation type="list" allowBlank="1" showInputMessage="1" showErrorMessage="1" sqref="AB20:AD27" xr:uid="{4714B016-A6E9-4ED2-A063-B765EDAD6E55}">
      <formula1>$C$45:$C$50</formula1>
    </dataValidation>
    <dataValidation type="list" allowBlank="1" showInputMessage="1" showErrorMessage="1" sqref="Q10:Y10" xr:uid="{A4AE035E-CDDC-4607-AEBB-7C2F06F76864}">
      <formula1>$E$45:$E$48</formula1>
    </dataValidation>
    <dataValidation type="list" allowBlank="1" showInputMessage="1" showErrorMessage="1" sqref="F4:M4" xr:uid="{AB9C81DD-7BD3-488B-99F5-5CE2E8E30501}">
      <formula1>$A$45:$A$47</formula1>
    </dataValidation>
    <dataValidation type="list" allowBlank="1" showInputMessage="1" showErrorMessage="1" sqref="F8:L8" xr:uid="{E2BD65E3-6CFC-434F-8080-78845219CCD8}">
      <formula1>$B$45:$B$46</formula1>
    </dataValidation>
    <dataValidation type="list" allowBlank="1" showInputMessage="1" showErrorMessage="1" sqref="Z20:AA27" xr:uid="{DAD708BF-7AD6-4BC9-804F-C9893B9F406B}">
      <formula1>"○,×"</formula1>
    </dataValidation>
    <dataValidation type="list" allowBlank="1" showInputMessage="1" showErrorMessage="1" sqref="F10:L10" xr:uid="{071B7513-186C-48A3-BEBF-EAE46DEBCDA7}">
      <formula1>"する,しない"</formula1>
    </dataValidation>
  </dataValidations>
  <pageMargins left="0.19685039370078741" right="0.19685039370078741" top="0.39370078740157483" bottom="0.39370078740157483" header="0.19685039370078741" footer="0.19685039370078741"/>
  <pageSetup paperSize="9" scale="83" fitToHeight="0" orientation="landscape" r:id="rId1"/>
  <headerFooter alignWithMargins="0">
    <oddFooter>&amp;C&amp;P</oddFooter>
  </headerFooter>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429B29F-10BB-4D3D-890C-B56888B8E623}">
  <sheetPr codeName="Sheet2">
    <pageSetUpPr fitToPage="1"/>
  </sheetPr>
  <dimension ref="A1:AN679"/>
  <sheetViews>
    <sheetView showGridLines="0" view="pageBreakPreview" topLeftCell="B1" zoomScaleNormal="100" zoomScaleSheetLayoutView="100" workbookViewId="0">
      <selection activeCell="B1" sqref="B1"/>
    </sheetView>
  </sheetViews>
  <sheetFormatPr defaultColWidth="9" defaultRowHeight="13"/>
  <cols>
    <col min="1" max="1" width="4.90625" style="16" hidden="1" customWidth="1"/>
    <col min="2" max="3" width="2.453125" style="16" customWidth="1"/>
    <col min="4" max="4" width="2.6328125" style="16" customWidth="1"/>
    <col min="5" max="5" width="2.90625" style="16" customWidth="1"/>
    <col min="6" max="15" width="2.6328125" style="16" customWidth="1"/>
    <col min="16" max="20" width="2.90625" style="16" customWidth="1"/>
    <col min="21" max="21" width="6.6328125" style="26" hidden="1" customWidth="1"/>
    <col min="22" max="29" width="2.90625" style="16" customWidth="1"/>
    <col min="30" max="30" width="5.453125" style="26" bestFit="1" customWidth="1"/>
    <col min="31" max="31" width="2.453125" style="26" customWidth="1"/>
    <col min="32" max="34" width="2.6328125" style="16" customWidth="1"/>
    <col min="35" max="35" width="4.08984375" style="16" customWidth="1"/>
    <col min="36" max="36" width="2.6328125" style="16" customWidth="1"/>
    <col min="37" max="37" width="87" style="34" bestFit="1" customWidth="1"/>
    <col min="38" max="38" width="3.453125" style="264" customWidth="1"/>
    <col min="39" max="39" width="8.90625" style="3" customWidth="1"/>
    <col min="40" max="40" width="3.453125" style="3" hidden="1" customWidth="1"/>
    <col min="41" max="16384" width="9" style="3"/>
  </cols>
  <sheetData>
    <row r="1" spans="1:40" customFormat="1" ht="24.75" customHeight="1">
      <c r="B1" s="79"/>
      <c r="C1" s="80" t="s">
        <v>337</v>
      </c>
      <c r="D1" s="80"/>
      <c r="E1" s="80"/>
      <c r="F1" s="80"/>
      <c r="G1" s="80"/>
      <c r="H1" s="80"/>
      <c r="I1" s="80"/>
      <c r="J1" s="80"/>
      <c r="K1" s="80"/>
      <c r="L1" s="80"/>
      <c r="M1" s="80"/>
      <c r="N1" s="80"/>
      <c r="O1" s="80"/>
      <c r="P1" s="80"/>
      <c r="Q1" s="80"/>
      <c r="R1" s="80"/>
      <c r="S1" s="81"/>
      <c r="T1" s="80"/>
      <c r="U1" s="217"/>
      <c r="V1" s="80"/>
      <c r="W1" s="80"/>
      <c r="X1" s="80"/>
      <c r="Y1" s="80"/>
      <c r="Z1" s="80"/>
      <c r="AA1" s="80"/>
      <c r="AB1" s="80"/>
      <c r="AC1" s="80"/>
      <c r="AD1" s="217"/>
      <c r="AE1" s="217"/>
      <c r="AF1" s="323"/>
      <c r="AG1" s="323"/>
      <c r="AH1" s="323"/>
      <c r="AI1" s="323"/>
      <c r="AJ1" s="323"/>
      <c r="AK1" s="270"/>
      <c r="AL1" s="82"/>
    </row>
    <row r="2" spans="1:40" s="1" customFormat="1" ht="24.75" customHeight="1">
      <c r="B2" s="83"/>
      <c r="C2" s="84"/>
      <c r="D2" s="85" t="s">
        <v>338</v>
      </c>
      <c r="E2" s="86"/>
      <c r="F2" s="86"/>
      <c r="G2" s="86"/>
      <c r="H2" s="86"/>
      <c r="I2" s="86"/>
      <c r="J2" s="86"/>
      <c r="K2" s="86"/>
      <c r="L2" s="86"/>
      <c r="M2" s="86"/>
      <c r="N2" s="86"/>
      <c r="O2" s="86"/>
      <c r="P2" s="86"/>
      <c r="Q2" s="86"/>
      <c r="R2" s="86"/>
      <c r="S2" s="86"/>
      <c r="T2" s="86"/>
      <c r="U2" s="86"/>
      <c r="V2" s="86"/>
      <c r="W2" s="86"/>
      <c r="X2" s="86"/>
      <c r="Y2" s="86"/>
      <c r="Z2" s="86"/>
      <c r="AA2" s="86"/>
      <c r="AB2" s="86"/>
      <c r="AC2" s="86"/>
      <c r="AD2" s="86"/>
      <c r="AE2" s="86"/>
      <c r="AF2" s="324"/>
      <c r="AG2" s="324"/>
      <c r="AH2" s="324"/>
      <c r="AI2" s="324"/>
      <c r="AJ2" s="324"/>
      <c r="AK2" s="271"/>
      <c r="AL2" s="87"/>
    </row>
    <row r="3" spans="1:40" customFormat="1">
      <c r="B3" s="88"/>
      <c r="AF3" s="71"/>
      <c r="AG3" s="71"/>
      <c r="AH3" s="71"/>
      <c r="AI3" s="71"/>
      <c r="AJ3" s="71"/>
      <c r="AK3" s="272"/>
      <c r="AL3" s="89"/>
      <c r="AM3" s="1"/>
      <c r="AN3" s="1"/>
    </row>
    <row r="4" spans="1:40" s="1" customFormat="1" ht="13.5" customHeight="1">
      <c r="A4" s="6"/>
      <c r="B4" s="6"/>
      <c r="C4" s="7" t="s">
        <v>339</v>
      </c>
      <c r="D4" s="8"/>
      <c r="E4" s="9"/>
      <c r="F4" s="9"/>
      <c r="G4" s="612" t="s">
        <v>340</v>
      </c>
      <c r="H4" s="613"/>
      <c r="I4" s="613"/>
      <c r="J4" s="613"/>
      <c r="K4" s="613"/>
      <c r="L4" s="613"/>
      <c r="M4" s="613"/>
      <c r="N4" s="614"/>
      <c r="O4" s="110"/>
      <c r="P4" s="9"/>
      <c r="Q4" s="9"/>
      <c r="R4" s="9"/>
      <c r="S4" s="9"/>
      <c r="T4" s="9"/>
      <c r="U4" s="9"/>
      <c r="V4" s="9"/>
      <c r="W4" s="9"/>
      <c r="X4" s="9"/>
      <c r="Y4" s="9"/>
      <c r="Z4" s="9"/>
      <c r="AA4" s="9"/>
      <c r="AB4" s="9"/>
      <c r="AC4" s="9"/>
      <c r="AD4" s="9"/>
      <c r="AE4" s="9"/>
      <c r="AF4" s="250"/>
      <c r="AG4" s="250"/>
      <c r="AH4" s="250"/>
      <c r="AI4" s="250"/>
      <c r="AJ4" s="325"/>
      <c r="AK4" s="115"/>
      <c r="AL4" s="69"/>
    </row>
    <row r="5" spans="1:40" s="1" customFormat="1" ht="13.5" customHeight="1">
      <c r="A5" s="6"/>
      <c r="B5" s="6"/>
      <c r="C5" s="8"/>
      <c r="D5" s="8"/>
      <c r="E5" s="9"/>
      <c r="F5" s="9"/>
      <c r="G5" s="9"/>
      <c r="H5" s="9"/>
      <c r="I5" s="9"/>
      <c r="J5" s="9"/>
      <c r="K5" s="9"/>
      <c r="L5" s="9"/>
      <c r="M5" s="9"/>
      <c r="N5" s="9"/>
      <c r="O5" s="9"/>
      <c r="P5" s="9"/>
      <c r="Q5" s="9"/>
      <c r="R5" s="9"/>
      <c r="S5" s="9"/>
      <c r="T5" s="9"/>
      <c r="U5" s="9"/>
      <c r="V5" s="9"/>
      <c r="W5" s="9"/>
      <c r="X5" s="9"/>
      <c r="Y5" s="9"/>
      <c r="Z5" s="9"/>
      <c r="AA5" s="9"/>
      <c r="AB5" s="9"/>
      <c r="AC5" s="9"/>
      <c r="AD5" s="9"/>
      <c r="AE5" s="9"/>
      <c r="AF5" s="250"/>
      <c r="AG5" s="250"/>
      <c r="AH5" s="250"/>
      <c r="AI5" s="250"/>
      <c r="AJ5" s="325"/>
      <c r="AK5" s="115"/>
      <c r="AL5" s="69"/>
    </row>
    <row r="6" spans="1:40" s="9" customFormat="1">
      <c r="A6" s="90"/>
      <c r="B6" s="90"/>
      <c r="C6" s="91" t="s">
        <v>341</v>
      </c>
      <c r="D6" s="91"/>
      <c r="E6" s="91"/>
      <c r="F6" s="91"/>
      <c r="G6" s="615">
        <v>20</v>
      </c>
      <c r="H6" s="615"/>
      <c r="I6" s="604"/>
      <c r="J6" s="605"/>
      <c r="K6" s="91" t="s">
        <v>342</v>
      </c>
      <c r="L6" s="604"/>
      <c r="M6" s="605"/>
      <c r="N6" s="91" t="s">
        <v>343</v>
      </c>
      <c r="O6" s="616" t="s">
        <v>344</v>
      </c>
      <c r="P6" s="616"/>
      <c r="Q6" s="616">
        <v>20</v>
      </c>
      <c r="R6" s="617"/>
      <c r="S6" s="604"/>
      <c r="T6" s="605"/>
      <c r="V6" s="91" t="s">
        <v>342</v>
      </c>
      <c r="W6" s="604"/>
      <c r="X6" s="605"/>
      <c r="Y6" s="91" t="s">
        <v>345</v>
      </c>
      <c r="AA6" s="91"/>
      <c r="AB6" s="91"/>
      <c r="AC6" s="91"/>
      <c r="AE6" s="91"/>
      <c r="AF6" s="250"/>
      <c r="AG6" s="250"/>
      <c r="AH6" s="250"/>
      <c r="AI6" s="250"/>
      <c r="AJ6" s="243"/>
      <c r="AK6" s="258"/>
      <c r="AL6" s="105"/>
    </row>
    <row r="7" spans="1:40" s="1" customFormat="1">
      <c r="A7" s="2"/>
      <c r="B7" s="2"/>
      <c r="C7" s="7"/>
      <c r="D7" s="7"/>
      <c r="E7" s="7"/>
      <c r="F7" s="7"/>
      <c r="G7" s="78"/>
      <c r="H7" s="78"/>
      <c r="I7" s="78"/>
      <c r="J7" s="110"/>
      <c r="K7" s="110"/>
      <c r="L7" s="7"/>
      <c r="M7" s="110"/>
      <c r="N7" s="110"/>
      <c r="O7" s="110"/>
      <c r="P7" s="7"/>
      <c r="R7" s="110"/>
      <c r="S7" s="110"/>
      <c r="T7" s="78"/>
      <c r="U7" s="9"/>
      <c r="V7" s="110"/>
      <c r="W7" s="110"/>
      <c r="X7" s="110"/>
      <c r="Y7" s="110"/>
      <c r="Z7" s="110"/>
      <c r="AA7" s="110"/>
      <c r="AB7" s="110"/>
      <c r="AC7" s="110"/>
      <c r="AD7" s="7"/>
      <c r="AE7" s="110"/>
      <c r="AF7" s="97"/>
      <c r="AG7" s="97"/>
      <c r="AH7" s="47"/>
      <c r="AI7" s="26"/>
      <c r="AJ7" s="47"/>
      <c r="AK7" s="34"/>
      <c r="AL7" s="69"/>
    </row>
    <row r="8" spans="1:40" s="1" customFormat="1">
      <c r="A8" s="2"/>
      <c r="B8" s="2"/>
      <c r="C8" s="7" t="s">
        <v>346</v>
      </c>
      <c r="G8" s="606"/>
      <c r="H8" s="607"/>
      <c r="I8" s="607"/>
      <c r="J8" s="607"/>
      <c r="K8" s="607"/>
      <c r="L8" s="607"/>
      <c r="M8" s="608"/>
      <c r="N8" s="110"/>
      <c r="O8" s="110"/>
      <c r="P8" s="7"/>
      <c r="R8" s="110"/>
      <c r="S8" s="110"/>
      <c r="T8" s="78"/>
      <c r="U8" s="78"/>
      <c r="V8" s="110"/>
      <c r="W8" s="110"/>
      <c r="X8" s="110"/>
      <c r="Y8" s="110"/>
      <c r="Z8" s="110"/>
      <c r="AA8" s="110"/>
      <c r="AB8" s="110"/>
      <c r="AC8" s="110"/>
      <c r="AD8" s="7"/>
      <c r="AE8" s="110"/>
      <c r="AF8" s="97"/>
      <c r="AG8" s="97"/>
      <c r="AH8" s="47"/>
      <c r="AI8" s="26"/>
      <c r="AJ8" s="47"/>
      <c r="AK8" s="34"/>
      <c r="AL8" s="69"/>
    </row>
    <row r="9" spans="1:40" s="1" customFormat="1">
      <c r="A9" s="2"/>
      <c r="B9" s="2"/>
      <c r="C9" s="7"/>
      <c r="D9" s="7"/>
      <c r="E9" s="7"/>
      <c r="F9" s="7"/>
      <c r="G9" s="78"/>
      <c r="H9" s="375"/>
      <c r="I9" s="375"/>
      <c r="J9" s="110"/>
      <c r="K9" s="110"/>
      <c r="L9" s="7"/>
      <c r="M9" s="110"/>
      <c r="N9" s="375"/>
      <c r="O9" s="375"/>
      <c r="P9" s="7"/>
      <c r="R9" s="110"/>
      <c r="S9" s="110"/>
      <c r="T9" s="375"/>
      <c r="U9" s="78"/>
      <c r="V9" s="375"/>
      <c r="W9" s="110"/>
      <c r="X9" s="110"/>
      <c r="Y9" s="110"/>
      <c r="Z9" s="110"/>
      <c r="AA9" s="110"/>
      <c r="AB9" s="110"/>
      <c r="AC9" s="110"/>
      <c r="AD9" s="7"/>
      <c r="AE9" s="110"/>
      <c r="AF9" s="97"/>
      <c r="AG9" s="97"/>
      <c r="AH9" s="47"/>
      <c r="AI9" s="26"/>
      <c r="AJ9" s="47"/>
      <c r="AK9" s="34"/>
      <c r="AL9" s="69"/>
    </row>
    <row r="10" spans="1:40" s="95" customFormat="1">
      <c r="A10" s="93"/>
      <c r="B10" s="93"/>
      <c r="C10" s="7" t="s">
        <v>41</v>
      </c>
      <c r="D10" s="94"/>
      <c r="E10" s="94"/>
      <c r="F10" s="94"/>
      <c r="G10" s="609"/>
      <c r="H10" s="610"/>
      <c r="I10" s="610"/>
      <c r="J10" s="610"/>
      <c r="K10" s="610"/>
      <c r="L10" s="610"/>
      <c r="M10" s="611"/>
      <c r="N10" s="1"/>
      <c r="O10" s="7" t="s">
        <v>347</v>
      </c>
      <c r="P10" s="1"/>
      <c r="Q10" s="1"/>
      <c r="R10" s="609"/>
      <c r="S10" s="610"/>
      <c r="T10" s="610"/>
      <c r="U10" s="610"/>
      <c r="V10" s="611"/>
      <c r="W10" s="1"/>
      <c r="X10" s="1"/>
      <c r="Y10" s="1"/>
      <c r="Z10" s="1"/>
      <c r="AA10" s="1"/>
      <c r="AB10" s="1"/>
      <c r="AC10" s="1"/>
      <c r="AD10" s="7"/>
      <c r="AE10" s="110"/>
      <c r="AF10" s="97"/>
      <c r="AG10" s="97"/>
      <c r="AH10" s="47"/>
      <c r="AI10" s="26"/>
      <c r="AJ10" s="47"/>
      <c r="AK10" s="117"/>
      <c r="AL10" s="96"/>
      <c r="AM10" s="1"/>
      <c r="AN10" s="1"/>
    </row>
    <row r="11" spans="1:40" s="95" customFormat="1">
      <c r="A11" s="93"/>
      <c r="B11" s="93"/>
      <c r="C11" s="7"/>
      <c r="D11" s="94"/>
      <c r="E11" s="94"/>
      <c r="F11" s="94"/>
      <c r="G11" s="97"/>
      <c r="H11" s="97"/>
      <c r="I11" s="97"/>
      <c r="J11" s="97"/>
      <c r="K11" s="97"/>
      <c r="L11" s="97"/>
      <c r="M11" s="97"/>
      <c r="N11" s="1"/>
      <c r="O11" s="7"/>
      <c r="P11" s="1"/>
      <c r="Q11" s="1"/>
      <c r="R11" s="97"/>
      <c r="S11" s="97"/>
      <c r="T11" s="97"/>
      <c r="U11" s="97"/>
      <c r="V11" s="97"/>
      <c r="W11" s="1"/>
      <c r="X11" s="1"/>
      <c r="Y11" s="1"/>
      <c r="Z11" s="1"/>
      <c r="AA11" s="1"/>
      <c r="AB11" s="1"/>
      <c r="AC11" s="1"/>
      <c r="AD11" s="7"/>
      <c r="AE11" s="110"/>
      <c r="AF11" s="97"/>
      <c r="AG11" s="97"/>
      <c r="AH11" s="47"/>
      <c r="AI11" s="26"/>
      <c r="AJ11" s="47"/>
      <c r="AK11" s="34" t="s">
        <v>348</v>
      </c>
      <c r="AL11" s="96"/>
      <c r="AM11" s="1"/>
      <c r="AN11" s="1"/>
    </row>
    <row r="12" spans="1:40" s="95" customFormat="1">
      <c r="A12" s="93"/>
      <c r="B12" s="93"/>
      <c r="C12" s="7" t="s">
        <v>349</v>
      </c>
      <c r="D12" s="1"/>
      <c r="E12" s="1"/>
      <c r="F12" s="1"/>
      <c r="G12" s="606"/>
      <c r="H12" s="607"/>
      <c r="I12" s="607"/>
      <c r="J12" s="607"/>
      <c r="K12" s="607"/>
      <c r="L12" s="607"/>
      <c r="M12" s="607"/>
      <c r="N12" s="607"/>
      <c r="O12" s="607"/>
      <c r="P12" s="607"/>
      <c r="Q12" s="607"/>
      <c r="R12" s="607"/>
      <c r="S12" s="608"/>
      <c r="T12" s="1"/>
      <c r="U12" s="1"/>
      <c r="V12" s="97"/>
      <c r="W12" s="1"/>
      <c r="X12" s="1"/>
      <c r="Y12" s="1"/>
      <c r="Z12" s="1"/>
      <c r="AA12" s="1"/>
      <c r="AB12" s="1"/>
      <c r="AC12" s="1"/>
      <c r="AD12" s="7"/>
      <c r="AE12" s="110"/>
      <c r="AF12" s="97"/>
      <c r="AG12" s="97"/>
      <c r="AH12" s="47"/>
      <c r="AI12" s="26"/>
      <c r="AJ12" s="47"/>
      <c r="AK12" s="55" t="s">
        <v>350</v>
      </c>
      <c r="AL12" s="96"/>
      <c r="AM12" s="1"/>
      <c r="AN12" s="1"/>
    </row>
    <row r="13" spans="1:40" s="95" customFormat="1">
      <c r="A13" s="93"/>
      <c r="B13" s="93"/>
      <c r="C13" s="7"/>
      <c r="D13" s="1"/>
      <c r="E13" s="1"/>
      <c r="F13" s="1"/>
      <c r="G13" s="1"/>
      <c r="H13" s="1"/>
      <c r="I13" s="1"/>
      <c r="J13" s="1"/>
      <c r="K13" s="1"/>
      <c r="L13" s="1"/>
      <c r="M13" s="1"/>
      <c r="N13" s="1"/>
      <c r="O13" s="1"/>
      <c r="P13" s="1"/>
      <c r="Q13" s="1"/>
      <c r="R13" s="1"/>
      <c r="S13" s="1"/>
      <c r="T13" s="1"/>
      <c r="U13" s="1"/>
      <c r="V13" s="97"/>
      <c r="W13" s="1"/>
      <c r="X13" s="1"/>
      <c r="Y13" s="1"/>
      <c r="Z13" s="1"/>
      <c r="AA13" s="1"/>
      <c r="AB13" s="1"/>
      <c r="AC13" s="1"/>
      <c r="AD13" s="7"/>
      <c r="AE13" s="110"/>
      <c r="AF13" s="97"/>
      <c r="AG13" s="97"/>
      <c r="AH13" s="47"/>
      <c r="AI13" s="26"/>
      <c r="AJ13" s="47"/>
      <c r="AK13" s="55" t="s">
        <v>351</v>
      </c>
      <c r="AL13" s="96"/>
      <c r="AM13" s="1"/>
      <c r="AN13" s="1"/>
    </row>
    <row r="14" spans="1:40" s="95" customFormat="1">
      <c r="A14" s="93"/>
      <c r="B14" s="93"/>
      <c r="C14" s="1"/>
      <c r="D14" s="1"/>
      <c r="E14" s="1"/>
      <c r="F14" s="1"/>
      <c r="G14" s="606"/>
      <c r="H14" s="607"/>
      <c r="I14" s="607"/>
      <c r="J14" s="607"/>
      <c r="K14" s="607"/>
      <c r="L14" s="607"/>
      <c r="M14" s="607"/>
      <c r="N14" s="607"/>
      <c r="O14" s="607"/>
      <c r="P14" s="607"/>
      <c r="Q14" s="607"/>
      <c r="R14" s="607"/>
      <c r="S14" s="608"/>
      <c r="T14" s="1"/>
      <c r="U14" s="1"/>
      <c r="V14" s="97"/>
      <c r="W14" s="1"/>
      <c r="X14" s="1"/>
      <c r="Y14" s="1"/>
      <c r="Z14" s="1"/>
      <c r="AA14" s="1"/>
      <c r="AB14" s="1"/>
      <c r="AC14" s="1"/>
      <c r="AD14" s="7"/>
      <c r="AE14" s="110"/>
      <c r="AF14" s="97"/>
      <c r="AG14" s="97"/>
      <c r="AH14" s="47"/>
      <c r="AI14" s="26"/>
      <c r="AJ14" s="47"/>
      <c r="AK14" s="55" t="s">
        <v>352</v>
      </c>
      <c r="AL14" s="96"/>
      <c r="AM14" s="1"/>
      <c r="AN14" s="1"/>
    </row>
    <row r="15" spans="1:40" s="95" customFormat="1">
      <c r="A15" s="93"/>
      <c r="B15" s="93"/>
      <c r="C15" s="7"/>
      <c r="D15" s="94"/>
      <c r="E15" s="94"/>
      <c r="F15" s="94"/>
      <c r="G15" s="97"/>
      <c r="H15" s="97"/>
      <c r="I15" s="97"/>
      <c r="J15" s="97"/>
      <c r="K15" s="97"/>
      <c r="L15" s="97"/>
      <c r="M15" s="97"/>
      <c r="N15" s="1"/>
      <c r="O15" s="7"/>
      <c r="P15" s="1"/>
      <c r="Q15" s="1"/>
      <c r="R15" s="97"/>
      <c r="S15" s="97"/>
      <c r="T15" s="97"/>
      <c r="U15" s="97"/>
      <c r="V15" s="97"/>
      <c r="W15" s="1"/>
      <c r="X15" s="1"/>
      <c r="Y15" s="1"/>
      <c r="Z15" s="1"/>
      <c r="AA15" s="1"/>
      <c r="AB15" s="1"/>
      <c r="AC15" s="1"/>
      <c r="AD15" s="7"/>
      <c r="AE15" s="110"/>
      <c r="AF15" s="97"/>
      <c r="AG15" s="97"/>
      <c r="AH15" s="47"/>
      <c r="AI15" s="26"/>
      <c r="AJ15" s="47"/>
      <c r="AK15" s="55" t="s">
        <v>353</v>
      </c>
      <c r="AL15" s="96"/>
      <c r="AM15" s="1"/>
      <c r="AN15" s="1"/>
    </row>
    <row r="16" spans="1:40" s="95" customFormat="1">
      <c r="A16" s="93"/>
      <c r="B16" s="93"/>
      <c r="C16" s="7"/>
      <c r="D16" s="94"/>
      <c r="E16" s="94"/>
      <c r="F16" s="94"/>
      <c r="G16" s="606"/>
      <c r="H16" s="607"/>
      <c r="I16" s="607"/>
      <c r="J16" s="607"/>
      <c r="K16" s="607"/>
      <c r="L16" s="607"/>
      <c r="M16" s="607"/>
      <c r="N16" s="607"/>
      <c r="O16" s="607"/>
      <c r="P16" s="607"/>
      <c r="Q16" s="607"/>
      <c r="R16" s="607"/>
      <c r="S16" s="608"/>
      <c r="T16" s="97"/>
      <c r="U16" s="97"/>
      <c r="V16" s="97"/>
      <c r="W16" s="1"/>
      <c r="X16" s="1"/>
      <c r="Y16" s="1"/>
      <c r="Z16" s="1"/>
      <c r="AA16" s="1"/>
      <c r="AB16" s="1"/>
      <c r="AC16" s="1"/>
      <c r="AD16" s="7"/>
      <c r="AE16" s="110"/>
      <c r="AF16" s="97"/>
      <c r="AG16" s="97"/>
      <c r="AH16" s="47"/>
      <c r="AI16" s="26"/>
      <c r="AJ16" s="47"/>
      <c r="AK16" s="55" t="s">
        <v>354</v>
      </c>
      <c r="AL16" s="96"/>
      <c r="AM16" s="1"/>
      <c r="AN16" s="1"/>
    </row>
    <row r="17" spans="1:40" s="95" customFormat="1">
      <c r="A17" s="93"/>
      <c r="B17" s="93"/>
      <c r="C17" s="7"/>
      <c r="D17" s="94"/>
      <c r="E17" s="94"/>
      <c r="F17" s="94"/>
      <c r="G17" s="97"/>
      <c r="H17" s="97"/>
      <c r="I17" s="97"/>
      <c r="J17" s="97"/>
      <c r="K17" s="97"/>
      <c r="L17" s="97"/>
      <c r="M17" s="97"/>
      <c r="N17" s="1"/>
      <c r="O17" s="7"/>
      <c r="P17" s="1"/>
      <c r="Q17" s="1"/>
      <c r="R17" s="97"/>
      <c r="S17" s="97"/>
      <c r="T17" s="97"/>
      <c r="U17" s="97"/>
      <c r="V17" s="97"/>
      <c r="W17" s="1"/>
      <c r="X17" s="1"/>
      <c r="Y17" s="1"/>
      <c r="Z17" s="1"/>
      <c r="AA17" s="1"/>
      <c r="AB17" s="1"/>
      <c r="AC17" s="1"/>
      <c r="AD17" s="7"/>
      <c r="AE17" s="110"/>
      <c r="AF17" s="97"/>
      <c r="AG17" s="97"/>
      <c r="AH17" s="47"/>
      <c r="AI17" s="26"/>
      <c r="AJ17" s="47"/>
      <c r="AK17" s="274"/>
      <c r="AL17" s="96"/>
      <c r="AM17" s="1"/>
      <c r="AN17" s="1"/>
    </row>
    <row r="18" spans="1:40" s="1" customFormat="1">
      <c r="A18" s="2"/>
      <c r="B18" s="2"/>
      <c r="C18" s="7" t="s">
        <v>355</v>
      </c>
      <c r="D18" s="7"/>
      <c r="E18" s="7"/>
      <c r="F18" s="7"/>
      <c r="G18" s="1" t="s">
        <v>356</v>
      </c>
      <c r="AF18" s="26"/>
      <c r="AG18" s="26"/>
      <c r="AH18" s="26"/>
      <c r="AI18" s="26"/>
      <c r="AJ18" s="26"/>
      <c r="AK18" s="34"/>
      <c r="AL18" s="69"/>
    </row>
    <row r="19" spans="1:40" s="1" customFormat="1">
      <c r="A19" s="2"/>
      <c r="B19" s="2"/>
      <c r="C19" s="7"/>
      <c r="D19" s="7"/>
      <c r="E19" s="7"/>
      <c r="F19" s="7"/>
      <c r="G19" s="98" t="s">
        <v>357</v>
      </c>
      <c r="H19" s="618" t="s">
        <v>358</v>
      </c>
      <c r="I19" s="618"/>
      <c r="J19" s="98" t="s">
        <v>357</v>
      </c>
      <c r="K19" s="618" t="s">
        <v>359</v>
      </c>
      <c r="L19" s="618"/>
      <c r="M19" s="98" t="s">
        <v>357</v>
      </c>
      <c r="N19" s="618" t="s">
        <v>360</v>
      </c>
      <c r="O19" s="618"/>
      <c r="P19" s="98" t="s">
        <v>357</v>
      </c>
      <c r="Q19" s="618" t="s">
        <v>361</v>
      </c>
      <c r="R19" s="618"/>
      <c r="S19" s="98" t="s">
        <v>357</v>
      </c>
      <c r="T19" s="618" t="s">
        <v>362</v>
      </c>
      <c r="U19" s="618"/>
      <c r="V19" s="618"/>
      <c r="AF19" s="26"/>
      <c r="AG19" s="26"/>
      <c r="AH19" s="26"/>
      <c r="AI19" s="26"/>
      <c r="AJ19" s="47"/>
      <c r="AK19" s="34"/>
      <c r="AL19" s="69"/>
    </row>
    <row r="20" spans="1:40" s="1" customFormat="1">
      <c r="A20" s="2"/>
      <c r="B20" s="2"/>
      <c r="C20" s="7"/>
      <c r="D20" s="7"/>
      <c r="E20" s="7"/>
      <c r="F20" s="7"/>
      <c r="G20" s="98" t="s">
        <v>357</v>
      </c>
      <c r="H20" s="618" t="s">
        <v>363</v>
      </c>
      <c r="I20" s="618"/>
      <c r="J20" s="98" t="s">
        <v>357</v>
      </c>
      <c r="K20" s="618" t="s">
        <v>364</v>
      </c>
      <c r="L20" s="618"/>
      <c r="M20" s="98" t="s">
        <v>357</v>
      </c>
      <c r="N20" s="618" t="s">
        <v>365</v>
      </c>
      <c r="O20" s="618"/>
      <c r="P20" s="98" t="s">
        <v>357</v>
      </c>
      <c r="Q20" s="618" t="s">
        <v>366</v>
      </c>
      <c r="R20" s="618"/>
      <c r="S20" s="98" t="s">
        <v>357</v>
      </c>
      <c r="T20" s="618" t="s">
        <v>367</v>
      </c>
      <c r="U20" s="618"/>
      <c r="V20" s="618"/>
      <c r="W20" s="98" t="s">
        <v>357</v>
      </c>
      <c r="X20" s="618" t="s">
        <v>368</v>
      </c>
      <c r="Y20" s="618"/>
      <c r="Z20" s="98" t="s">
        <v>357</v>
      </c>
      <c r="AA20" s="618" t="s">
        <v>369</v>
      </c>
      <c r="AB20" s="618"/>
      <c r="AF20" s="26"/>
      <c r="AG20" s="26"/>
      <c r="AH20" s="26"/>
      <c r="AI20" s="26"/>
      <c r="AJ20" s="47"/>
      <c r="AK20" s="34" t="s">
        <v>370</v>
      </c>
      <c r="AL20" s="69"/>
    </row>
    <row r="21" spans="1:40" s="95" customFormat="1">
      <c r="A21" s="93"/>
      <c r="B21" s="93"/>
      <c r="C21" s="94"/>
      <c r="D21" s="94"/>
      <c r="E21" s="94"/>
      <c r="F21" s="94"/>
      <c r="G21" s="98" t="s">
        <v>357</v>
      </c>
      <c r="H21" s="618" t="s">
        <v>371</v>
      </c>
      <c r="I21" s="618"/>
      <c r="J21" s="98" t="s">
        <v>357</v>
      </c>
      <c r="K21" s="618" t="s">
        <v>372</v>
      </c>
      <c r="L21" s="618"/>
      <c r="M21" s="98" t="s">
        <v>357</v>
      </c>
      <c r="N21" s="618" t="s">
        <v>373</v>
      </c>
      <c r="O21" s="618"/>
      <c r="P21" s="98" t="s">
        <v>357</v>
      </c>
      <c r="Q21" s="618" t="s">
        <v>374</v>
      </c>
      <c r="R21" s="618"/>
      <c r="S21" s="98"/>
      <c r="T21" s="618"/>
      <c r="U21" s="618"/>
      <c r="V21" s="618"/>
      <c r="W21" s="1"/>
      <c r="X21" s="1"/>
      <c r="Y21" s="1"/>
      <c r="Z21" s="1"/>
      <c r="AA21" s="1"/>
      <c r="AB21" s="1"/>
      <c r="AC21" s="1"/>
      <c r="AD21" s="7"/>
      <c r="AE21" s="110"/>
      <c r="AF21" s="97"/>
      <c r="AG21" s="97"/>
      <c r="AH21" s="47"/>
      <c r="AI21" s="26"/>
      <c r="AJ21" s="47"/>
      <c r="AK21" s="1" t="s">
        <v>375</v>
      </c>
      <c r="AL21" s="96"/>
      <c r="AM21" s="1"/>
      <c r="AN21" s="1"/>
    </row>
    <row r="22" spans="1:40" s="95" customFormat="1">
      <c r="A22" s="93"/>
      <c r="B22" s="93"/>
      <c r="C22" s="94"/>
      <c r="D22" s="94"/>
      <c r="E22" s="94"/>
      <c r="F22" s="47"/>
      <c r="G22" s="383" t="s">
        <v>357</v>
      </c>
      <c r="H22" s="322" t="s">
        <v>376</v>
      </c>
      <c r="I22" s="322"/>
      <c r="J22" s="383" t="s">
        <v>357</v>
      </c>
      <c r="K22" s="322" t="s">
        <v>377</v>
      </c>
      <c r="L22" s="322"/>
      <c r="M22" s="383" t="s">
        <v>357</v>
      </c>
      <c r="N22" s="322" t="s">
        <v>378</v>
      </c>
      <c r="O22" s="322"/>
      <c r="P22" s="383" t="s">
        <v>357</v>
      </c>
      <c r="Q22" s="322" t="s">
        <v>379</v>
      </c>
      <c r="R22" s="322"/>
      <c r="S22" s="98"/>
      <c r="T22" s="375"/>
      <c r="U22" s="375"/>
      <c r="V22" s="375"/>
      <c r="W22" s="1"/>
      <c r="X22" s="1"/>
      <c r="Y22" s="1"/>
      <c r="Z22" s="1"/>
      <c r="AA22" s="1"/>
      <c r="AB22" s="1"/>
      <c r="AC22" s="1"/>
      <c r="AD22" s="7"/>
      <c r="AE22" s="110"/>
      <c r="AF22" s="97"/>
      <c r="AG22" s="97"/>
      <c r="AH22" s="47"/>
      <c r="AI22" s="26"/>
      <c r="AJ22" s="47"/>
      <c r="AK22" s="34"/>
      <c r="AL22" s="96"/>
      <c r="AM22" s="1"/>
      <c r="AN22" s="1"/>
    </row>
    <row r="23" spans="1:40" s="95" customFormat="1" ht="18">
      <c r="A23" s="93"/>
      <c r="B23" s="93"/>
      <c r="C23" s="94"/>
      <c r="D23" s="94"/>
      <c r="E23" s="94"/>
      <c r="F23" s="94"/>
      <c r="G23" s="257"/>
      <c r="H23" s="375"/>
      <c r="I23" s="375"/>
      <c r="J23" s="375"/>
      <c r="K23" s="375"/>
      <c r="L23" s="375"/>
      <c r="M23" s="375"/>
      <c r="N23" s="375"/>
      <c r="O23" s="375"/>
      <c r="P23" s="375"/>
      <c r="Q23" s="375"/>
      <c r="R23" s="375"/>
      <c r="S23" s="98"/>
      <c r="T23" s="375"/>
      <c r="U23" s="375"/>
      <c r="V23" s="375"/>
      <c r="W23" s="1"/>
      <c r="X23" s="1"/>
      <c r="Y23" s="1"/>
      <c r="Z23" s="1"/>
      <c r="AA23" s="1"/>
      <c r="AB23" s="1"/>
      <c r="AC23" s="1"/>
      <c r="AD23" s="7"/>
      <c r="AE23" s="110"/>
      <c r="AF23" s="97"/>
      <c r="AG23" s="97"/>
      <c r="AH23" s="47"/>
      <c r="AI23" s="26"/>
      <c r="AJ23" s="47"/>
      <c r="AK23" s="34"/>
      <c r="AL23" s="96"/>
      <c r="AM23" s="1"/>
      <c r="AN23" s="1"/>
    </row>
    <row r="24" spans="1:40" s="95" customFormat="1">
      <c r="A24" s="93"/>
      <c r="B24" s="93"/>
      <c r="C24" s="94"/>
      <c r="D24" s="94"/>
      <c r="E24" s="94"/>
      <c r="F24" s="94"/>
      <c r="G24" s="375"/>
      <c r="H24" s="375"/>
      <c r="I24" s="1"/>
      <c r="J24" s="110"/>
      <c r="L24" s="1"/>
      <c r="M24" s="1"/>
      <c r="N24" s="1"/>
      <c r="O24" s="7"/>
      <c r="P24" s="110"/>
      <c r="Q24" s="110"/>
      <c r="S24" s="110"/>
      <c r="T24" s="1"/>
      <c r="U24" s="7"/>
      <c r="V24" s="34"/>
      <c r="W24" s="375"/>
      <c r="X24" s="375"/>
      <c r="Y24" s="375"/>
      <c r="Z24" s="375"/>
      <c r="AA24" s="375"/>
      <c r="AB24" s="375"/>
      <c r="AC24" s="1"/>
      <c r="AD24" s="1"/>
      <c r="AF24" s="26"/>
      <c r="AG24" s="26"/>
      <c r="AH24" s="26"/>
      <c r="AI24" s="26"/>
      <c r="AJ24" s="26"/>
      <c r="AL24" s="106"/>
    </row>
    <row r="25" spans="1:40" s="1" customFormat="1">
      <c r="A25" s="20" t="str">
        <f t="shared" ref="A25:A38" si="0">IF(LEN(J25)&gt;0,MID(J25,FIND("（",J25,1)+1,2),A24)</f>
        <v>MN</v>
      </c>
      <c r="B25" s="20"/>
      <c r="C25" s="52" t="s">
        <v>380</v>
      </c>
      <c r="D25" s="53"/>
      <c r="E25" s="26"/>
      <c r="F25" s="26"/>
      <c r="G25" s="26"/>
      <c r="H25" s="26"/>
      <c r="I25" s="26"/>
      <c r="J25" s="26" t="s">
        <v>381</v>
      </c>
      <c r="K25" s="71"/>
      <c r="L25" s="26"/>
      <c r="M25" s="71"/>
      <c r="N25" s="26"/>
      <c r="O25" s="26"/>
      <c r="P25" s="26"/>
      <c r="Q25" s="26"/>
      <c r="R25" s="26"/>
      <c r="S25" s="26"/>
      <c r="T25" s="26"/>
      <c r="U25" s="26" t="s">
        <v>382</v>
      </c>
      <c r="V25" s="54"/>
      <c r="W25" s="54"/>
      <c r="X25" s="54"/>
      <c r="Y25" s="54"/>
      <c r="Z25" s="54"/>
      <c r="AA25" s="54"/>
      <c r="AB25" s="54"/>
      <c r="AC25" s="54"/>
      <c r="AD25" s="54"/>
      <c r="AE25" s="54"/>
      <c r="AF25" s="54"/>
      <c r="AG25" s="26"/>
      <c r="AH25" s="26"/>
      <c r="AI25" s="26"/>
      <c r="AJ25" s="26"/>
      <c r="AK25" s="26" t="s">
        <v>352</v>
      </c>
      <c r="AL25" s="69"/>
    </row>
    <row r="26" spans="1:40" ht="13.5" customHeight="1">
      <c r="A26" s="20" t="str">
        <f t="shared" si="0"/>
        <v>MN</v>
      </c>
      <c r="B26" s="20"/>
      <c r="C26" s="571" t="s">
        <v>73</v>
      </c>
      <c r="D26" s="573"/>
      <c r="E26" s="571" t="s">
        <v>94</v>
      </c>
      <c r="F26" s="571"/>
      <c r="G26" s="571"/>
      <c r="H26" s="571"/>
      <c r="I26" s="571"/>
      <c r="J26" s="571"/>
      <c r="K26" s="571"/>
      <c r="L26" s="571"/>
      <c r="M26" s="571"/>
      <c r="N26" s="571"/>
      <c r="O26" s="571"/>
      <c r="P26" s="571"/>
      <c r="Q26" s="571"/>
      <c r="R26" s="571"/>
      <c r="S26" s="571"/>
      <c r="T26" s="571"/>
      <c r="U26" s="226" t="s">
        <v>383</v>
      </c>
      <c r="V26" s="574" t="s">
        <v>138</v>
      </c>
      <c r="W26" s="574"/>
      <c r="X26" s="574"/>
      <c r="Y26" s="574"/>
      <c r="Z26" s="574"/>
      <c r="AA26" s="598" t="s">
        <v>384</v>
      </c>
      <c r="AB26" s="599"/>
      <c r="AC26" s="600"/>
      <c r="AD26" s="493" t="s">
        <v>385</v>
      </c>
      <c r="AE26" s="493"/>
      <c r="AF26" s="574" t="s">
        <v>98</v>
      </c>
      <c r="AG26" s="574"/>
      <c r="AH26" s="571" t="s">
        <v>75</v>
      </c>
      <c r="AI26" s="571"/>
      <c r="AJ26" s="571"/>
      <c r="AK26" s="581" t="s">
        <v>159</v>
      </c>
      <c r="AL26" s="329"/>
      <c r="AM26" s="16"/>
    </row>
    <row r="27" spans="1:40">
      <c r="A27" s="20" t="str">
        <f t="shared" si="0"/>
        <v>MN</v>
      </c>
      <c r="B27" s="20"/>
      <c r="C27" s="573"/>
      <c r="D27" s="573"/>
      <c r="E27" s="571"/>
      <c r="F27" s="571"/>
      <c r="G27" s="571"/>
      <c r="H27" s="571"/>
      <c r="I27" s="571"/>
      <c r="J27" s="571"/>
      <c r="K27" s="571"/>
      <c r="L27" s="571"/>
      <c r="M27" s="571"/>
      <c r="N27" s="571"/>
      <c r="O27" s="571"/>
      <c r="P27" s="571"/>
      <c r="Q27" s="571"/>
      <c r="R27" s="571"/>
      <c r="S27" s="571"/>
      <c r="T27" s="571"/>
      <c r="U27" s="227"/>
      <c r="V27" s="574"/>
      <c r="W27" s="574"/>
      <c r="X27" s="574"/>
      <c r="Y27" s="574"/>
      <c r="Z27" s="574"/>
      <c r="AA27" s="601"/>
      <c r="AB27" s="602"/>
      <c r="AC27" s="603"/>
      <c r="AD27" s="493"/>
      <c r="AE27" s="493"/>
      <c r="AF27" s="574"/>
      <c r="AG27" s="574"/>
      <c r="AH27" s="571"/>
      <c r="AI27" s="571"/>
      <c r="AJ27" s="571"/>
      <c r="AK27" s="582"/>
      <c r="AL27" s="329"/>
      <c r="AM27" s="16"/>
    </row>
    <row r="28" spans="1:40" ht="13.5" customHeight="1">
      <c r="A28" s="20" t="str">
        <f t="shared" si="0"/>
        <v>MN</v>
      </c>
      <c r="B28" s="20"/>
      <c r="C28" s="541">
        <v>1</v>
      </c>
      <c r="D28" s="542"/>
      <c r="E28" s="563" t="s">
        <v>386</v>
      </c>
      <c r="F28" s="564"/>
      <c r="G28" s="564"/>
      <c r="H28" s="564"/>
      <c r="I28" s="564"/>
      <c r="J28" s="564"/>
      <c r="K28" s="564"/>
      <c r="L28" s="564"/>
      <c r="M28" s="564"/>
      <c r="N28" s="564"/>
      <c r="O28" s="564"/>
      <c r="P28" s="564"/>
      <c r="Q28" s="564"/>
      <c r="R28" s="564"/>
      <c r="S28" s="564"/>
      <c r="T28" s="565"/>
      <c r="U28" s="384" t="s">
        <v>387</v>
      </c>
      <c r="V28" s="546" t="s">
        <v>101</v>
      </c>
      <c r="W28" s="547"/>
      <c r="X28" s="547"/>
      <c r="Y28" s="547"/>
      <c r="Z28" s="548"/>
      <c r="AA28" s="546" t="s">
        <v>102</v>
      </c>
      <c r="AB28" s="547"/>
      <c r="AC28" s="548"/>
      <c r="AD28" s="414">
        <v>10</v>
      </c>
      <c r="AE28" s="403" t="s">
        <v>103</v>
      </c>
      <c r="AF28" s="541"/>
      <c r="AG28" s="542"/>
      <c r="AH28" s="549"/>
      <c r="AI28" s="550"/>
      <c r="AJ28" s="551"/>
      <c r="AK28" s="265"/>
      <c r="AL28" s="329"/>
      <c r="AM28" s="16"/>
      <c r="AN28" s="3" t="str">
        <f>$G$19</f>
        <v>■</v>
      </c>
    </row>
    <row r="29" spans="1:40" ht="13.5" customHeight="1">
      <c r="A29" s="20" t="str">
        <f t="shared" si="0"/>
        <v>MN</v>
      </c>
      <c r="B29" s="20"/>
      <c r="C29" s="541">
        <v>2</v>
      </c>
      <c r="D29" s="542"/>
      <c r="E29" s="563" t="s">
        <v>388</v>
      </c>
      <c r="F29" s="564"/>
      <c r="G29" s="564"/>
      <c r="H29" s="564"/>
      <c r="I29" s="564"/>
      <c r="J29" s="564"/>
      <c r="K29" s="564"/>
      <c r="L29" s="564"/>
      <c r="M29" s="564"/>
      <c r="N29" s="564"/>
      <c r="O29" s="564"/>
      <c r="P29" s="564"/>
      <c r="Q29" s="564"/>
      <c r="R29" s="564"/>
      <c r="S29" s="564"/>
      <c r="T29" s="565"/>
      <c r="U29" s="385" t="s">
        <v>389</v>
      </c>
      <c r="V29" s="546" t="s">
        <v>101</v>
      </c>
      <c r="W29" s="547"/>
      <c r="X29" s="547"/>
      <c r="Y29" s="547"/>
      <c r="Z29" s="548"/>
      <c r="AA29" s="546" t="s">
        <v>102</v>
      </c>
      <c r="AB29" s="547"/>
      <c r="AC29" s="548"/>
      <c r="AD29" s="414">
        <v>51</v>
      </c>
      <c r="AE29" s="403" t="s">
        <v>103</v>
      </c>
      <c r="AF29" s="541"/>
      <c r="AG29" s="542"/>
      <c r="AH29" s="549"/>
      <c r="AI29" s="550"/>
      <c r="AJ29" s="551"/>
      <c r="AK29" s="265"/>
      <c r="AL29" s="329"/>
      <c r="AM29" s="16"/>
      <c r="AN29" s="3" t="str">
        <f t="shared" ref="AN29:AN40" si="1">$G$19</f>
        <v>■</v>
      </c>
    </row>
    <row r="30" spans="1:40" s="28" customFormat="1" ht="13.5" customHeight="1">
      <c r="A30" s="20" t="str">
        <f t="shared" si="0"/>
        <v>MN</v>
      </c>
      <c r="B30" s="20"/>
      <c r="C30" s="552">
        <v>3</v>
      </c>
      <c r="D30" s="553"/>
      <c r="E30" s="566" t="s">
        <v>106</v>
      </c>
      <c r="F30" s="567"/>
      <c r="G30" s="567"/>
      <c r="H30" s="567"/>
      <c r="I30" s="567"/>
      <c r="J30" s="567"/>
      <c r="K30" s="567"/>
      <c r="L30" s="567"/>
      <c r="M30" s="567"/>
      <c r="N30" s="567"/>
      <c r="O30" s="567"/>
      <c r="P30" s="567"/>
      <c r="Q30" s="567"/>
      <c r="R30" s="567"/>
      <c r="S30" s="567"/>
      <c r="T30" s="568"/>
      <c r="U30" s="386" t="s">
        <v>390</v>
      </c>
      <c r="V30" s="557" t="s">
        <v>107</v>
      </c>
      <c r="W30" s="558"/>
      <c r="X30" s="558"/>
      <c r="Y30" s="558"/>
      <c r="Z30" s="559"/>
      <c r="AA30" s="557" t="s">
        <v>108</v>
      </c>
      <c r="AB30" s="558"/>
      <c r="AC30" s="559"/>
      <c r="AD30" s="401">
        <v>1</v>
      </c>
      <c r="AE30" s="400">
        <v>0</v>
      </c>
      <c r="AF30" s="552" t="s">
        <v>109</v>
      </c>
      <c r="AG30" s="553"/>
      <c r="AH30" s="560"/>
      <c r="AI30" s="561"/>
      <c r="AJ30" s="562"/>
      <c r="AK30" s="321" t="s">
        <v>391</v>
      </c>
      <c r="AL30" s="330"/>
      <c r="AM30" s="331"/>
      <c r="AN30" s="3" t="str">
        <f t="shared" si="1"/>
        <v>■</v>
      </c>
    </row>
    <row r="31" spans="1:40" s="28" customFormat="1" ht="13.5" customHeight="1">
      <c r="A31" s="20" t="str">
        <f t="shared" si="0"/>
        <v>MN</v>
      </c>
      <c r="B31" s="20"/>
      <c r="C31" s="541">
        <v>4</v>
      </c>
      <c r="D31" s="542"/>
      <c r="E31" s="563" t="s">
        <v>110</v>
      </c>
      <c r="F31" s="564"/>
      <c r="G31" s="564"/>
      <c r="H31" s="564"/>
      <c r="I31" s="564"/>
      <c r="J31" s="564"/>
      <c r="K31" s="564"/>
      <c r="L31" s="564"/>
      <c r="M31" s="564"/>
      <c r="N31" s="564"/>
      <c r="O31" s="564"/>
      <c r="P31" s="564"/>
      <c r="Q31" s="564"/>
      <c r="R31" s="564"/>
      <c r="S31" s="564"/>
      <c r="T31" s="565"/>
      <c r="U31" s="387" t="s">
        <v>392</v>
      </c>
      <c r="V31" s="546" t="s">
        <v>107</v>
      </c>
      <c r="W31" s="547"/>
      <c r="X31" s="547"/>
      <c r="Y31" s="547"/>
      <c r="Z31" s="548"/>
      <c r="AA31" s="546" t="s">
        <v>108</v>
      </c>
      <c r="AB31" s="547"/>
      <c r="AC31" s="548"/>
      <c r="AD31" s="405">
        <v>1</v>
      </c>
      <c r="AE31" s="403">
        <v>0</v>
      </c>
      <c r="AF31" s="541"/>
      <c r="AG31" s="542"/>
      <c r="AH31" s="549"/>
      <c r="AI31" s="550"/>
      <c r="AJ31" s="551"/>
      <c r="AK31" s="265"/>
      <c r="AL31" s="330"/>
      <c r="AM31" s="331"/>
      <c r="AN31" s="3" t="str">
        <f t="shared" si="1"/>
        <v>■</v>
      </c>
    </row>
    <row r="32" spans="1:40" ht="13.5" customHeight="1">
      <c r="A32" s="20" t="str">
        <f t="shared" si="0"/>
        <v>MN</v>
      </c>
      <c r="B32" s="20"/>
      <c r="C32" s="541">
        <v>5</v>
      </c>
      <c r="D32" s="542"/>
      <c r="E32" s="563" t="s">
        <v>80</v>
      </c>
      <c r="F32" s="564"/>
      <c r="G32" s="564"/>
      <c r="H32" s="564"/>
      <c r="I32" s="564"/>
      <c r="J32" s="564"/>
      <c r="K32" s="564"/>
      <c r="L32" s="564"/>
      <c r="M32" s="564"/>
      <c r="N32" s="564"/>
      <c r="O32" s="564"/>
      <c r="P32" s="564"/>
      <c r="Q32" s="564"/>
      <c r="R32" s="564"/>
      <c r="S32" s="564"/>
      <c r="T32" s="565"/>
      <c r="U32" s="388" t="s">
        <v>393</v>
      </c>
      <c r="V32" s="546" t="s">
        <v>101</v>
      </c>
      <c r="W32" s="547"/>
      <c r="X32" s="547"/>
      <c r="Y32" s="547"/>
      <c r="Z32" s="548"/>
      <c r="AA32" s="546" t="s">
        <v>102</v>
      </c>
      <c r="AB32" s="547"/>
      <c r="AC32" s="548"/>
      <c r="AD32" s="405">
        <v>2</v>
      </c>
      <c r="AE32" s="403" t="s">
        <v>103</v>
      </c>
      <c r="AF32" s="541"/>
      <c r="AG32" s="542"/>
      <c r="AH32" s="549"/>
      <c r="AI32" s="550"/>
      <c r="AJ32" s="551"/>
      <c r="AK32" s="332"/>
      <c r="AL32" s="329"/>
      <c r="AM32" s="16"/>
      <c r="AN32" s="3" t="str">
        <f t="shared" si="1"/>
        <v>■</v>
      </c>
    </row>
    <row r="33" spans="1:40" ht="13.5" customHeight="1">
      <c r="A33" s="20" t="str">
        <f t="shared" si="0"/>
        <v>MN</v>
      </c>
      <c r="B33" s="20"/>
      <c r="C33" s="541">
        <v>6</v>
      </c>
      <c r="D33" s="542"/>
      <c r="E33" s="563" t="s">
        <v>394</v>
      </c>
      <c r="F33" s="564"/>
      <c r="G33" s="564"/>
      <c r="H33" s="564"/>
      <c r="I33" s="564"/>
      <c r="J33" s="564"/>
      <c r="K33" s="564"/>
      <c r="L33" s="564"/>
      <c r="M33" s="564"/>
      <c r="N33" s="564"/>
      <c r="O33" s="564"/>
      <c r="P33" s="564"/>
      <c r="Q33" s="564"/>
      <c r="R33" s="564"/>
      <c r="S33" s="564"/>
      <c r="T33" s="565"/>
      <c r="U33" s="388" t="s">
        <v>395</v>
      </c>
      <c r="V33" s="546" t="s">
        <v>107</v>
      </c>
      <c r="W33" s="547"/>
      <c r="X33" s="547"/>
      <c r="Y33" s="547"/>
      <c r="Z33" s="548"/>
      <c r="AA33" s="546" t="s">
        <v>102</v>
      </c>
      <c r="AB33" s="547"/>
      <c r="AC33" s="548"/>
      <c r="AD33" s="405">
        <v>16</v>
      </c>
      <c r="AE33" s="403" t="s">
        <v>103</v>
      </c>
      <c r="AF33" s="541"/>
      <c r="AG33" s="542"/>
      <c r="AH33" s="549"/>
      <c r="AI33" s="550"/>
      <c r="AJ33" s="551"/>
      <c r="AK33" s="332"/>
      <c r="AL33" s="329"/>
      <c r="AM33" s="16"/>
      <c r="AN33" s="3" t="str">
        <f t="shared" si="1"/>
        <v>■</v>
      </c>
    </row>
    <row r="34" spans="1:40" s="28" customFormat="1" ht="13.5" customHeight="1">
      <c r="A34" s="20" t="str">
        <f t="shared" si="0"/>
        <v>MN</v>
      </c>
      <c r="B34" s="20"/>
      <c r="C34" s="552">
        <v>7</v>
      </c>
      <c r="D34" s="553"/>
      <c r="E34" s="566" t="s">
        <v>396</v>
      </c>
      <c r="F34" s="567"/>
      <c r="G34" s="567"/>
      <c r="H34" s="567"/>
      <c r="I34" s="567"/>
      <c r="J34" s="567"/>
      <c r="K34" s="567"/>
      <c r="L34" s="567"/>
      <c r="M34" s="567"/>
      <c r="N34" s="567"/>
      <c r="O34" s="567"/>
      <c r="P34" s="567"/>
      <c r="Q34" s="567"/>
      <c r="R34" s="567"/>
      <c r="S34" s="567"/>
      <c r="T34" s="568"/>
      <c r="U34" s="386" t="s">
        <v>397</v>
      </c>
      <c r="V34" s="557" t="s">
        <v>398</v>
      </c>
      <c r="W34" s="558"/>
      <c r="X34" s="558"/>
      <c r="Y34" s="558"/>
      <c r="Z34" s="559"/>
      <c r="AA34" s="557" t="s">
        <v>102</v>
      </c>
      <c r="AB34" s="558"/>
      <c r="AC34" s="559"/>
      <c r="AD34" s="401">
        <v>40</v>
      </c>
      <c r="AE34" s="400" t="s">
        <v>103</v>
      </c>
      <c r="AF34" s="552" t="s">
        <v>109</v>
      </c>
      <c r="AG34" s="553"/>
      <c r="AH34" s="560"/>
      <c r="AI34" s="561"/>
      <c r="AJ34" s="562"/>
      <c r="AK34" s="333" t="s">
        <v>399</v>
      </c>
      <c r="AL34" s="329"/>
      <c r="AM34" s="331"/>
      <c r="AN34" s="3" t="str">
        <f t="shared" si="1"/>
        <v>■</v>
      </c>
    </row>
    <row r="35" spans="1:40" ht="13.5" customHeight="1">
      <c r="A35" s="20" t="str">
        <f t="shared" si="0"/>
        <v>MN</v>
      </c>
      <c r="B35" s="20"/>
      <c r="C35" s="552">
        <v>8</v>
      </c>
      <c r="D35" s="553"/>
      <c r="E35" s="566" t="s">
        <v>400</v>
      </c>
      <c r="F35" s="567"/>
      <c r="G35" s="567"/>
      <c r="H35" s="567"/>
      <c r="I35" s="567"/>
      <c r="J35" s="567"/>
      <c r="K35" s="567"/>
      <c r="L35" s="567"/>
      <c r="M35" s="567"/>
      <c r="N35" s="567"/>
      <c r="O35" s="567"/>
      <c r="P35" s="567"/>
      <c r="Q35" s="567"/>
      <c r="R35" s="567"/>
      <c r="S35" s="567"/>
      <c r="T35" s="568"/>
      <c r="U35" s="386" t="s">
        <v>401</v>
      </c>
      <c r="V35" s="557" t="s">
        <v>107</v>
      </c>
      <c r="W35" s="558"/>
      <c r="X35" s="558"/>
      <c r="Y35" s="558"/>
      <c r="Z35" s="559"/>
      <c r="AA35" s="557" t="s">
        <v>102</v>
      </c>
      <c r="AB35" s="558"/>
      <c r="AC35" s="559"/>
      <c r="AD35" s="401">
        <v>30</v>
      </c>
      <c r="AE35" s="400">
        <v>0</v>
      </c>
      <c r="AF35" s="552" t="s">
        <v>109</v>
      </c>
      <c r="AG35" s="553"/>
      <c r="AH35" s="560"/>
      <c r="AI35" s="561"/>
      <c r="AJ35" s="562"/>
      <c r="AK35" s="333" t="s">
        <v>399</v>
      </c>
      <c r="AL35" s="329"/>
      <c r="AM35" s="16"/>
      <c r="AN35" s="3" t="str">
        <f t="shared" si="1"/>
        <v>■</v>
      </c>
    </row>
    <row r="36" spans="1:40" ht="13.5" customHeight="1">
      <c r="A36" s="20" t="str">
        <f t="shared" si="0"/>
        <v>MN</v>
      </c>
      <c r="B36" s="20"/>
      <c r="C36" s="552">
        <v>9</v>
      </c>
      <c r="D36" s="553"/>
      <c r="E36" s="566" t="s">
        <v>402</v>
      </c>
      <c r="F36" s="567"/>
      <c r="G36" s="567"/>
      <c r="H36" s="567"/>
      <c r="I36" s="567"/>
      <c r="J36" s="567"/>
      <c r="K36" s="567"/>
      <c r="L36" s="567"/>
      <c r="M36" s="567"/>
      <c r="N36" s="567"/>
      <c r="O36" s="567"/>
      <c r="P36" s="567"/>
      <c r="Q36" s="567"/>
      <c r="R36" s="567"/>
      <c r="S36" s="567"/>
      <c r="T36" s="568"/>
      <c r="U36" s="386" t="s">
        <v>403</v>
      </c>
      <c r="V36" s="557" t="s">
        <v>107</v>
      </c>
      <c r="W36" s="558"/>
      <c r="X36" s="558"/>
      <c r="Y36" s="558"/>
      <c r="Z36" s="559"/>
      <c r="AA36" s="557" t="s">
        <v>108</v>
      </c>
      <c r="AB36" s="558"/>
      <c r="AC36" s="559"/>
      <c r="AD36" s="401">
        <v>1</v>
      </c>
      <c r="AE36" s="400">
        <v>0</v>
      </c>
      <c r="AF36" s="552" t="s">
        <v>109</v>
      </c>
      <c r="AG36" s="553"/>
      <c r="AH36" s="560"/>
      <c r="AI36" s="561"/>
      <c r="AJ36" s="562"/>
      <c r="AK36" s="333" t="s">
        <v>399</v>
      </c>
      <c r="AL36" s="329"/>
      <c r="AM36" s="16"/>
      <c r="AN36" s="3" t="str">
        <f t="shared" si="1"/>
        <v>■</v>
      </c>
    </row>
    <row r="37" spans="1:40" ht="13.5" customHeight="1">
      <c r="A37" s="20" t="str">
        <f t="shared" si="0"/>
        <v>MN</v>
      </c>
      <c r="B37" s="20"/>
      <c r="C37" s="552">
        <v>10</v>
      </c>
      <c r="D37" s="553"/>
      <c r="E37" s="566" t="s">
        <v>404</v>
      </c>
      <c r="F37" s="567"/>
      <c r="G37" s="567"/>
      <c r="H37" s="567"/>
      <c r="I37" s="567"/>
      <c r="J37" s="567"/>
      <c r="K37" s="567"/>
      <c r="L37" s="567"/>
      <c r="M37" s="567"/>
      <c r="N37" s="567"/>
      <c r="O37" s="567"/>
      <c r="P37" s="567"/>
      <c r="Q37" s="567"/>
      <c r="R37" s="567"/>
      <c r="S37" s="567"/>
      <c r="T37" s="568"/>
      <c r="U37" s="386" t="s">
        <v>405</v>
      </c>
      <c r="V37" s="557" t="s">
        <v>107</v>
      </c>
      <c r="W37" s="558"/>
      <c r="X37" s="558"/>
      <c r="Y37" s="558"/>
      <c r="Z37" s="559"/>
      <c r="AA37" s="557" t="s">
        <v>108</v>
      </c>
      <c r="AB37" s="558"/>
      <c r="AC37" s="559"/>
      <c r="AD37" s="401">
        <v>1</v>
      </c>
      <c r="AE37" s="400">
        <v>0</v>
      </c>
      <c r="AF37" s="552" t="s">
        <v>109</v>
      </c>
      <c r="AG37" s="553"/>
      <c r="AH37" s="560"/>
      <c r="AI37" s="561"/>
      <c r="AJ37" s="562"/>
      <c r="AK37" s="333" t="s">
        <v>399</v>
      </c>
      <c r="AL37" s="329"/>
      <c r="AM37" s="16"/>
      <c r="AN37" s="3" t="str">
        <f t="shared" si="1"/>
        <v>■</v>
      </c>
    </row>
    <row r="38" spans="1:40" ht="13.5" customHeight="1">
      <c r="A38" s="20" t="str">
        <f t="shared" si="0"/>
        <v>MN</v>
      </c>
      <c r="B38" s="20"/>
      <c r="C38" s="552">
        <v>11</v>
      </c>
      <c r="D38" s="553"/>
      <c r="E38" s="566" t="s">
        <v>406</v>
      </c>
      <c r="F38" s="567"/>
      <c r="G38" s="567"/>
      <c r="H38" s="567"/>
      <c r="I38" s="567"/>
      <c r="J38" s="567"/>
      <c r="K38" s="567"/>
      <c r="L38" s="567"/>
      <c r="M38" s="567"/>
      <c r="N38" s="567"/>
      <c r="O38" s="567"/>
      <c r="P38" s="567"/>
      <c r="Q38" s="567"/>
      <c r="R38" s="567"/>
      <c r="S38" s="567"/>
      <c r="T38" s="568"/>
      <c r="U38" s="386" t="s">
        <v>407</v>
      </c>
      <c r="V38" s="569" t="s">
        <v>408</v>
      </c>
      <c r="W38" s="594"/>
      <c r="X38" s="594"/>
      <c r="Y38" s="594"/>
      <c r="Z38" s="570"/>
      <c r="AA38" s="569" t="s">
        <v>102</v>
      </c>
      <c r="AB38" s="594"/>
      <c r="AC38" s="570"/>
      <c r="AD38" s="401">
        <v>100</v>
      </c>
      <c r="AE38" s="400" t="s">
        <v>103</v>
      </c>
      <c r="AF38" s="552" t="s">
        <v>109</v>
      </c>
      <c r="AG38" s="553"/>
      <c r="AH38" s="560"/>
      <c r="AI38" s="561"/>
      <c r="AJ38" s="562"/>
      <c r="AK38" s="333" t="s">
        <v>399</v>
      </c>
      <c r="AL38" s="329"/>
      <c r="AM38" s="16"/>
      <c r="AN38" s="3" t="str">
        <f t="shared" si="1"/>
        <v>■</v>
      </c>
    </row>
    <row r="39" spans="1:40">
      <c r="A39" s="20" t="str">
        <f>IF(LEN(J39)&gt;0,MID(J39,FIND("（",J39,1)+1,2),A37)</f>
        <v>MN</v>
      </c>
      <c r="B39" s="20"/>
      <c r="C39" s="541">
        <v>12</v>
      </c>
      <c r="D39" s="542"/>
      <c r="E39" s="543" t="s">
        <v>409</v>
      </c>
      <c r="F39" s="544"/>
      <c r="G39" s="544"/>
      <c r="H39" s="544"/>
      <c r="I39" s="544"/>
      <c r="J39" s="544"/>
      <c r="K39" s="544"/>
      <c r="L39" s="544"/>
      <c r="M39" s="544"/>
      <c r="N39" s="544"/>
      <c r="O39" s="544"/>
      <c r="P39" s="544"/>
      <c r="Q39" s="544"/>
      <c r="R39" s="544"/>
      <c r="S39" s="544"/>
      <c r="T39" s="545"/>
      <c r="U39" s="387" t="s">
        <v>410</v>
      </c>
      <c r="V39" s="546" t="s">
        <v>107</v>
      </c>
      <c r="W39" s="547"/>
      <c r="X39" s="547"/>
      <c r="Y39" s="547"/>
      <c r="Z39" s="548"/>
      <c r="AA39" s="546" t="s">
        <v>102</v>
      </c>
      <c r="AB39" s="547"/>
      <c r="AC39" s="548"/>
      <c r="AD39" s="405">
        <v>6</v>
      </c>
      <c r="AE39" s="403" t="s">
        <v>103</v>
      </c>
      <c r="AF39" s="541"/>
      <c r="AG39" s="542"/>
      <c r="AH39" s="549"/>
      <c r="AI39" s="550"/>
      <c r="AJ39" s="551"/>
      <c r="AK39" s="265"/>
      <c r="AL39" s="334"/>
      <c r="AM39" s="16"/>
      <c r="AN39" s="3" t="str">
        <f t="shared" si="1"/>
        <v>■</v>
      </c>
    </row>
    <row r="40" spans="1:40">
      <c r="A40" s="20" t="str">
        <f>IF(LEN(J40)&gt;0,MID(J40,FIND("（",J40,1)+1,2),A38)</f>
        <v>MN</v>
      </c>
      <c r="B40" s="20"/>
      <c r="C40" s="541">
        <v>13</v>
      </c>
      <c r="D40" s="542"/>
      <c r="E40" s="543" t="s">
        <v>411</v>
      </c>
      <c r="F40" s="544"/>
      <c r="G40" s="544"/>
      <c r="H40" s="544"/>
      <c r="I40" s="544"/>
      <c r="J40" s="544"/>
      <c r="K40" s="544"/>
      <c r="L40" s="544"/>
      <c r="M40" s="544"/>
      <c r="N40" s="544"/>
      <c r="O40" s="544"/>
      <c r="P40" s="544"/>
      <c r="Q40" s="544"/>
      <c r="R40" s="544"/>
      <c r="S40" s="544"/>
      <c r="T40" s="545"/>
      <c r="U40" s="389" t="s">
        <v>412</v>
      </c>
      <c r="V40" s="546" t="s">
        <v>107</v>
      </c>
      <c r="W40" s="547"/>
      <c r="X40" s="547"/>
      <c r="Y40" s="547"/>
      <c r="Z40" s="548"/>
      <c r="AA40" s="546" t="s">
        <v>102</v>
      </c>
      <c r="AB40" s="547"/>
      <c r="AC40" s="548"/>
      <c r="AD40" s="403">
        <v>6</v>
      </c>
      <c r="AE40" s="403" t="s">
        <v>103</v>
      </c>
      <c r="AF40" s="541"/>
      <c r="AG40" s="542"/>
      <c r="AH40" s="549"/>
      <c r="AI40" s="550"/>
      <c r="AJ40" s="551"/>
      <c r="AK40" s="265"/>
      <c r="AL40" s="329"/>
      <c r="AM40" s="16"/>
      <c r="AN40" s="3" t="str">
        <f t="shared" si="1"/>
        <v>■</v>
      </c>
    </row>
    <row r="41" spans="1:40">
      <c r="A41" s="20" t="str">
        <f t="shared" ref="A41:A60" si="2">IF(LEN(J41)&gt;0,MID(J41,FIND("（",J41,1)+1,2),A40)</f>
        <v>MN</v>
      </c>
      <c r="B41" s="20"/>
      <c r="V41" s="238"/>
      <c r="W41" s="238"/>
      <c r="X41" s="238"/>
      <c r="Y41" s="238"/>
      <c r="Z41" s="238"/>
      <c r="AA41" s="238"/>
      <c r="AB41" s="238"/>
      <c r="AC41" s="238"/>
      <c r="AD41" s="122"/>
      <c r="AE41" s="122"/>
      <c r="AF41" s="238"/>
      <c r="AG41" s="238"/>
      <c r="AH41" s="238"/>
      <c r="AI41" s="238"/>
      <c r="AJ41" s="238"/>
      <c r="AK41" s="55"/>
      <c r="AL41" s="329"/>
      <c r="AM41" s="16"/>
    </row>
    <row r="42" spans="1:40" s="1" customFormat="1">
      <c r="A42" s="20" t="str">
        <f t="shared" si="2"/>
        <v>IR</v>
      </c>
      <c r="B42" s="20"/>
      <c r="C42" s="52" t="s">
        <v>380</v>
      </c>
      <c r="D42" s="16"/>
      <c r="E42" s="26"/>
      <c r="F42" s="26"/>
      <c r="G42" s="26"/>
      <c r="H42" s="26"/>
      <c r="I42" s="26"/>
      <c r="J42" s="26" t="s">
        <v>1129</v>
      </c>
      <c r="K42" s="26"/>
      <c r="L42" s="26"/>
      <c r="M42" s="26"/>
      <c r="N42" s="26"/>
      <c r="O42" s="26"/>
      <c r="P42" s="26"/>
      <c r="Q42" s="26"/>
      <c r="R42" s="26"/>
      <c r="S42" s="26"/>
      <c r="T42" s="26"/>
      <c r="U42" s="26" t="s">
        <v>414</v>
      </c>
      <c r="V42" s="122"/>
      <c r="W42" s="122"/>
      <c r="X42" s="122"/>
      <c r="Y42" s="122"/>
      <c r="Z42" s="122"/>
      <c r="AA42" s="122"/>
      <c r="AB42" s="122"/>
      <c r="AC42" s="122"/>
      <c r="AD42" s="122"/>
      <c r="AE42" s="122"/>
      <c r="AF42" s="122"/>
      <c r="AG42" s="122"/>
      <c r="AH42" s="122"/>
      <c r="AI42" s="122"/>
      <c r="AJ42" s="122"/>
      <c r="AK42" s="26"/>
      <c r="AL42" s="329"/>
      <c r="AM42" s="26"/>
    </row>
    <row r="43" spans="1:40" ht="13.5" customHeight="1">
      <c r="A43" s="20" t="str">
        <f t="shared" si="2"/>
        <v>IR</v>
      </c>
      <c r="B43" s="20"/>
      <c r="C43" s="571" t="s">
        <v>73</v>
      </c>
      <c r="D43" s="573"/>
      <c r="E43" s="571" t="s">
        <v>94</v>
      </c>
      <c r="F43" s="571"/>
      <c r="G43" s="571"/>
      <c r="H43" s="571"/>
      <c r="I43" s="571"/>
      <c r="J43" s="571"/>
      <c r="K43" s="571"/>
      <c r="L43" s="571"/>
      <c r="M43" s="571"/>
      <c r="N43" s="571"/>
      <c r="O43" s="571"/>
      <c r="P43" s="571"/>
      <c r="Q43" s="571"/>
      <c r="R43" s="571"/>
      <c r="S43" s="571"/>
      <c r="T43" s="571"/>
      <c r="U43" s="226" t="s">
        <v>383</v>
      </c>
      <c r="V43" s="574" t="s">
        <v>138</v>
      </c>
      <c r="W43" s="574"/>
      <c r="X43" s="574"/>
      <c r="Y43" s="574"/>
      <c r="Z43" s="574"/>
      <c r="AA43" s="575" t="s">
        <v>415</v>
      </c>
      <c r="AB43" s="576"/>
      <c r="AC43" s="577"/>
      <c r="AD43" s="493" t="s">
        <v>97</v>
      </c>
      <c r="AE43" s="493"/>
      <c r="AF43" s="574" t="s">
        <v>98</v>
      </c>
      <c r="AG43" s="574"/>
      <c r="AH43" s="571" t="s">
        <v>75</v>
      </c>
      <c r="AI43" s="571"/>
      <c r="AJ43" s="571"/>
      <c r="AK43" s="581" t="s">
        <v>159</v>
      </c>
      <c r="AL43" s="329"/>
      <c r="AM43" s="16"/>
    </row>
    <row r="44" spans="1:40">
      <c r="A44" s="20" t="str">
        <f t="shared" si="2"/>
        <v>IR</v>
      </c>
      <c r="B44" s="20"/>
      <c r="C44" s="573"/>
      <c r="D44" s="573"/>
      <c r="E44" s="571"/>
      <c r="F44" s="571"/>
      <c r="G44" s="571"/>
      <c r="H44" s="571"/>
      <c r="I44" s="571"/>
      <c r="J44" s="571"/>
      <c r="K44" s="571"/>
      <c r="L44" s="571"/>
      <c r="M44" s="571"/>
      <c r="N44" s="571"/>
      <c r="O44" s="571"/>
      <c r="P44" s="571"/>
      <c r="Q44" s="571"/>
      <c r="R44" s="571"/>
      <c r="S44" s="571"/>
      <c r="T44" s="571"/>
      <c r="U44" s="227"/>
      <c r="V44" s="574"/>
      <c r="W44" s="574"/>
      <c r="X44" s="574"/>
      <c r="Y44" s="574"/>
      <c r="Z44" s="574"/>
      <c r="AA44" s="578"/>
      <c r="AB44" s="579"/>
      <c r="AC44" s="580"/>
      <c r="AD44" s="493"/>
      <c r="AE44" s="493"/>
      <c r="AF44" s="574"/>
      <c r="AG44" s="574"/>
      <c r="AH44" s="571"/>
      <c r="AI44" s="571"/>
      <c r="AJ44" s="571"/>
      <c r="AK44" s="582"/>
      <c r="AL44" s="330"/>
      <c r="AM44" s="16"/>
    </row>
    <row r="45" spans="1:40" ht="13.4" customHeight="1">
      <c r="A45" s="20" t="str">
        <f t="shared" si="2"/>
        <v>IR</v>
      </c>
      <c r="B45" s="20"/>
      <c r="C45" s="541">
        <v>1</v>
      </c>
      <c r="D45" s="542"/>
      <c r="E45" s="563" t="s">
        <v>386</v>
      </c>
      <c r="F45" s="564"/>
      <c r="G45" s="564"/>
      <c r="H45" s="564"/>
      <c r="I45" s="564"/>
      <c r="J45" s="564"/>
      <c r="K45" s="564"/>
      <c r="L45" s="564"/>
      <c r="M45" s="564"/>
      <c r="N45" s="564"/>
      <c r="O45" s="564"/>
      <c r="P45" s="564"/>
      <c r="Q45" s="564"/>
      <c r="R45" s="564"/>
      <c r="S45" s="564"/>
      <c r="T45" s="565"/>
      <c r="U45" s="385" t="s">
        <v>387</v>
      </c>
      <c r="V45" s="546" t="s">
        <v>101</v>
      </c>
      <c r="W45" s="547"/>
      <c r="X45" s="547"/>
      <c r="Y45" s="547"/>
      <c r="Z45" s="548"/>
      <c r="AA45" s="546" t="s">
        <v>102</v>
      </c>
      <c r="AB45" s="547"/>
      <c r="AC45" s="548"/>
      <c r="AD45" s="414">
        <v>10</v>
      </c>
      <c r="AE45" s="415" t="s">
        <v>103</v>
      </c>
      <c r="AF45" s="541"/>
      <c r="AG45" s="542"/>
      <c r="AH45" s="549"/>
      <c r="AI45" s="550"/>
      <c r="AJ45" s="551"/>
      <c r="AK45" s="335"/>
      <c r="AL45" s="330"/>
      <c r="AM45" s="16"/>
      <c r="AN45" s="3" t="str">
        <f>$J$19</f>
        <v>■</v>
      </c>
    </row>
    <row r="46" spans="1:40" ht="13.4" customHeight="1">
      <c r="A46" s="20" t="str">
        <f t="shared" si="2"/>
        <v>IR</v>
      </c>
      <c r="B46" s="20"/>
      <c r="C46" s="541">
        <v>2</v>
      </c>
      <c r="D46" s="542"/>
      <c r="E46" s="563" t="s">
        <v>388</v>
      </c>
      <c r="F46" s="564"/>
      <c r="G46" s="564"/>
      <c r="H46" s="564"/>
      <c r="I46" s="564"/>
      <c r="J46" s="564"/>
      <c r="K46" s="564"/>
      <c r="L46" s="564"/>
      <c r="M46" s="564"/>
      <c r="N46" s="564"/>
      <c r="O46" s="564"/>
      <c r="P46" s="564"/>
      <c r="Q46" s="564"/>
      <c r="R46" s="564"/>
      <c r="S46" s="564"/>
      <c r="T46" s="565"/>
      <c r="U46" s="385" t="s">
        <v>389</v>
      </c>
      <c r="V46" s="546" t="s">
        <v>101</v>
      </c>
      <c r="W46" s="547"/>
      <c r="X46" s="547"/>
      <c r="Y46" s="547"/>
      <c r="Z46" s="548"/>
      <c r="AA46" s="546" t="s">
        <v>102</v>
      </c>
      <c r="AB46" s="547"/>
      <c r="AC46" s="548"/>
      <c r="AD46" s="414">
        <v>51</v>
      </c>
      <c r="AE46" s="415" t="s">
        <v>103</v>
      </c>
      <c r="AF46" s="541"/>
      <c r="AG46" s="542"/>
      <c r="AH46" s="549"/>
      <c r="AI46" s="550"/>
      <c r="AJ46" s="551"/>
      <c r="AK46" s="335"/>
      <c r="AL46" s="329"/>
      <c r="AM46" s="16"/>
      <c r="AN46" s="3" t="str">
        <f t="shared" ref="AN46:AN60" si="3">$J$19</f>
        <v>■</v>
      </c>
    </row>
    <row r="47" spans="1:40" s="28" customFormat="1" ht="13.4" customHeight="1">
      <c r="A47" s="20" t="str">
        <f t="shared" si="2"/>
        <v>IR</v>
      </c>
      <c r="B47" s="20"/>
      <c r="C47" s="552">
        <v>3</v>
      </c>
      <c r="D47" s="553"/>
      <c r="E47" s="566" t="s">
        <v>106</v>
      </c>
      <c r="F47" s="567"/>
      <c r="G47" s="567"/>
      <c r="H47" s="567"/>
      <c r="I47" s="567"/>
      <c r="J47" s="567"/>
      <c r="K47" s="567"/>
      <c r="L47" s="567"/>
      <c r="M47" s="567"/>
      <c r="N47" s="567"/>
      <c r="O47" s="567"/>
      <c r="P47" s="567"/>
      <c r="Q47" s="567"/>
      <c r="R47" s="567"/>
      <c r="S47" s="567"/>
      <c r="T47" s="568"/>
      <c r="U47" s="386" t="s">
        <v>390</v>
      </c>
      <c r="V47" s="557" t="s">
        <v>107</v>
      </c>
      <c r="W47" s="558"/>
      <c r="X47" s="558"/>
      <c r="Y47" s="558"/>
      <c r="Z47" s="559"/>
      <c r="AA47" s="557" t="s">
        <v>108</v>
      </c>
      <c r="AB47" s="558"/>
      <c r="AC47" s="559"/>
      <c r="AD47" s="401">
        <v>1</v>
      </c>
      <c r="AE47" s="419">
        <v>0</v>
      </c>
      <c r="AF47" s="552" t="s">
        <v>109</v>
      </c>
      <c r="AG47" s="553"/>
      <c r="AH47" s="560"/>
      <c r="AI47" s="561"/>
      <c r="AJ47" s="562"/>
      <c r="AK47" s="321" t="s">
        <v>416</v>
      </c>
      <c r="AL47" s="329"/>
      <c r="AM47" s="331"/>
      <c r="AN47" s="3" t="str">
        <f t="shared" si="3"/>
        <v>■</v>
      </c>
    </row>
    <row r="48" spans="1:40" s="28" customFormat="1" ht="13.4" customHeight="1">
      <c r="A48" s="20" t="str">
        <f t="shared" si="2"/>
        <v>IR</v>
      </c>
      <c r="B48" s="20"/>
      <c r="C48" s="541">
        <v>4</v>
      </c>
      <c r="D48" s="542"/>
      <c r="E48" s="563" t="s">
        <v>110</v>
      </c>
      <c r="F48" s="564"/>
      <c r="G48" s="564"/>
      <c r="H48" s="564"/>
      <c r="I48" s="564"/>
      <c r="J48" s="564"/>
      <c r="K48" s="564"/>
      <c r="L48" s="564"/>
      <c r="M48" s="564"/>
      <c r="N48" s="564"/>
      <c r="O48" s="564"/>
      <c r="P48" s="564"/>
      <c r="Q48" s="564"/>
      <c r="R48" s="564"/>
      <c r="S48" s="564"/>
      <c r="T48" s="565"/>
      <c r="U48" s="387" t="s">
        <v>392</v>
      </c>
      <c r="V48" s="546" t="s">
        <v>417</v>
      </c>
      <c r="W48" s="547"/>
      <c r="X48" s="547"/>
      <c r="Y48" s="547"/>
      <c r="Z48" s="548"/>
      <c r="AA48" s="546" t="s">
        <v>108</v>
      </c>
      <c r="AB48" s="547"/>
      <c r="AC48" s="548"/>
      <c r="AD48" s="405">
        <v>1</v>
      </c>
      <c r="AE48" s="415">
        <v>0</v>
      </c>
      <c r="AF48" s="541"/>
      <c r="AG48" s="542"/>
      <c r="AH48" s="549"/>
      <c r="AI48" s="550"/>
      <c r="AJ48" s="551"/>
      <c r="AK48" s="265"/>
      <c r="AL48" s="329"/>
      <c r="AM48" s="331"/>
      <c r="AN48" s="3" t="str">
        <f t="shared" si="3"/>
        <v>■</v>
      </c>
    </row>
    <row r="49" spans="1:40" ht="13.4" customHeight="1">
      <c r="A49" s="20" t="str">
        <f t="shared" si="2"/>
        <v>IR</v>
      </c>
      <c r="B49" s="20"/>
      <c r="C49" s="541">
        <v>5</v>
      </c>
      <c r="D49" s="542"/>
      <c r="E49" s="563" t="s">
        <v>80</v>
      </c>
      <c r="F49" s="564"/>
      <c r="G49" s="564"/>
      <c r="H49" s="564"/>
      <c r="I49" s="564"/>
      <c r="J49" s="564"/>
      <c r="K49" s="564"/>
      <c r="L49" s="564"/>
      <c r="M49" s="564"/>
      <c r="N49" s="564"/>
      <c r="O49" s="564"/>
      <c r="P49" s="564"/>
      <c r="Q49" s="564"/>
      <c r="R49" s="564"/>
      <c r="S49" s="564"/>
      <c r="T49" s="565"/>
      <c r="U49" s="387" t="s">
        <v>393</v>
      </c>
      <c r="V49" s="546" t="s">
        <v>101</v>
      </c>
      <c r="W49" s="547"/>
      <c r="X49" s="547"/>
      <c r="Y49" s="547"/>
      <c r="Z49" s="548"/>
      <c r="AA49" s="546" t="s">
        <v>102</v>
      </c>
      <c r="AB49" s="547"/>
      <c r="AC49" s="548"/>
      <c r="AD49" s="405">
        <v>2</v>
      </c>
      <c r="AE49" s="415" t="s">
        <v>103</v>
      </c>
      <c r="AF49" s="541"/>
      <c r="AG49" s="542"/>
      <c r="AH49" s="549"/>
      <c r="AI49" s="550"/>
      <c r="AJ49" s="551"/>
      <c r="AK49" s="265"/>
      <c r="AL49" s="329"/>
      <c r="AM49" s="16"/>
      <c r="AN49" s="3" t="str">
        <f t="shared" si="3"/>
        <v>■</v>
      </c>
    </row>
    <row r="50" spans="1:40" ht="13.4" customHeight="1">
      <c r="A50" s="20" t="str">
        <f t="shared" si="2"/>
        <v>IR</v>
      </c>
      <c r="B50" s="20"/>
      <c r="C50" s="541">
        <v>6</v>
      </c>
      <c r="D50" s="542"/>
      <c r="E50" s="563" t="s">
        <v>418</v>
      </c>
      <c r="F50" s="564"/>
      <c r="G50" s="564"/>
      <c r="H50" s="564"/>
      <c r="I50" s="564"/>
      <c r="J50" s="564"/>
      <c r="K50" s="564"/>
      <c r="L50" s="564"/>
      <c r="M50" s="564"/>
      <c r="N50" s="564"/>
      <c r="O50" s="564"/>
      <c r="P50" s="564"/>
      <c r="Q50" s="564"/>
      <c r="R50" s="564"/>
      <c r="S50" s="564"/>
      <c r="T50" s="565"/>
      <c r="U50" s="387" t="s">
        <v>419</v>
      </c>
      <c r="V50" s="546" t="s">
        <v>107</v>
      </c>
      <c r="W50" s="547"/>
      <c r="X50" s="547"/>
      <c r="Y50" s="547"/>
      <c r="Z50" s="548"/>
      <c r="AA50" s="546" t="s">
        <v>102</v>
      </c>
      <c r="AB50" s="547"/>
      <c r="AC50" s="548"/>
      <c r="AD50" s="405">
        <v>1</v>
      </c>
      <c r="AE50" s="415" t="s">
        <v>103</v>
      </c>
      <c r="AF50" s="541"/>
      <c r="AG50" s="542"/>
      <c r="AH50" s="549"/>
      <c r="AI50" s="550"/>
      <c r="AJ50" s="551"/>
      <c r="AK50" s="265"/>
      <c r="AL50" s="330"/>
      <c r="AM50" s="16"/>
      <c r="AN50" s="3" t="str">
        <f t="shared" si="3"/>
        <v>■</v>
      </c>
    </row>
    <row r="51" spans="1:40" ht="13.4" customHeight="1">
      <c r="A51" s="20" t="str">
        <f t="shared" si="2"/>
        <v>IR</v>
      </c>
      <c r="B51" s="20"/>
      <c r="C51" s="541">
        <v>7</v>
      </c>
      <c r="D51" s="542"/>
      <c r="E51" s="563" t="s">
        <v>420</v>
      </c>
      <c r="F51" s="564"/>
      <c r="G51" s="564"/>
      <c r="H51" s="564"/>
      <c r="I51" s="564"/>
      <c r="J51" s="564"/>
      <c r="K51" s="564"/>
      <c r="L51" s="564"/>
      <c r="M51" s="564"/>
      <c r="N51" s="564"/>
      <c r="O51" s="564"/>
      <c r="P51" s="564"/>
      <c r="Q51" s="564"/>
      <c r="R51" s="564"/>
      <c r="S51" s="564"/>
      <c r="T51" s="565"/>
      <c r="U51" s="387" t="s">
        <v>421</v>
      </c>
      <c r="V51" s="546" t="s">
        <v>107</v>
      </c>
      <c r="W51" s="547"/>
      <c r="X51" s="547"/>
      <c r="Y51" s="547"/>
      <c r="Z51" s="548"/>
      <c r="AA51" s="546" t="s">
        <v>102</v>
      </c>
      <c r="AB51" s="547"/>
      <c r="AC51" s="548"/>
      <c r="AD51" s="405">
        <v>2</v>
      </c>
      <c r="AE51" s="415" t="s">
        <v>103</v>
      </c>
      <c r="AF51" s="541"/>
      <c r="AG51" s="542"/>
      <c r="AH51" s="549"/>
      <c r="AI51" s="550"/>
      <c r="AJ51" s="551"/>
      <c r="AK51" s="265"/>
      <c r="AL51" s="329"/>
      <c r="AM51" s="16"/>
      <c r="AN51" s="3" t="str">
        <f t="shared" si="3"/>
        <v>■</v>
      </c>
    </row>
    <row r="52" spans="1:40" ht="13.4" customHeight="1">
      <c r="A52" s="20" t="str">
        <f t="shared" si="2"/>
        <v>IR</v>
      </c>
      <c r="B52" s="20"/>
      <c r="C52" s="541">
        <v>8</v>
      </c>
      <c r="D52" s="542"/>
      <c r="E52" s="563" t="s">
        <v>422</v>
      </c>
      <c r="F52" s="564"/>
      <c r="G52" s="564"/>
      <c r="H52" s="564"/>
      <c r="I52" s="564"/>
      <c r="J52" s="564"/>
      <c r="K52" s="564"/>
      <c r="L52" s="564"/>
      <c r="M52" s="564"/>
      <c r="N52" s="564"/>
      <c r="O52" s="564"/>
      <c r="P52" s="564"/>
      <c r="Q52" s="564"/>
      <c r="R52" s="564"/>
      <c r="S52" s="564"/>
      <c r="T52" s="565"/>
      <c r="U52" s="387" t="s">
        <v>423</v>
      </c>
      <c r="V52" s="546" t="s">
        <v>107</v>
      </c>
      <c r="W52" s="547"/>
      <c r="X52" s="547"/>
      <c r="Y52" s="547"/>
      <c r="Z52" s="548"/>
      <c r="AA52" s="546" t="s">
        <v>102</v>
      </c>
      <c r="AB52" s="547"/>
      <c r="AC52" s="548"/>
      <c r="AD52" s="405">
        <v>1</v>
      </c>
      <c r="AE52" s="415" t="s">
        <v>103</v>
      </c>
      <c r="AF52" s="541"/>
      <c r="AG52" s="542"/>
      <c r="AH52" s="549"/>
      <c r="AI52" s="550"/>
      <c r="AJ52" s="551"/>
      <c r="AK52" s="265"/>
      <c r="AL52" s="329"/>
      <c r="AM52" s="16"/>
      <c r="AN52" s="3" t="str">
        <f t="shared" si="3"/>
        <v>■</v>
      </c>
    </row>
    <row r="53" spans="1:40" s="28" customFormat="1" ht="13.4" customHeight="1">
      <c r="A53" s="20" t="str">
        <f t="shared" si="2"/>
        <v>IR</v>
      </c>
      <c r="B53" s="20"/>
      <c r="C53" s="552">
        <v>9</v>
      </c>
      <c r="D53" s="553"/>
      <c r="E53" s="566" t="s">
        <v>424</v>
      </c>
      <c r="F53" s="567"/>
      <c r="G53" s="567"/>
      <c r="H53" s="567"/>
      <c r="I53" s="567"/>
      <c r="J53" s="567"/>
      <c r="K53" s="567"/>
      <c r="L53" s="567"/>
      <c r="M53" s="567"/>
      <c r="N53" s="567"/>
      <c r="O53" s="567"/>
      <c r="P53" s="567"/>
      <c r="Q53" s="567"/>
      <c r="R53" s="567"/>
      <c r="S53" s="567"/>
      <c r="T53" s="568"/>
      <c r="U53" s="386" t="s">
        <v>425</v>
      </c>
      <c r="V53" s="557" t="s">
        <v>107</v>
      </c>
      <c r="W53" s="558"/>
      <c r="X53" s="558"/>
      <c r="Y53" s="558"/>
      <c r="Z53" s="559"/>
      <c r="AA53" s="557" t="s">
        <v>102</v>
      </c>
      <c r="AB53" s="558"/>
      <c r="AC53" s="559"/>
      <c r="AD53" s="401">
        <v>7</v>
      </c>
      <c r="AE53" s="419" t="s">
        <v>103</v>
      </c>
      <c r="AF53" s="552" t="s">
        <v>109</v>
      </c>
      <c r="AG53" s="553"/>
      <c r="AH53" s="560"/>
      <c r="AI53" s="561"/>
      <c r="AJ53" s="562"/>
      <c r="AK53" s="333" t="s">
        <v>416</v>
      </c>
      <c r="AL53" s="329"/>
      <c r="AM53" s="331"/>
      <c r="AN53" s="3" t="str">
        <f t="shared" si="3"/>
        <v>■</v>
      </c>
    </row>
    <row r="54" spans="1:40" ht="13.4" customHeight="1">
      <c r="A54" s="20" t="str">
        <f t="shared" si="2"/>
        <v>IR</v>
      </c>
      <c r="B54" s="20"/>
      <c r="C54" s="541">
        <v>10</v>
      </c>
      <c r="D54" s="542"/>
      <c r="E54" s="563" t="s">
        <v>426</v>
      </c>
      <c r="F54" s="564"/>
      <c r="G54" s="564"/>
      <c r="H54" s="564"/>
      <c r="I54" s="564"/>
      <c r="J54" s="564"/>
      <c r="K54" s="564"/>
      <c r="L54" s="564"/>
      <c r="M54" s="564"/>
      <c r="N54" s="564"/>
      <c r="O54" s="564"/>
      <c r="P54" s="564"/>
      <c r="Q54" s="564"/>
      <c r="R54" s="564"/>
      <c r="S54" s="564"/>
      <c r="T54" s="565"/>
      <c r="U54" s="387" t="s">
        <v>427</v>
      </c>
      <c r="V54" s="546" t="s">
        <v>107</v>
      </c>
      <c r="W54" s="547"/>
      <c r="X54" s="547"/>
      <c r="Y54" s="547"/>
      <c r="Z54" s="548"/>
      <c r="AA54" s="546" t="s">
        <v>102</v>
      </c>
      <c r="AB54" s="547"/>
      <c r="AC54" s="548"/>
      <c r="AD54" s="405">
        <v>7</v>
      </c>
      <c r="AE54" s="415" t="s">
        <v>103</v>
      </c>
      <c r="AF54" s="541"/>
      <c r="AG54" s="542"/>
      <c r="AH54" s="549"/>
      <c r="AI54" s="550"/>
      <c r="AJ54" s="551"/>
      <c r="AK54" s="265" t="s">
        <v>3021</v>
      </c>
      <c r="AL54" s="329"/>
      <c r="AM54" s="16"/>
      <c r="AN54" s="3" t="str">
        <f t="shared" si="3"/>
        <v>■</v>
      </c>
    </row>
    <row r="55" spans="1:40" ht="13.4" customHeight="1">
      <c r="A55" s="20" t="str">
        <f t="shared" si="2"/>
        <v>IR</v>
      </c>
      <c r="B55" s="20"/>
      <c r="C55" s="552">
        <v>11</v>
      </c>
      <c r="D55" s="553"/>
      <c r="E55" s="566" t="s">
        <v>428</v>
      </c>
      <c r="F55" s="567"/>
      <c r="G55" s="567"/>
      <c r="H55" s="567"/>
      <c r="I55" s="567"/>
      <c r="J55" s="567"/>
      <c r="K55" s="567"/>
      <c r="L55" s="567"/>
      <c r="M55" s="567"/>
      <c r="N55" s="567"/>
      <c r="O55" s="567"/>
      <c r="P55" s="567"/>
      <c r="Q55" s="567"/>
      <c r="R55" s="567"/>
      <c r="S55" s="567"/>
      <c r="T55" s="568"/>
      <c r="U55" s="386" t="s">
        <v>429</v>
      </c>
      <c r="V55" s="557" t="s">
        <v>107</v>
      </c>
      <c r="W55" s="558"/>
      <c r="X55" s="558"/>
      <c r="Y55" s="558"/>
      <c r="Z55" s="559"/>
      <c r="AA55" s="557" t="s">
        <v>102</v>
      </c>
      <c r="AB55" s="558"/>
      <c r="AC55" s="559"/>
      <c r="AD55" s="401">
        <v>2</v>
      </c>
      <c r="AE55" s="419" t="s">
        <v>103</v>
      </c>
      <c r="AF55" s="552" t="s">
        <v>109</v>
      </c>
      <c r="AG55" s="553"/>
      <c r="AH55" s="560"/>
      <c r="AI55" s="561"/>
      <c r="AJ55" s="562"/>
      <c r="AK55" s="333" t="s">
        <v>391</v>
      </c>
      <c r="AL55" s="329"/>
      <c r="AM55" s="16"/>
      <c r="AN55" s="3" t="str">
        <f t="shared" si="3"/>
        <v>■</v>
      </c>
    </row>
    <row r="56" spans="1:40" ht="13.4" customHeight="1">
      <c r="A56" s="20" t="str">
        <f t="shared" si="2"/>
        <v>IR</v>
      </c>
      <c r="B56" s="20"/>
      <c r="C56" s="541">
        <v>12</v>
      </c>
      <c r="D56" s="542"/>
      <c r="E56" s="563" t="s">
        <v>430</v>
      </c>
      <c r="F56" s="564"/>
      <c r="G56" s="564"/>
      <c r="H56" s="564"/>
      <c r="I56" s="564"/>
      <c r="J56" s="564"/>
      <c r="K56" s="564"/>
      <c r="L56" s="564"/>
      <c r="M56" s="564"/>
      <c r="N56" s="564"/>
      <c r="O56" s="564"/>
      <c r="P56" s="564"/>
      <c r="Q56" s="564"/>
      <c r="R56" s="564"/>
      <c r="S56" s="564"/>
      <c r="T56" s="565"/>
      <c r="U56" s="387" t="s">
        <v>431</v>
      </c>
      <c r="V56" s="546" t="s">
        <v>107</v>
      </c>
      <c r="W56" s="547"/>
      <c r="X56" s="547"/>
      <c r="Y56" s="547"/>
      <c r="Z56" s="548"/>
      <c r="AA56" s="546" t="s">
        <v>102</v>
      </c>
      <c r="AB56" s="547"/>
      <c r="AC56" s="548"/>
      <c r="AD56" s="405">
        <v>6</v>
      </c>
      <c r="AE56" s="415" t="s">
        <v>103</v>
      </c>
      <c r="AF56" s="541"/>
      <c r="AG56" s="542"/>
      <c r="AH56" s="549"/>
      <c r="AI56" s="550"/>
      <c r="AJ56" s="551"/>
      <c r="AK56" s="265"/>
      <c r="AL56" s="329"/>
      <c r="AM56" s="16"/>
      <c r="AN56" s="3" t="str">
        <f t="shared" si="3"/>
        <v>■</v>
      </c>
    </row>
    <row r="57" spans="1:40" ht="13.4" customHeight="1">
      <c r="A57" s="20" t="str">
        <f t="shared" si="2"/>
        <v>IR</v>
      </c>
      <c r="B57" s="20"/>
      <c r="C57" s="541">
        <v>13</v>
      </c>
      <c r="D57" s="542"/>
      <c r="E57" s="563" t="s">
        <v>432</v>
      </c>
      <c r="F57" s="564"/>
      <c r="G57" s="564"/>
      <c r="H57" s="564"/>
      <c r="I57" s="564"/>
      <c r="J57" s="564"/>
      <c r="K57" s="564"/>
      <c r="L57" s="564"/>
      <c r="M57" s="564"/>
      <c r="N57" s="564"/>
      <c r="O57" s="564"/>
      <c r="P57" s="564"/>
      <c r="Q57" s="564"/>
      <c r="R57" s="564"/>
      <c r="S57" s="564"/>
      <c r="T57" s="565"/>
      <c r="U57" s="387" t="s">
        <v>433</v>
      </c>
      <c r="V57" s="546" t="s">
        <v>107</v>
      </c>
      <c r="W57" s="547"/>
      <c r="X57" s="547"/>
      <c r="Y57" s="547"/>
      <c r="Z57" s="548"/>
      <c r="AA57" s="546" t="s">
        <v>102</v>
      </c>
      <c r="AB57" s="547"/>
      <c r="AC57" s="548"/>
      <c r="AD57" s="405">
        <v>2</v>
      </c>
      <c r="AE57" s="415" t="s">
        <v>103</v>
      </c>
      <c r="AF57" s="541"/>
      <c r="AG57" s="542"/>
      <c r="AH57" s="549"/>
      <c r="AI57" s="550"/>
      <c r="AJ57" s="551"/>
      <c r="AK57" s="265"/>
      <c r="AL57" s="329"/>
      <c r="AM57" s="16"/>
      <c r="AN57" s="3" t="str">
        <f t="shared" si="3"/>
        <v>■</v>
      </c>
    </row>
    <row r="58" spans="1:40" ht="13.4" customHeight="1">
      <c r="A58" s="20" t="str">
        <f t="shared" si="2"/>
        <v>IR</v>
      </c>
      <c r="B58" s="20"/>
      <c r="C58" s="541">
        <v>14</v>
      </c>
      <c r="D58" s="542"/>
      <c r="E58" s="563" t="s">
        <v>434</v>
      </c>
      <c r="F58" s="564"/>
      <c r="G58" s="564"/>
      <c r="H58" s="564"/>
      <c r="I58" s="564"/>
      <c r="J58" s="564"/>
      <c r="K58" s="564"/>
      <c r="L58" s="564"/>
      <c r="M58" s="564"/>
      <c r="N58" s="564"/>
      <c r="O58" s="564"/>
      <c r="P58" s="564"/>
      <c r="Q58" s="564"/>
      <c r="R58" s="564"/>
      <c r="S58" s="564"/>
      <c r="T58" s="565"/>
      <c r="U58" s="387" t="s">
        <v>435</v>
      </c>
      <c r="V58" s="546" t="s">
        <v>107</v>
      </c>
      <c r="W58" s="547"/>
      <c r="X58" s="547"/>
      <c r="Y58" s="547"/>
      <c r="Z58" s="548"/>
      <c r="AA58" s="546" t="s">
        <v>108</v>
      </c>
      <c r="AB58" s="547"/>
      <c r="AC58" s="548"/>
      <c r="AD58" s="403">
        <v>1</v>
      </c>
      <c r="AE58" s="415">
        <v>0</v>
      </c>
      <c r="AF58" s="541"/>
      <c r="AG58" s="542"/>
      <c r="AH58" s="549"/>
      <c r="AI58" s="550"/>
      <c r="AJ58" s="551"/>
      <c r="AK58" s="335"/>
      <c r="AL58" s="329"/>
      <c r="AM58" s="16"/>
      <c r="AN58" s="3" t="str">
        <f t="shared" si="3"/>
        <v>■</v>
      </c>
    </row>
    <row r="59" spans="1:40" ht="13.4" customHeight="1">
      <c r="A59" s="20" t="str">
        <f t="shared" si="2"/>
        <v>IR</v>
      </c>
      <c r="B59" s="20"/>
      <c r="C59" s="541">
        <v>15</v>
      </c>
      <c r="D59" s="542"/>
      <c r="E59" s="563" t="s">
        <v>409</v>
      </c>
      <c r="F59" s="564"/>
      <c r="G59" s="564"/>
      <c r="H59" s="564"/>
      <c r="I59" s="564"/>
      <c r="J59" s="564"/>
      <c r="K59" s="564"/>
      <c r="L59" s="564"/>
      <c r="M59" s="564"/>
      <c r="N59" s="564"/>
      <c r="O59" s="564"/>
      <c r="P59" s="564"/>
      <c r="Q59" s="564"/>
      <c r="R59" s="564"/>
      <c r="S59" s="564"/>
      <c r="T59" s="565"/>
      <c r="U59" s="387" t="s">
        <v>436</v>
      </c>
      <c r="V59" s="546" t="s">
        <v>107</v>
      </c>
      <c r="W59" s="547"/>
      <c r="X59" s="547"/>
      <c r="Y59" s="547"/>
      <c r="Z59" s="548"/>
      <c r="AA59" s="546" t="s">
        <v>102</v>
      </c>
      <c r="AB59" s="547"/>
      <c r="AC59" s="548"/>
      <c r="AD59" s="405">
        <v>6</v>
      </c>
      <c r="AE59" s="415" t="s">
        <v>103</v>
      </c>
      <c r="AF59" s="541"/>
      <c r="AG59" s="542"/>
      <c r="AH59" s="549"/>
      <c r="AI59" s="550"/>
      <c r="AJ59" s="551"/>
      <c r="AK59" s="265"/>
      <c r="AL59" s="334"/>
      <c r="AM59" s="16"/>
      <c r="AN59" s="3" t="str">
        <f t="shared" si="3"/>
        <v>■</v>
      </c>
    </row>
    <row r="60" spans="1:40" ht="13.4" customHeight="1">
      <c r="A60" s="20" t="str">
        <f t="shared" si="2"/>
        <v>IR</v>
      </c>
      <c r="B60" s="20"/>
      <c r="C60" s="541">
        <v>16</v>
      </c>
      <c r="D60" s="542"/>
      <c r="E60" s="563" t="s">
        <v>411</v>
      </c>
      <c r="F60" s="564"/>
      <c r="G60" s="564"/>
      <c r="H60" s="564"/>
      <c r="I60" s="564"/>
      <c r="J60" s="564"/>
      <c r="K60" s="564"/>
      <c r="L60" s="564"/>
      <c r="M60" s="564"/>
      <c r="N60" s="564"/>
      <c r="O60" s="564"/>
      <c r="P60" s="564"/>
      <c r="Q60" s="564"/>
      <c r="R60" s="564"/>
      <c r="S60" s="564"/>
      <c r="T60" s="565"/>
      <c r="U60" s="389" t="s">
        <v>437</v>
      </c>
      <c r="V60" s="546" t="s">
        <v>107</v>
      </c>
      <c r="W60" s="547"/>
      <c r="X60" s="547"/>
      <c r="Y60" s="547"/>
      <c r="Z60" s="548"/>
      <c r="AA60" s="546" t="s">
        <v>102</v>
      </c>
      <c r="AB60" s="547"/>
      <c r="AC60" s="548"/>
      <c r="AD60" s="403">
        <v>6</v>
      </c>
      <c r="AE60" s="415" t="s">
        <v>103</v>
      </c>
      <c r="AF60" s="541"/>
      <c r="AG60" s="542"/>
      <c r="AH60" s="549"/>
      <c r="AI60" s="550"/>
      <c r="AJ60" s="551"/>
      <c r="AK60" s="265"/>
      <c r="AL60" s="329"/>
      <c r="AM60" s="16"/>
      <c r="AN60" s="3" t="str">
        <f t="shared" si="3"/>
        <v>■</v>
      </c>
    </row>
    <row r="61" spans="1:40">
      <c r="A61" s="20" t="str">
        <f>IF(LEN(J61)&gt;0,MID(J61,FIND("（",J61,1)+1,2),A57)</f>
        <v>IR</v>
      </c>
      <c r="B61" s="20"/>
      <c r="V61" s="238"/>
      <c r="W61" s="238"/>
      <c r="X61" s="238"/>
      <c r="Y61" s="238"/>
      <c r="Z61" s="238"/>
      <c r="AA61" s="238"/>
      <c r="AB61" s="238"/>
      <c r="AC61" s="238"/>
      <c r="AD61" s="122"/>
      <c r="AE61" s="122"/>
      <c r="AF61" s="238"/>
      <c r="AG61" s="238"/>
      <c r="AH61" s="238"/>
      <c r="AI61" s="238"/>
      <c r="AJ61" s="238"/>
      <c r="AK61" s="55"/>
      <c r="AL61" s="329"/>
      <c r="AM61" s="16"/>
    </row>
    <row r="62" spans="1:40" s="1" customFormat="1">
      <c r="A62" s="20" t="str">
        <f t="shared" ref="A62:A118" si="4">IF(LEN(J62)&gt;0,MID(J62,FIND("（",J62,1)+1,2),A61)</f>
        <v>RE</v>
      </c>
      <c r="B62" s="20"/>
      <c r="C62" s="52" t="s">
        <v>380</v>
      </c>
      <c r="D62" s="16"/>
      <c r="E62" s="26"/>
      <c r="F62" s="26"/>
      <c r="G62" s="26"/>
      <c r="H62" s="26"/>
      <c r="I62" s="26"/>
      <c r="J62" s="26" t="s">
        <v>3034</v>
      </c>
      <c r="K62" s="26"/>
      <c r="L62" s="26"/>
      <c r="M62" s="26"/>
      <c r="N62" s="26"/>
      <c r="O62" s="26"/>
      <c r="P62" s="26"/>
      <c r="Q62" s="26"/>
      <c r="R62" s="26"/>
      <c r="S62" s="26"/>
      <c r="T62" s="26"/>
      <c r="U62" s="26" t="s">
        <v>439</v>
      </c>
      <c r="V62" s="122"/>
      <c r="W62" s="122"/>
      <c r="X62" s="122"/>
      <c r="Y62" s="122"/>
      <c r="Z62" s="122"/>
      <c r="AA62" s="122"/>
      <c r="AB62" s="122"/>
      <c r="AC62" s="122"/>
      <c r="AD62" s="122"/>
      <c r="AE62" s="122"/>
      <c r="AF62" s="122"/>
      <c r="AG62" s="122"/>
      <c r="AH62" s="122"/>
      <c r="AI62" s="122"/>
      <c r="AJ62" s="122"/>
      <c r="AK62" s="26"/>
      <c r="AL62" s="329"/>
      <c r="AM62" s="26"/>
    </row>
    <row r="63" spans="1:40" ht="13.5" customHeight="1">
      <c r="A63" s="20" t="str">
        <f t="shared" si="4"/>
        <v>RE</v>
      </c>
      <c r="B63" s="20"/>
      <c r="C63" s="571" t="s">
        <v>73</v>
      </c>
      <c r="D63" s="573"/>
      <c r="E63" s="571" t="s">
        <v>94</v>
      </c>
      <c r="F63" s="571"/>
      <c r="G63" s="571"/>
      <c r="H63" s="571"/>
      <c r="I63" s="571"/>
      <c r="J63" s="571"/>
      <c r="K63" s="571"/>
      <c r="L63" s="571"/>
      <c r="M63" s="571"/>
      <c r="N63" s="571"/>
      <c r="O63" s="571"/>
      <c r="P63" s="571"/>
      <c r="Q63" s="571"/>
      <c r="R63" s="571"/>
      <c r="S63" s="571"/>
      <c r="T63" s="571"/>
      <c r="U63" s="226" t="s">
        <v>383</v>
      </c>
      <c r="V63" s="574" t="s">
        <v>138</v>
      </c>
      <c r="W63" s="574"/>
      <c r="X63" s="574"/>
      <c r="Y63" s="574"/>
      <c r="Z63" s="574"/>
      <c r="AA63" s="575" t="s">
        <v>415</v>
      </c>
      <c r="AB63" s="576"/>
      <c r="AC63" s="577"/>
      <c r="AD63" s="493" t="s">
        <v>97</v>
      </c>
      <c r="AE63" s="493"/>
      <c r="AF63" s="574" t="s">
        <v>98</v>
      </c>
      <c r="AG63" s="574"/>
      <c r="AH63" s="571" t="s">
        <v>75</v>
      </c>
      <c r="AI63" s="571"/>
      <c r="AJ63" s="571"/>
      <c r="AK63" s="581" t="s">
        <v>159</v>
      </c>
      <c r="AL63" s="329"/>
      <c r="AM63" s="16"/>
    </row>
    <row r="64" spans="1:40">
      <c r="A64" s="20" t="str">
        <f t="shared" si="4"/>
        <v>RE</v>
      </c>
      <c r="B64" s="20"/>
      <c r="C64" s="573"/>
      <c r="D64" s="573"/>
      <c r="E64" s="571"/>
      <c r="F64" s="571"/>
      <c r="G64" s="571"/>
      <c r="H64" s="571"/>
      <c r="I64" s="571"/>
      <c r="J64" s="571"/>
      <c r="K64" s="571"/>
      <c r="L64" s="571"/>
      <c r="M64" s="571"/>
      <c r="N64" s="571"/>
      <c r="O64" s="571"/>
      <c r="P64" s="571"/>
      <c r="Q64" s="571"/>
      <c r="R64" s="571"/>
      <c r="S64" s="571"/>
      <c r="T64" s="571"/>
      <c r="U64" s="227"/>
      <c r="V64" s="574"/>
      <c r="W64" s="574"/>
      <c r="X64" s="574"/>
      <c r="Y64" s="574"/>
      <c r="Z64" s="574"/>
      <c r="AA64" s="578"/>
      <c r="AB64" s="579"/>
      <c r="AC64" s="580"/>
      <c r="AD64" s="493"/>
      <c r="AE64" s="493"/>
      <c r="AF64" s="574"/>
      <c r="AG64" s="574"/>
      <c r="AH64" s="571"/>
      <c r="AI64" s="571"/>
      <c r="AJ64" s="571"/>
      <c r="AK64" s="582"/>
      <c r="AL64" s="330"/>
      <c r="AM64" s="16"/>
    </row>
    <row r="65" spans="1:40" ht="13.4" customHeight="1">
      <c r="A65" s="20" t="str">
        <f t="shared" si="4"/>
        <v>RE</v>
      </c>
      <c r="B65" s="20"/>
      <c r="C65" s="541">
        <v>1</v>
      </c>
      <c r="D65" s="542"/>
      <c r="E65" s="563" t="s">
        <v>440</v>
      </c>
      <c r="F65" s="564"/>
      <c r="G65" s="564"/>
      <c r="H65" s="564"/>
      <c r="I65" s="564"/>
      <c r="J65" s="564"/>
      <c r="K65" s="564"/>
      <c r="L65" s="564"/>
      <c r="M65" s="564"/>
      <c r="N65" s="564"/>
      <c r="O65" s="564"/>
      <c r="P65" s="564"/>
      <c r="Q65" s="564"/>
      <c r="R65" s="564"/>
      <c r="S65" s="564"/>
      <c r="T65" s="565"/>
      <c r="U65" s="219" t="s">
        <v>441</v>
      </c>
      <c r="V65" s="546" t="s">
        <v>101</v>
      </c>
      <c r="W65" s="547"/>
      <c r="X65" s="547"/>
      <c r="Y65" s="547"/>
      <c r="Z65" s="548"/>
      <c r="AA65" s="546" t="s">
        <v>102</v>
      </c>
      <c r="AB65" s="547"/>
      <c r="AC65" s="548"/>
      <c r="AD65" s="415">
        <v>10</v>
      </c>
      <c r="AE65" s="415" t="s">
        <v>103</v>
      </c>
      <c r="AF65" s="541"/>
      <c r="AG65" s="542"/>
      <c r="AH65" s="592"/>
      <c r="AI65" s="592"/>
      <c r="AJ65" s="592"/>
      <c r="AK65" s="335"/>
      <c r="AL65" s="330"/>
      <c r="AM65" s="16"/>
      <c r="AN65" s="3" t="str">
        <f>$M$19</f>
        <v>■</v>
      </c>
    </row>
    <row r="66" spans="1:40" ht="13.4" customHeight="1">
      <c r="A66" s="20" t="str">
        <f t="shared" si="4"/>
        <v>RE</v>
      </c>
      <c r="B66" s="20"/>
      <c r="C66" s="541">
        <v>2</v>
      </c>
      <c r="D66" s="542"/>
      <c r="E66" s="563" t="s">
        <v>442</v>
      </c>
      <c r="F66" s="564"/>
      <c r="G66" s="564"/>
      <c r="H66" s="564"/>
      <c r="I66" s="564"/>
      <c r="J66" s="564"/>
      <c r="K66" s="564"/>
      <c r="L66" s="564"/>
      <c r="M66" s="564"/>
      <c r="N66" s="564"/>
      <c r="O66" s="564"/>
      <c r="P66" s="564"/>
      <c r="Q66" s="564"/>
      <c r="R66" s="564"/>
      <c r="S66" s="564"/>
      <c r="T66" s="565"/>
      <c r="U66" s="219" t="s">
        <v>443</v>
      </c>
      <c r="V66" s="546" t="s">
        <v>101</v>
      </c>
      <c r="W66" s="547"/>
      <c r="X66" s="547"/>
      <c r="Y66" s="547"/>
      <c r="Z66" s="548"/>
      <c r="AA66" s="546" t="s">
        <v>102</v>
      </c>
      <c r="AB66" s="547"/>
      <c r="AC66" s="548"/>
      <c r="AD66" s="415">
        <v>51</v>
      </c>
      <c r="AE66" s="415" t="s">
        <v>103</v>
      </c>
      <c r="AF66" s="541"/>
      <c r="AG66" s="542"/>
      <c r="AH66" s="592"/>
      <c r="AI66" s="592"/>
      <c r="AJ66" s="592"/>
      <c r="AK66" s="335"/>
      <c r="AL66" s="329"/>
      <c r="AM66" s="16"/>
      <c r="AN66" s="3" t="str">
        <f t="shared" ref="AN66:AN120" si="5">$M$19</f>
        <v>■</v>
      </c>
    </row>
    <row r="67" spans="1:40" s="28" customFormat="1" ht="13.4" customHeight="1">
      <c r="A67" s="20" t="str">
        <f t="shared" si="4"/>
        <v>RE</v>
      </c>
      <c r="B67" s="20"/>
      <c r="C67" s="552">
        <v>3</v>
      </c>
      <c r="D67" s="553"/>
      <c r="E67" s="566" t="s">
        <v>106</v>
      </c>
      <c r="F67" s="567"/>
      <c r="G67" s="567"/>
      <c r="H67" s="567"/>
      <c r="I67" s="567"/>
      <c r="J67" s="567"/>
      <c r="K67" s="567"/>
      <c r="L67" s="567"/>
      <c r="M67" s="567"/>
      <c r="N67" s="567"/>
      <c r="O67" s="567"/>
      <c r="P67" s="567"/>
      <c r="Q67" s="567"/>
      <c r="R67" s="567"/>
      <c r="S67" s="567"/>
      <c r="T67" s="568"/>
      <c r="U67" s="220" t="s">
        <v>444</v>
      </c>
      <c r="V67" s="557" t="s">
        <v>107</v>
      </c>
      <c r="W67" s="558"/>
      <c r="X67" s="558"/>
      <c r="Y67" s="558"/>
      <c r="Z67" s="559"/>
      <c r="AA67" s="557" t="s">
        <v>108</v>
      </c>
      <c r="AB67" s="558"/>
      <c r="AC67" s="559"/>
      <c r="AD67" s="419">
        <v>1</v>
      </c>
      <c r="AE67" s="419">
        <v>0</v>
      </c>
      <c r="AF67" s="552" t="s">
        <v>109</v>
      </c>
      <c r="AG67" s="553"/>
      <c r="AH67" s="593"/>
      <c r="AI67" s="593"/>
      <c r="AJ67" s="593"/>
      <c r="AK67" s="321" t="s">
        <v>391</v>
      </c>
      <c r="AL67" s="329"/>
      <c r="AM67" s="331"/>
      <c r="AN67" s="3" t="str">
        <f t="shared" si="5"/>
        <v>■</v>
      </c>
    </row>
    <row r="68" spans="1:40" s="28" customFormat="1" ht="13.4" customHeight="1">
      <c r="A68" s="20" t="str">
        <f t="shared" si="4"/>
        <v>RE</v>
      </c>
      <c r="B68" s="20"/>
      <c r="C68" s="541">
        <v>4</v>
      </c>
      <c r="D68" s="542"/>
      <c r="E68" s="563" t="s">
        <v>110</v>
      </c>
      <c r="F68" s="564"/>
      <c r="G68" s="564"/>
      <c r="H68" s="564"/>
      <c r="I68" s="564"/>
      <c r="J68" s="564"/>
      <c r="K68" s="564"/>
      <c r="L68" s="564"/>
      <c r="M68" s="564"/>
      <c r="N68" s="564"/>
      <c r="O68" s="564"/>
      <c r="P68" s="564"/>
      <c r="Q68" s="564"/>
      <c r="R68" s="564"/>
      <c r="S68" s="564"/>
      <c r="T68" s="565"/>
      <c r="U68" s="221" t="s">
        <v>445</v>
      </c>
      <c r="V68" s="546" t="s">
        <v>107</v>
      </c>
      <c r="W68" s="547"/>
      <c r="X68" s="547"/>
      <c r="Y68" s="547"/>
      <c r="Z68" s="548"/>
      <c r="AA68" s="546" t="s">
        <v>108</v>
      </c>
      <c r="AB68" s="547"/>
      <c r="AC68" s="548"/>
      <c r="AD68" s="415">
        <v>1</v>
      </c>
      <c r="AE68" s="415">
        <v>0</v>
      </c>
      <c r="AF68" s="541"/>
      <c r="AG68" s="542"/>
      <c r="AH68" s="592"/>
      <c r="AI68" s="592"/>
      <c r="AJ68" s="592"/>
      <c r="AK68" s="265"/>
      <c r="AL68" s="329"/>
      <c r="AM68" s="331"/>
      <c r="AN68" s="3" t="str">
        <f t="shared" si="5"/>
        <v>■</v>
      </c>
    </row>
    <row r="69" spans="1:40">
      <c r="A69" s="20" t="str">
        <f t="shared" si="4"/>
        <v>RE</v>
      </c>
      <c r="B69" s="20"/>
      <c r="C69" s="541">
        <v>5</v>
      </c>
      <c r="D69" s="542"/>
      <c r="E69" s="543" t="s">
        <v>80</v>
      </c>
      <c r="F69" s="544"/>
      <c r="G69" s="544"/>
      <c r="H69" s="544"/>
      <c r="I69" s="544"/>
      <c r="J69" s="544"/>
      <c r="K69" s="544"/>
      <c r="L69" s="544"/>
      <c r="M69" s="544"/>
      <c r="N69" s="544"/>
      <c r="O69" s="544"/>
      <c r="P69" s="544"/>
      <c r="Q69" s="544"/>
      <c r="R69" s="544"/>
      <c r="S69" s="544"/>
      <c r="T69" s="545"/>
      <c r="U69" s="221" t="s">
        <v>446</v>
      </c>
      <c r="V69" s="546" t="s">
        <v>101</v>
      </c>
      <c r="W69" s="547"/>
      <c r="X69" s="547"/>
      <c r="Y69" s="547"/>
      <c r="Z69" s="548"/>
      <c r="AA69" s="546" t="s">
        <v>102</v>
      </c>
      <c r="AB69" s="547"/>
      <c r="AC69" s="548"/>
      <c r="AD69" s="415">
        <v>2</v>
      </c>
      <c r="AE69" s="415" t="s">
        <v>103</v>
      </c>
      <c r="AF69" s="541"/>
      <c r="AG69" s="542"/>
      <c r="AH69" s="592"/>
      <c r="AI69" s="592"/>
      <c r="AJ69" s="592"/>
      <c r="AK69" s="265"/>
      <c r="AL69" s="329"/>
      <c r="AM69" s="16"/>
      <c r="AN69" s="3" t="str">
        <f t="shared" si="5"/>
        <v>■</v>
      </c>
    </row>
    <row r="70" spans="1:40">
      <c r="A70" s="20" t="str">
        <f t="shared" si="4"/>
        <v>RE</v>
      </c>
      <c r="B70" s="20"/>
      <c r="C70" s="552">
        <v>6</v>
      </c>
      <c r="D70" s="553"/>
      <c r="E70" s="554" t="s">
        <v>111</v>
      </c>
      <c r="F70" s="555"/>
      <c r="G70" s="555"/>
      <c r="H70" s="555"/>
      <c r="I70" s="555"/>
      <c r="J70" s="555"/>
      <c r="K70" s="555"/>
      <c r="L70" s="555"/>
      <c r="M70" s="555"/>
      <c r="N70" s="555"/>
      <c r="O70" s="555"/>
      <c r="P70" s="555"/>
      <c r="Q70" s="555"/>
      <c r="R70" s="555"/>
      <c r="S70" s="555"/>
      <c r="T70" s="556"/>
      <c r="U70" s="259" t="s">
        <v>447</v>
      </c>
      <c r="V70" s="557" t="s">
        <v>107</v>
      </c>
      <c r="W70" s="558"/>
      <c r="X70" s="558"/>
      <c r="Y70" s="558"/>
      <c r="Z70" s="559"/>
      <c r="AA70" s="557" t="s">
        <v>108</v>
      </c>
      <c r="AB70" s="558"/>
      <c r="AC70" s="559"/>
      <c r="AD70" s="419">
        <v>3</v>
      </c>
      <c r="AE70" s="419">
        <v>0</v>
      </c>
      <c r="AF70" s="552" t="s">
        <v>109</v>
      </c>
      <c r="AG70" s="553"/>
      <c r="AH70" s="593"/>
      <c r="AI70" s="593"/>
      <c r="AJ70" s="593"/>
      <c r="AK70" s="333" t="s">
        <v>391</v>
      </c>
      <c r="AL70" s="329"/>
      <c r="AM70" s="16"/>
      <c r="AN70" s="3" t="str">
        <f t="shared" si="5"/>
        <v>■</v>
      </c>
    </row>
    <row r="71" spans="1:40">
      <c r="A71" s="20" t="str">
        <f t="shared" si="4"/>
        <v>RE</v>
      </c>
      <c r="B71" s="20"/>
      <c r="C71" s="541">
        <v>7</v>
      </c>
      <c r="D71" s="542"/>
      <c r="E71" s="543" t="s">
        <v>112</v>
      </c>
      <c r="F71" s="544"/>
      <c r="G71" s="544"/>
      <c r="H71" s="544"/>
      <c r="I71" s="544"/>
      <c r="J71" s="544"/>
      <c r="K71" s="544"/>
      <c r="L71" s="544"/>
      <c r="M71" s="544"/>
      <c r="N71" s="544"/>
      <c r="O71" s="544"/>
      <c r="P71" s="544"/>
      <c r="Q71" s="544"/>
      <c r="R71" s="544"/>
      <c r="S71" s="544"/>
      <c r="T71" s="545"/>
      <c r="U71" s="221" t="s">
        <v>448</v>
      </c>
      <c r="V71" s="546" t="s">
        <v>101</v>
      </c>
      <c r="W71" s="547"/>
      <c r="X71" s="547"/>
      <c r="Y71" s="547"/>
      <c r="Z71" s="548"/>
      <c r="AA71" s="546" t="s">
        <v>102</v>
      </c>
      <c r="AB71" s="547"/>
      <c r="AC71" s="548"/>
      <c r="AD71" s="415">
        <v>64</v>
      </c>
      <c r="AE71" s="415" t="s">
        <v>103</v>
      </c>
      <c r="AF71" s="541"/>
      <c r="AG71" s="542"/>
      <c r="AH71" s="592"/>
      <c r="AI71" s="592"/>
      <c r="AJ71" s="592"/>
      <c r="AK71" s="265"/>
      <c r="AL71" s="329"/>
      <c r="AM71" s="16"/>
      <c r="AN71" s="3" t="str">
        <f t="shared" si="5"/>
        <v>■</v>
      </c>
    </row>
    <row r="72" spans="1:40">
      <c r="A72" s="20" t="str">
        <f t="shared" si="4"/>
        <v>RE</v>
      </c>
      <c r="B72" s="20"/>
      <c r="C72" s="541">
        <v>8</v>
      </c>
      <c r="D72" s="542"/>
      <c r="E72" s="543" t="s">
        <v>90</v>
      </c>
      <c r="F72" s="544"/>
      <c r="G72" s="544"/>
      <c r="H72" s="544"/>
      <c r="I72" s="544"/>
      <c r="J72" s="544"/>
      <c r="K72" s="544"/>
      <c r="L72" s="544"/>
      <c r="M72" s="544"/>
      <c r="N72" s="544"/>
      <c r="O72" s="544"/>
      <c r="P72" s="544"/>
      <c r="Q72" s="544"/>
      <c r="R72" s="544"/>
      <c r="S72" s="544"/>
      <c r="T72" s="545"/>
      <c r="U72" s="221" t="s">
        <v>449</v>
      </c>
      <c r="V72" s="546" t="s">
        <v>101</v>
      </c>
      <c r="W72" s="547"/>
      <c r="X72" s="547"/>
      <c r="Y72" s="547"/>
      <c r="Z72" s="548"/>
      <c r="AA72" s="546" t="s">
        <v>102</v>
      </c>
      <c r="AB72" s="547"/>
      <c r="AC72" s="548"/>
      <c r="AD72" s="415">
        <v>64</v>
      </c>
      <c r="AE72" s="415" t="s">
        <v>103</v>
      </c>
      <c r="AF72" s="541"/>
      <c r="AG72" s="542"/>
      <c r="AH72" s="592"/>
      <c r="AI72" s="592"/>
      <c r="AJ72" s="592"/>
      <c r="AK72" s="265"/>
      <c r="AL72" s="329"/>
      <c r="AM72" s="16"/>
      <c r="AN72" s="3" t="str">
        <f t="shared" si="5"/>
        <v>■</v>
      </c>
    </row>
    <row r="73" spans="1:40">
      <c r="A73" s="20" t="str">
        <f t="shared" si="4"/>
        <v>RE</v>
      </c>
      <c r="B73" s="20"/>
      <c r="C73" s="541">
        <v>9</v>
      </c>
      <c r="D73" s="542"/>
      <c r="E73" s="543" t="s">
        <v>114</v>
      </c>
      <c r="F73" s="544"/>
      <c r="G73" s="544"/>
      <c r="H73" s="544"/>
      <c r="I73" s="544"/>
      <c r="J73" s="544"/>
      <c r="K73" s="544"/>
      <c r="L73" s="544"/>
      <c r="M73" s="544"/>
      <c r="N73" s="544"/>
      <c r="O73" s="544"/>
      <c r="P73" s="544"/>
      <c r="Q73" s="544"/>
      <c r="R73" s="544"/>
      <c r="S73" s="544"/>
      <c r="T73" s="545"/>
      <c r="U73" s="221" t="s">
        <v>450</v>
      </c>
      <c r="V73" s="546" t="s">
        <v>101</v>
      </c>
      <c r="W73" s="547"/>
      <c r="X73" s="547"/>
      <c r="Y73" s="547"/>
      <c r="Z73" s="548"/>
      <c r="AA73" s="546" t="s">
        <v>102</v>
      </c>
      <c r="AB73" s="547"/>
      <c r="AC73" s="548"/>
      <c r="AD73" s="415">
        <v>64</v>
      </c>
      <c r="AE73" s="415" t="s">
        <v>103</v>
      </c>
      <c r="AF73" s="541"/>
      <c r="AG73" s="542"/>
      <c r="AH73" s="592"/>
      <c r="AI73" s="592"/>
      <c r="AJ73" s="592"/>
      <c r="AK73" s="265"/>
      <c r="AL73" s="329"/>
      <c r="AM73" s="16"/>
      <c r="AN73" s="3" t="str">
        <f t="shared" si="5"/>
        <v>■</v>
      </c>
    </row>
    <row r="74" spans="1:40">
      <c r="A74" s="20" t="str">
        <f t="shared" si="4"/>
        <v>RE</v>
      </c>
      <c r="B74" s="20"/>
      <c r="C74" s="541">
        <v>10</v>
      </c>
      <c r="D74" s="542"/>
      <c r="E74" s="543" t="s">
        <v>115</v>
      </c>
      <c r="F74" s="544"/>
      <c r="G74" s="544"/>
      <c r="H74" s="544"/>
      <c r="I74" s="544"/>
      <c r="J74" s="544"/>
      <c r="K74" s="544"/>
      <c r="L74" s="544"/>
      <c r="M74" s="544"/>
      <c r="N74" s="544"/>
      <c r="O74" s="544"/>
      <c r="P74" s="544"/>
      <c r="Q74" s="544"/>
      <c r="R74" s="544"/>
      <c r="S74" s="544"/>
      <c r="T74" s="545"/>
      <c r="U74" s="221" t="s">
        <v>451</v>
      </c>
      <c r="V74" s="546" t="s">
        <v>107</v>
      </c>
      <c r="W74" s="547"/>
      <c r="X74" s="547"/>
      <c r="Y74" s="547"/>
      <c r="Z74" s="548"/>
      <c r="AA74" s="546" t="s">
        <v>108</v>
      </c>
      <c r="AB74" s="547"/>
      <c r="AC74" s="548"/>
      <c r="AD74" s="415">
        <v>6</v>
      </c>
      <c r="AE74" s="415">
        <v>0</v>
      </c>
      <c r="AF74" s="541"/>
      <c r="AG74" s="542"/>
      <c r="AH74" s="592"/>
      <c r="AI74" s="592"/>
      <c r="AJ74" s="592"/>
      <c r="AK74" s="265"/>
      <c r="AL74" s="329"/>
      <c r="AM74" s="16"/>
      <c r="AN74" s="3" t="str">
        <f t="shared" si="5"/>
        <v>■</v>
      </c>
    </row>
    <row r="75" spans="1:40">
      <c r="A75" s="20" t="str">
        <f t="shared" si="4"/>
        <v>RE</v>
      </c>
      <c r="B75" s="20"/>
      <c r="C75" s="541">
        <v>11</v>
      </c>
      <c r="D75" s="542"/>
      <c r="E75" s="543" t="s">
        <v>116</v>
      </c>
      <c r="F75" s="544"/>
      <c r="G75" s="544"/>
      <c r="H75" s="544"/>
      <c r="I75" s="544"/>
      <c r="J75" s="544"/>
      <c r="K75" s="544"/>
      <c r="L75" s="544"/>
      <c r="M75" s="544"/>
      <c r="N75" s="544"/>
      <c r="O75" s="544"/>
      <c r="P75" s="544"/>
      <c r="Q75" s="544"/>
      <c r="R75" s="544"/>
      <c r="S75" s="544"/>
      <c r="T75" s="545"/>
      <c r="U75" s="221" t="s">
        <v>452</v>
      </c>
      <c r="V75" s="546" t="s">
        <v>107</v>
      </c>
      <c r="W75" s="547"/>
      <c r="X75" s="547"/>
      <c r="Y75" s="547"/>
      <c r="Z75" s="548"/>
      <c r="AA75" s="546" t="s">
        <v>102</v>
      </c>
      <c r="AB75" s="547"/>
      <c r="AC75" s="548"/>
      <c r="AD75" s="415">
        <v>4</v>
      </c>
      <c r="AE75" s="415" t="s">
        <v>103</v>
      </c>
      <c r="AF75" s="541"/>
      <c r="AG75" s="542"/>
      <c r="AH75" s="592"/>
      <c r="AI75" s="592"/>
      <c r="AJ75" s="592"/>
      <c r="AK75" s="265"/>
      <c r="AL75" s="329"/>
      <c r="AM75" s="16"/>
      <c r="AN75" s="3" t="str">
        <f t="shared" si="5"/>
        <v>■</v>
      </c>
    </row>
    <row r="76" spans="1:40">
      <c r="A76" s="20" t="str">
        <f t="shared" si="4"/>
        <v>RE</v>
      </c>
      <c r="B76" s="20"/>
      <c r="C76" s="541">
        <v>12</v>
      </c>
      <c r="D76" s="542"/>
      <c r="E76" s="543" t="s">
        <v>409</v>
      </c>
      <c r="F76" s="544"/>
      <c r="G76" s="544"/>
      <c r="H76" s="544"/>
      <c r="I76" s="544"/>
      <c r="J76" s="544"/>
      <c r="K76" s="544"/>
      <c r="L76" s="544"/>
      <c r="M76" s="544"/>
      <c r="N76" s="544"/>
      <c r="O76" s="544"/>
      <c r="P76" s="544"/>
      <c r="Q76" s="544"/>
      <c r="R76" s="544"/>
      <c r="S76" s="544"/>
      <c r="T76" s="545"/>
      <c r="U76" s="221" t="s">
        <v>453</v>
      </c>
      <c r="V76" s="546" t="s">
        <v>107</v>
      </c>
      <c r="W76" s="547"/>
      <c r="X76" s="547"/>
      <c r="Y76" s="547"/>
      <c r="Z76" s="548"/>
      <c r="AA76" s="546" t="s">
        <v>102</v>
      </c>
      <c r="AB76" s="547"/>
      <c r="AC76" s="548"/>
      <c r="AD76" s="415">
        <v>6</v>
      </c>
      <c r="AE76" s="415" t="s">
        <v>103</v>
      </c>
      <c r="AF76" s="541"/>
      <c r="AG76" s="542"/>
      <c r="AH76" s="592"/>
      <c r="AI76" s="592"/>
      <c r="AJ76" s="592"/>
      <c r="AK76" s="265"/>
      <c r="AL76" s="329"/>
      <c r="AM76" s="16"/>
      <c r="AN76" s="3" t="str">
        <f t="shared" si="5"/>
        <v>■</v>
      </c>
    </row>
    <row r="77" spans="1:40">
      <c r="A77" s="20" t="str">
        <f t="shared" si="4"/>
        <v>RE</v>
      </c>
      <c r="B77" s="20"/>
      <c r="C77" s="541">
        <v>13</v>
      </c>
      <c r="D77" s="542"/>
      <c r="E77" s="543" t="s">
        <v>454</v>
      </c>
      <c r="F77" s="544"/>
      <c r="G77" s="544"/>
      <c r="H77" s="544"/>
      <c r="I77" s="544"/>
      <c r="J77" s="544"/>
      <c r="K77" s="544"/>
      <c r="L77" s="544"/>
      <c r="M77" s="544"/>
      <c r="N77" s="544"/>
      <c r="O77" s="544"/>
      <c r="P77" s="544"/>
      <c r="Q77" s="544"/>
      <c r="R77" s="544"/>
      <c r="S77" s="544"/>
      <c r="T77" s="545"/>
      <c r="U77" s="221" t="s">
        <v>455</v>
      </c>
      <c r="V77" s="546" t="s">
        <v>107</v>
      </c>
      <c r="W77" s="547"/>
      <c r="X77" s="547"/>
      <c r="Y77" s="547"/>
      <c r="Z77" s="548"/>
      <c r="AA77" s="546" t="s">
        <v>102</v>
      </c>
      <c r="AB77" s="547"/>
      <c r="AC77" s="548"/>
      <c r="AD77" s="415">
        <v>1</v>
      </c>
      <c r="AE77" s="415" t="s">
        <v>103</v>
      </c>
      <c r="AF77" s="541"/>
      <c r="AG77" s="542"/>
      <c r="AH77" s="592"/>
      <c r="AI77" s="592"/>
      <c r="AJ77" s="592"/>
      <c r="AK77" s="265"/>
      <c r="AL77" s="329"/>
      <c r="AM77" s="16"/>
      <c r="AN77" s="3" t="str">
        <f t="shared" si="5"/>
        <v>■</v>
      </c>
    </row>
    <row r="78" spans="1:40">
      <c r="A78" s="20" t="str">
        <f t="shared" si="4"/>
        <v>RE</v>
      </c>
      <c r="B78" s="20"/>
      <c r="C78" s="552">
        <v>14</v>
      </c>
      <c r="D78" s="553"/>
      <c r="E78" s="554" t="s">
        <v>456</v>
      </c>
      <c r="F78" s="555"/>
      <c r="G78" s="555"/>
      <c r="H78" s="555"/>
      <c r="I78" s="555"/>
      <c r="J78" s="555"/>
      <c r="K78" s="555"/>
      <c r="L78" s="555"/>
      <c r="M78" s="555"/>
      <c r="N78" s="555"/>
      <c r="O78" s="555"/>
      <c r="P78" s="555"/>
      <c r="Q78" s="555"/>
      <c r="R78" s="555"/>
      <c r="S78" s="555"/>
      <c r="T78" s="556"/>
      <c r="U78" s="259" t="s">
        <v>457</v>
      </c>
      <c r="V78" s="557" t="s">
        <v>107</v>
      </c>
      <c r="W78" s="558"/>
      <c r="X78" s="558"/>
      <c r="Y78" s="558"/>
      <c r="Z78" s="559"/>
      <c r="AA78" s="557" t="s">
        <v>102</v>
      </c>
      <c r="AB78" s="558"/>
      <c r="AC78" s="559"/>
      <c r="AD78" s="419">
        <v>6</v>
      </c>
      <c r="AE78" s="419" t="s">
        <v>103</v>
      </c>
      <c r="AF78" s="552" t="s">
        <v>109</v>
      </c>
      <c r="AG78" s="553"/>
      <c r="AH78" s="593"/>
      <c r="AI78" s="593"/>
      <c r="AJ78" s="593"/>
      <c r="AK78" s="333" t="s">
        <v>391</v>
      </c>
      <c r="AL78" s="329"/>
      <c r="AM78" s="16"/>
      <c r="AN78" s="3" t="str">
        <f t="shared" si="5"/>
        <v>■</v>
      </c>
    </row>
    <row r="79" spans="1:40">
      <c r="A79" s="20" t="str">
        <f t="shared" si="4"/>
        <v>RE</v>
      </c>
      <c r="B79" s="20"/>
      <c r="C79" s="541">
        <v>15</v>
      </c>
      <c r="D79" s="542"/>
      <c r="E79" s="543" t="s">
        <v>458</v>
      </c>
      <c r="F79" s="544"/>
      <c r="G79" s="544"/>
      <c r="H79" s="544"/>
      <c r="I79" s="544"/>
      <c r="J79" s="544"/>
      <c r="K79" s="544"/>
      <c r="L79" s="544"/>
      <c r="M79" s="544"/>
      <c r="N79" s="544"/>
      <c r="O79" s="544"/>
      <c r="P79" s="544"/>
      <c r="Q79" s="544"/>
      <c r="R79" s="544"/>
      <c r="S79" s="544"/>
      <c r="T79" s="545"/>
      <c r="U79" s="221" t="s">
        <v>459</v>
      </c>
      <c r="V79" s="546" t="s">
        <v>107</v>
      </c>
      <c r="W79" s="547"/>
      <c r="X79" s="547"/>
      <c r="Y79" s="547"/>
      <c r="Z79" s="548"/>
      <c r="AA79" s="546" t="s">
        <v>108</v>
      </c>
      <c r="AB79" s="547"/>
      <c r="AC79" s="548"/>
      <c r="AD79" s="415">
        <v>3</v>
      </c>
      <c r="AE79" s="415">
        <v>0</v>
      </c>
      <c r="AF79" s="541"/>
      <c r="AG79" s="542"/>
      <c r="AH79" s="592"/>
      <c r="AI79" s="592"/>
      <c r="AJ79" s="592"/>
      <c r="AK79" s="265"/>
      <c r="AL79" s="329"/>
      <c r="AM79" s="16"/>
      <c r="AN79" s="3" t="str">
        <f t="shared" si="5"/>
        <v>■</v>
      </c>
    </row>
    <row r="80" spans="1:40">
      <c r="A80" s="20" t="str">
        <f t="shared" si="4"/>
        <v>RE</v>
      </c>
      <c r="B80" s="20"/>
      <c r="C80" s="541">
        <v>16</v>
      </c>
      <c r="D80" s="542"/>
      <c r="E80" s="543" t="s">
        <v>460</v>
      </c>
      <c r="F80" s="544"/>
      <c r="G80" s="544"/>
      <c r="H80" s="544"/>
      <c r="I80" s="544"/>
      <c r="J80" s="544"/>
      <c r="K80" s="544"/>
      <c r="L80" s="544"/>
      <c r="M80" s="544"/>
      <c r="N80" s="544"/>
      <c r="O80" s="544"/>
      <c r="P80" s="544"/>
      <c r="Q80" s="544"/>
      <c r="R80" s="544"/>
      <c r="S80" s="544"/>
      <c r="T80" s="545"/>
      <c r="U80" s="221" t="s">
        <v>461</v>
      </c>
      <c r="V80" s="546" t="s">
        <v>107</v>
      </c>
      <c r="W80" s="547"/>
      <c r="X80" s="547"/>
      <c r="Y80" s="547"/>
      <c r="Z80" s="548"/>
      <c r="AA80" s="546" t="s">
        <v>102</v>
      </c>
      <c r="AB80" s="547"/>
      <c r="AC80" s="548"/>
      <c r="AD80" s="415">
        <v>8</v>
      </c>
      <c r="AE80" s="415" t="s">
        <v>103</v>
      </c>
      <c r="AF80" s="541"/>
      <c r="AG80" s="542"/>
      <c r="AH80" s="592"/>
      <c r="AI80" s="592"/>
      <c r="AJ80" s="592"/>
      <c r="AK80" s="265"/>
      <c r="AL80" s="329"/>
      <c r="AM80" s="16"/>
      <c r="AN80" s="3" t="str">
        <f t="shared" si="5"/>
        <v>■</v>
      </c>
    </row>
    <row r="81" spans="1:40">
      <c r="A81" s="20" t="str">
        <f t="shared" si="4"/>
        <v>RE</v>
      </c>
      <c r="B81" s="20"/>
      <c r="C81" s="541">
        <v>17</v>
      </c>
      <c r="D81" s="542"/>
      <c r="E81" s="543" t="s">
        <v>462</v>
      </c>
      <c r="F81" s="544"/>
      <c r="G81" s="544"/>
      <c r="H81" s="544"/>
      <c r="I81" s="544"/>
      <c r="J81" s="544"/>
      <c r="K81" s="544"/>
      <c r="L81" s="544"/>
      <c r="M81" s="544"/>
      <c r="N81" s="544"/>
      <c r="O81" s="544"/>
      <c r="P81" s="544"/>
      <c r="Q81" s="544"/>
      <c r="R81" s="544"/>
      <c r="S81" s="544"/>
      <c r="T81" s="545"/>
      <c r="U81" s="221" t="s">
        <v>463</v>
      </c>
      <c r="V81" s="546" t="s">
        <v>101</v>
      </c>
      <c r="W81" s="547"/>
      <c r="X81" s="547"/>
      <c r="Y81" s="547"/>
      <c r="Z81" s="548"/>
      <c r="AA81" s="546" t="s">
        <v>102</v>
      </c>
      <c r="AB81" s="547"/>
      <c r="AC81" s="548"/>
      <c r="AD81" s="415">
        <v>8</v>
      </c>
      <c r="AE81" s="415" t="s">
        <v>103</v>
      </c>
      <c r="AF81" s="541"/>
      <c r="AG81" s="542"/>
      <c r="AH81" s="592"/>
      <c r="AI81" s="592"/>
      <c r="AJ81" s="592"/>
      <c r="AK81" s="335"/>
      <c r="AL81" s="329"/>
      <c r="AM81" s="16"/>
      <c r="AN81" s="3" t="str">
        <f t="shared" si="5"/>
        <v>■</v>
      </c>
    </row>
    <row r="82" spans="1:40" ht="13.4" customHeight="1">
      <c r="A82" s="20" t="str">
        <f t="shared" si="4"/>
        <v>RE</v>
      </c>
      <c r="B82" s="20"/>
      <c r="C82" s="541">
        <v>18</v>
      </c>
      <c r="D82" s="542"/>
      <c r="E82" s="595" t="s">
        <v>464</v>
      </c>
      <c r="F82" s="596"/>
      <c r="G82" s="596"/>
      <c r="H82" s="596"/>
      <c r="I82" s="596"/>
      <c r="J82" s="596"/>
      <c r="K82" s="596"/>
      <c r="L82" s="596"/>
      <c r="M82" s="596"/>
      <c r="N82" s="596"/>
      <c r="O82" s="596"/>
      <c r="P82" s="596"/>
      <c r="Q82" s="596"/>
      <c r="R82" s="596"/>
      <c r="S82" s="596"/>
      <c r="T82" s="597"/>
      <c r="U82" s="221" t="s">
        <v>465</v>
      </c>
      <c r="V82" s="546" t="s">
        <v>107</v>
      </c>
      <c r="W82" s="547"/>
      <c r="X82" s="547"/>
      <c r="Y82" s="547"/>
      <c r="Z82" s="548"/>
      <c r="AA82" s="546" t="s">
        <v>102</v>
      </c>
      <c r="AB82" s="547"/>
      <c r="AC82" s="548"/>
      <c r="AD82" s="415">
        <v>1</v>
      </c>
      <c r="AE82" s="415" t="s">
        <v>103</v>
      </c>
      <c r="AF82" s="541"/>
      <c r="AG82" s="542"/>
      <c r="AH82" s="592"/>
      <c r="AI82" s="592"/>
      <c r="AJ82" s="592"/>
      <c r="AK82" s="265"/>
      <c r="AL82" s="329"/>
      <c r="AM82" s="16"/>
      <c r="AN82" s="3" t="str">
        <f t="shared" si="5"/>
        <v>■</v>
      </c>
    </row>
    <row r="83" spans="1:40">
      <c r="A83" s="20" t="str">
        <f t="shared" si="4"/>
        <v>RE</v>
      </c>
      <c r="B83" s="20"/>
      <c r="C83" s="541">
        <v>19</v>
      </c>
      <c r="D83" s="542"/>
      <c r="E83" s="543" t="s">
        <v>466</v>
      </c>
      <c r="F83" s="544"/>
      <c r="G83" s="544"/>
      <c r="H83" s="544"/>
      <c r="I83" s="544"/>
      <c r="J83" s="544"/>
      <c r="K83" s="544"/>
      <c r="L83" s="544"/>
      <c r="M83" s="544"/>
      <c r="N83" s="544"/>
      <c r="O83" s="544"/>
      <c r="P83" s="544"/>
      <c r="Q83" s="544"/>
      <c r="R83" s="544"/>
      <c r="S83" s="544"/>
      <c r="T83" s="545"/>
      <c r="U83" s="221" t="s">
        <v>467</v>
      </c>
      <c r="V83" s="546" t="s">
        <v>101</v>
      </c>
      <c r="W83" s="547"/>
      <c r="X83" s="547"/>
      <c r="Y83" s="547"/>
      <c r="Z83" s="548"/>
      <c r="AA83" s="546" t="s">
        <v>102</v>
      </c>
      <c r="AB83" s="547"/>
      <c r="AC83" s="548"/>
      <c r="AD83" s="415">
        <v>10</v>
      </c>
      <c r="AE83" s="415" t="s">
        <v>103</v>
      </c>
      <c r="AF83" s="541"/>
      <c r="AG83" s="542"/>
      <c r="AH83" s="592"/>
      <c r="AI83" s="592"/>
      <c r="AJ83" s="592"/>
      <c r="AK83" s="265"/>
      <c r="AL83" s="329"/>
      <c r="AM83" s="16"/>
      <c r="AN83" s="3" t="str">
        <f t="shared" si="5"/>
        <v>■</v>
      </c>
    </row>
    <row r="84" spans="1:40">
      <c r="A84" s="20" t="str">
        <f t="shared" si="4"/>
        <v>RE</v>
      </c>
      <c r="B84" s="20"/>
      <c r="C84" s="552">
        <v>20</v>
      </c>
      <c r="D84" s="553"/>
      <c r="E84" s="554" t="s">
        <v>468</v>
      </c>
      <c r="F84" s="555"/>
      <c r="G84" s="555"/>
      <c r="H84" s="555"/>
      <c r="I84" s="555"/>
      <c r="J84" s="555"/>
      <c r="K84" s="555"/>
      <c r="L84" s="555"/>
      <c r="M84" s="555"/>
      <c r="N84" s="555"/>
      <c r="O84" s="555"/>
      <c r="P84" s="555"/>
      <c r="Q84" s="555"/>
      <c r="R84" s="555"/>
      <c r="S84" s="555"/>
      <c r="T84" s="556"/>
      <c r="U84" s="259" t="s">
        <v>469</v>
      </c>
      <c r="V84" s="557" t="s">
        <v>107</v>
      </c>
      <c r="W84" s="558"/>
      <c r="X84" s="558"/>
      <c r="Y84" s="558"/>
      <c r="Z84" s="559"/>
      <c r="AA84" s="557" t="s">
        <v>108</v>
      </c>
      <c r="AB84" s="558"/>
      <c r="AC84" s="559"/>
      <c r="AD84" s="419">
        <v>4</v>
      </c>
      <c r="AE84" s="419">
        <v>0</v>
      </c>
      <c r="AF84" s="552" t="s">
        <v>109</v>
      </c>
      <c r="AG84" s="553"/>
      <c r="AH84" s="593"/>
      <c r="AI84" s="593"/>
      <c r="AJ84" s="593"/>
      <c r="AK84" s="333" t="s">
        <v>391</v>
      </c>
      <c r="AL84" s="329"/>
      <c r="AM84" s="16"/>
      <c r="AN84" s="3" t="str">
        <f t="shared" si="5"/>
        <v>■</v>
      </c>
    </row>
    <row r="85" spans="1:40">
      <c r="A85" s="20" t="str">
        <f t="shared" si="4"/>
        <v>RE</v>
      </c>
      <c r="B85" s="20"/>
      <c r="C85" s="541">
        <v>21</v>
      </c>
      <c r="D85" s="542"/>
      <c r="E85" s="543" t="s">
        <v>470</v>
      </c>
      <c r="F85" s="544"/>
      <c r="G85" s="544"/>
      <c r="H85" s="544"/>
      <c r="I85" s="544"/>
      <c r="J85" s="544"/>
      <c r="K85" s="544"/>
      <c r="L85" s="544"/>
      <c r="M85" s="544"/>
      <c r="N85" s="544"/>
      <c r="O85" s="544"/>
      <c r="P85" s="544"/>
      <c r="Q85" s="544"/>
      <c r="R85" s="544"/>
      <c r="S85" s="544"/>
      <c r="T85" s="545"/>
      <c r="U85" s="221" t="s">
        <v>471</v>
      </c>
      <c r="V85" s="546" t="s">
        <v>101</v>
      </c>
      <c r="W85" s="547"/>
      <c r="X85" s="547"/>
      <c r="Y85" s="547"/>
      <c r="Z85" s="548"/>
      <c r="AA85" s="546" t="s">
        <v>102</v>
      </c>
      <c r="AB85" s="547"/>
      <c r="AC85" s="548"/>
      <c r="AD85" s="415">
        <v>3</v>
      </c>
      <c r="AE85" s="415" t="s">
        <v>103</v>
      </c>
      <c r="AF85" s="541"/>
      <c r="AG85" s="542"/>
      <c r="AH85" s="592"/>
      <c r="AI85" s="592"/>
      <c r="AJ85" s="592"/>
      <c r="AK85" s="265"/>
      <c r="AL85" s="329"/>
      <c r="AM85" s="16"/>
      <c r="AN85" s="3" t="str">
        <f t="shared" si="5"/>
        <v>■</v>
      </c>
    </row>
    <row r="86" spans="1:40">
      <c r="A86" s="20" t="str">
        <f t="shared" si="4"/>
        <v>RE</v>
      </c>
      <c r="B86" s="20"/>
      <c r="C86" s="541">
        <v>22</v>
      </c>
      <c r="D86" s="542"/>
      <c r="E86" s="543" t="s">
        <v>472</v>
      </c>
      <c r="F86" s="544"/>
      <c r="G86" s="544"/>
      <c r="H86" s="544"/>
      <c r="I86" s="544"/>
      <c r="J86" s="544"/>
      <c r="K86" s="544"/>
      <c r="L86" s="544"/>
      <c r="M86" s="544"/>
      <c r="N86" s="544"/>
      <c r="O86" s="544"/>
      <c r="P86" s="544"/>
      <c r="Q86" s="544"/>
      <c r="R86" s="544"/>
      <c r="S86" s="544"/>
      <c r="T86" s="545"/>
      <c r="U86" s="221" t="s">
        <v>473</v>
      </c>
      <c r="V86" s="546" t="s">
        <v>107</v>
      </c>
      <c r="W86" s="547"/>
      <c r="X86" s="547"/>
      <c r="Y86" s="547"/>
      <c r="Z86" s="548"/>
      <c r="AA86" s="546" t="s">
        <v>108</v>
      </c>
      <c r="AB86" s="547"/>
      <c r="AC86" s="548"/>
      <c r="AD86" s="415">
        <v>2</v>
      </c>
      <c r="AE86" s="415">
        <v>0</v>
      </c>
      <c r="AF86" s="541"/>
      <c r="AG86" s="542"/>
      <c r="AH86" s="592"/>
      <c r="AI86" s="592"/>
      <c r="AJ86" s="592"/>
      <c r="AK86" s="265"/>
      <c r="AL86" s="329"/>
      <c r="AM86" s="16"/>
      <c r="AN86" s="3" t="str">
        <f t="shared" si="5"/>
        <v>■</v>
      </c>
    </row>
    <row r="87" spans="1:40">
      <c r="A87" s="20" t="str">
        <f t="shared" si="4"/>
        <v>RE</v>
      </c>
      <c r="B87" s="20"/>
      <c r="C87" s="552">
        <v>23</v>
      </c>
      <c r="D87" s="553"/>
      <c r="E87" s="554" t="s">
        <v>400</v>
      </c>
      <c r="F87" s="555"/>
      <c r="G87" s="555"/>
      <c r="H87" s="555"/>
      <c r="I87" s="555"/>
      <c r="J87" s="555"/>
      <c r="K87" s="555"/>
      <c r="L87" s="555"/>
      <c r="M87" s="555"/>
      <c r="N87" s="555"/>
      <c r="O87" s="555"/>
      <c r="P87" s="555"/>
      <c r="Q87" s="555"/>
      <c r="R87" s="555"/>
      <c r="S87" s="555"/>
      <c r="T87" s="556"/>
      <c r="U87" s="259" t="s">
        <v>474</v>
      </c>
      <c r="V87" s="557" t="s">
        <v>107</v>
      </c>
      <c r="W87" s="558"/>
      <c r="X87" s="558"/>
      <c r="Y87" s="558"/>
      <c r="Z87" s="559"/>
      <c r="AA87" s="557" t="s">
        <v>102</v>
      </c>
      <c r="AB87" s="558"/>
      <c r="AC87" s="559"/>
      <c r="AD87" s="419">
        <v>1</v>
      </c>
      <c r="AE87" s="419" t="s">
        <v>103</v>
      </c>
      <c r="AF87" s="552" t="s">
        <v>109</v>
      </c>
      <c r="AG87" s="553"/>
      <c r="AH87" s="593"/>
      <c r="AI87" s="593"/>
      <c r="AJ87" s="593"/>
      <c r="AK87" s="333" t="s">
        <v>399</v>
      </c>
      <c r="AL87" s="329"/>
      <c r="AM87" s="16"/>
      <c r="AN87" s="3" t="str">
        <f t="shared" si="5"/>
        <v>■</v>
      </c>
    </row>
    <row r="88" spans="1:40">
      <c r="A88" s="20" t="str">
        <f t="shared" si="4"/>
        <v>RE</v>
      </c>
      <c r="B88" s="20"/>
      <c r="C88" s="552">
        <v>24</v>
      </c>
      <c r="D88" s="553"/>
      <c r="E88" s="554" t="s">
        <v>402</v>
      </c>
      <c r="F88" s="555"/>
      <c r="G88" s="555"/>
      <c r="H88" s="555"/>
      <c r="I88" s="555"/>
      <c r="J88" s="555"/>
      <c r="K88" s="555"/>
      <c r="L88" s="555"/>
      <c r="M88" s="555"/>
      <c r="N88" s="555"/>
      <c r="O88" s="555"/>
      <c r="P88" s="555"/>
      <c r="Q88" s="555"/>
      <c r="R88" s="555"/>
      <c r="S88" s="555"/>
      <c r="T88" s="556"/>
      <c r="U88" s="259" t="s">
        <v>475</v>
      </c>
      <c r="V88" s="557" t="s">
        <v>107</v>
      </c>
      <c r="W88" s="558"/>
      <c r="X88" s="558"/>
      <c r="Y88" s="558"/>
      <c r="Z88" s="559"/>
      <c r="AA88" s="557" t="s">
        <v>102</v>
      </c>
      <c r="AB88" s="558"/>
      <c r="AC88" s="559"/>
      <c r="AD88" s="419">
        <v>1</v>
      </c>
      <c r="AE88" s="419" t="s">
        <v>103</v>
      </c>
      <c r="AF88" s="552" t="s">
        <v>109</v>
      </c>
      <c r="AG88" s="553"/>
      <c r="AH88" s="593"/>
      <c r="AI88" s="593"/>
      <c r="AJ88" s="593"/>
      <c r="AK88" s="333" t="s">
        <v>399</v>
      </c>
      <c r="AL88" s="329"/>
      <c r="AM88" s="16"/>
      <c r="AN88" s="3" t="str">
        <f t="shared" si="5"/>
        <v>■</v>
      </c>
    </row>
    <row r="89" spans="1:40">
      <c r="A89" s="20" t="str">
        <f t="shared" si="4"/>
        <v>RE</v>
      </c>
      <c r="B89" s="20"/>
      <c r="C89" s="552">
        <v>25</v>
      </c>
      <c r="D89" s="553"/>
      <c r="E89" s="554" t="s">
        <v>476</v>
      </c>
      <c r="F89" s="555"/>
      <c r="G89" s="555"/>
      <c r="H89" s="555"/>
      <c r="I89" s="555"/>
      <c r="J89" s="555"/>
      <c r="K89" s="555"/>
      <c r="L89" s="555"/>
      <c r="M89" s="555"/>
      <c r="N89" s="555"/>
      <c r="O89" s="555"/>
      <c r="P89" s="555"/>
      <c r="Q89" s="555"/>
      <c r="R89" s="555"/>
      <c r="S89" s="555"/>
      <c r="T89" s="556"/>
      <c r="U89" s="259" t="s">
        <v>477</v>
      </c>
      <c r="V89" s="557" t="s">
        <v>107</v>
      </c>
      <c r="W89" s="558"/>
      <c r="X89" s="558"/>
      <c r="Y89" s="558"/>
      <c r="Z89" s="559"/>
      <c r="AA89" s="557" t="s">
        <v>102</v>
      </c>
      <c r="AB89" s="558"/>
      <c r="AC89" s="559"/>
      <c r="AD89" s="419">
        <v>2</v>
      </c>
      <c r="AE89" s="419" t="s">
        <v>103</v>
      </c>
      <c r="AF89" s="552" t="s">
        <v>109</v>
      </c>
      <c r="AG89" s="553"/>
      <c r="AH89" s="593"/>
      <c r="AI89" s="593"/>
      <c r="AJ89" s="593"/>
      <c r="AK89" s="333" t="s">
        <v>391</v>
      </c>
      <c r="AL89" s="329"/>
      <c r="AM89" s="16"/>
      <c r="AN89" s="3" t="str">
        <f t="shared" si="5"/>
        <v>■</v>
      </c>
    </row>
    <row r="90" spans="1:40">
      <c r="A90" s="20" t="str">
        <f t="shared" si="4"/>
        <v>RE</v>
      </c>
      <c r="B90" s="20"/>
      <c r="C90" s="552">
        <v>26</v>
      </c>
      <c r="D90" s="553"/>
      <c r="E90" s="554" t="s">
        <v>478</v>
      </c>
      <c r="F90" s="555"/>
      <c r="G90" s="555"/>
      <c r="H90" s="555"/>
      <c r="I90" s="555"/>
      <c r="J90" s="555"/>
      <c r="K90" s="555"/>
      <c r="L90" s="555"/>
      <c r="M90" s="555"/>
      <c r="N90" s="555"/>
      <c r="O90" s="555"/>
      <c r="P90" s="555"/>
      <c r="Q90" s="555"/>
      <c r="R90" s="555"/>
      <c r="S90" s="555"/>
      <c r="T90" s="556"/>
      <c r="U90" s="220" t="s">
        <v>479</v>
      </c>
      <c r="V90" s="557" t="s">
        <v>107</v>
      </c>
      <c r="W90" s="558"/>
      <c r="X90" s="558"/>
      <c r="Y90" s="558"/>
      <c r="Z90" s="559"/>
      <c r="AA90" s="557" t="s">
        <v>102</v>
      </c>
      <c r="AB90" s="558"/>
      <c r="AC90" s="559"/>
      <c r="AD90" s="419">
        <v>30</v>
      </c>
      <c r="AE90" s="419" t="s">
        <v>103</v>
      </c>
      <c r="AF90" s="552" t="s">
        <v>109</v>
      </c>
      <c r="AG90" s="553"/>
      <c r="AH90" s="593"/>
      <c r="AI90" s="593"/>
      <c r="AJ90" s="593"/>
      <c r="AK90" s="321" t="s">
        <v>480</v>
      </c>
      <c r="AL90" s="329"/>
      <c r="AM90" s="16"/>
      <c r="AN90" s="3" t="str">
        <f t="shared" si="5"/>
        <v>■</v>
      </c>
    </row>
    <row r="91" spans="1:40" ht="13" customHeight="1">
      <c r="A91" s="20" t="str">
        <f t="shared" si="4"/>
        <v>RE</v>
      </c>
      <c r="B91" s="20"/>
      <c r="C91" s="552">
        <v>27</v>
      </c>
      <c r="D91" s="553"/>
      <c r="E91" s="554" t="s">
        <v>481</v>
      </c>
      <c r="F91" s="555"/>
      <c r="G91" s="555"/>
      <c r="H91" s="555"/>
      <c r="I91" s="555"/>
      <c r="J91" s="555"/>
      <c r="K91" s="555"/>
      <c r="L91" s="555"/>
      <c r="M91" s="555"/>
      <c r="N91" s="555"/>
      <c r="O91" s="555"/>
      <c r="P91" s="555"/>
      <c r="Q91" s="555"/>
      <c r="R91" s="555"/>
      <c r="S91" s="555"/>
      <c r="T91" s="556"/>
      <c r="U91" s="220" t="s">
        <v>482</v>
      </c>
      <c r="V91" s="557" t="s">
        <v>107</v>
      </c>
      <c r="W91" s="558"/>
      <c r="X91" s="558"/>
      <c r="Y91" s="558"/>
      <c r="Z91" s="559"/>
      <c r="AA91" s="557" t="s">
        <v>102</v>
      </c>
      <c r="AB91" s="558"/>
      <c r="AC91" s="559"/>
      <c r="AD91" s="419">
        <v>5</v>
      </c>
      <c r="AE91" s="419" t="s">
        <v>103</v>
      </c>
      <c r="AF91" s="552" t="s">
        <v>109</v>
      </c>
      <c r="AG91" s="553"/>
      <c r="AH91" s="593"/>
      <c r="AI91" s="593"/>
      <c r="AJ91" s="593"/>
      <c r="AK91" s="321" t="s">
        <v>416</v>
      </c>
      <c r="AL91" s="329"/>
      <c r="AM91" s="16"/>
      <c r="AN91" s="3" t="str">
        <f t="shared" si="5"/>
        <v>■</v>
      </c>
    </row>
    <row r="92" spans="1:40" ht="13.5" customHeight="1">
      <c r="A92" s="20" t="str">
        <f t="shared" si="4"/>
        <v>RE</v>
      </c>
      <c r="B92" s="20"/>
      <c r="C92" s="552">
        <v>28</v>
      </c>
      <c r="D92" s="553"/>
      <c r="E92" s="554" t="s">
        <v>483</v>
      </c>
      <c r="F92" s="555"/>
      <c r="G92" s="555"/>
      <c r="H92" s="555"/>
      <c r="I92" s="555"/>
      <c r="J92" s="555"/>
      <c r="K92" s="555"/>
      <c r="L92" s="555"/>
      <c r="M92" s="555"/>
      <c r="N92" s="555"/>
      <c r="O92" s="555"/>
      <c r="P92" s="555"/>
      <c r="Q92" s="555"/>
      <c r="R92" s="555"/>
      <c r="S92" s="555"/>
      <c r="T92" s="556"/>
      <c r="U92" s="259" t="s">
        <v>484</v>
      </c>
      <c r="V92" s="569" t="s">
        <v>485</v>
      </c>
      <c r="W92" s="594"/>
      <c r="X92" s="594"/>
      <c r="Y92" s="594"/>
      <c r="Z92" s="570"/>
      <c r="AA92" s="569" t="s">
        <v>102</v>
      </c>
      <c r="AB92" s="594"/>
      <c r="AC92" s="570"/>
      <c r="AD92" s="419">
        <v>40</v>
      </c>
      <c r="AE92" s="419" t="s">
        <v>103</v>
      </c>
      <c r="AF92" s="552" t="s">
        <v>109</v>
      </c>
      <c r="AG92" s="553"/>
      <c r="AH92" s="593"/>
      <c r="AI92" s="593"/>
      <c r="AJ92" s="593"/>
      <c r="AK92" s="333" t="s">
        <v>399</v>
      </c>
      <c r="AL92" s="329"/>
      <c r="AM92" s="16"/>
      <c r="AN92" s="3" t="str">
        <f t="shared" si="5"/>
        <v>■</v>
      </c>
    </row>
    <row r="93" spans="1:40">
      <c r="A93" s="20" t="str">
        <f t="shared" si="4"/>
        <v>RE</v>
      </c>
      <c r="B93" s="20"/>
      <c r="C93" s="541">
        <v>29</v>
      </c>
      <c r="D93" s="542"/>
      <c r="E93" s="543" t="s">
        <v>486</v>
      </c>
      <c r="F93" s="544"/>
      <c r="G93" s="544"/>
      <c r="H93" s="544"/>
      <c r="I93" s="544"/>
      <c r="J93" s="544"/>
      <c r="K93" s="544"/>
      <c r="L93" s="544"/>
      <c r="M93" s="544"/>
      <c r="N93" s="544"/>
      <c r="O93" s="544"/>
      <c r="P93" s="544"/>
      <c r="Q93" s="544"/>
      <c r="R93" s="544"/>
      <c r="S93" s="544"/>
      <c r="T93" s="545"/>
      <c r="U93" s="221" t="s">
        <v>487</v>
      </c>
      <c r="V93" s="546" t="s">
        <v>107</v>
      </c>
      <c r="W93" s="547"/>
      <c r="X93" s="547"/>
      <c r="Y93" s="547"/>
      <c r="Z93" s="548"/>
      <c r="AA93" s="546" t="s">
        <v>102</v>
      </c>
      <c r="AB93" s="547"/>
      <c r="AC93" s="548"/>
      <c r="AD93" s="415">
        <v>2</v>
      </c>
      <c r="AE93" s="415" t="s">
        <v>103</v>
      </c>
      <c r="AF93" s="541"/>
      <c r="AG93" s="542"/>
      <c r="AH93" s="592"/>
      <c r="AI93" s="592"/>
      <c r="AJ93" s="592"/>
      <c r="AK93" s="265"/>
      <c r="AL93" s="329"/>
      <c r="AM93" s="16"/>
      <c r="AN93" s="3" t="str">
        <f t="shared" si="5"/>
        <v>■</v>
      </c>
    </row>
    <row r="94" spans="1:40">
      <c r="A94" s="20" t="str">
        <f t="shared" si="4"/>
        <v>RE</v>
      </c>
      <c r="B94" s="20"/>
      <c r="C94" s="541">
        <v>30</v>
      </c>
      <c r="D94" s="542"/>
      <c r="E94" s="543" t="s">
        <v>488</v>
      </c>
      <c r="F94" s="544"/>
      <c r="G94" s="544"/>
      <c r="H94" s="544"/>
      <c r="I94" s="544"/>
      <c r="J94" s="544"/>
      <c r="K94" s="544"/>
      <c r="L94" s="544"/>
      <c r="M94" s="544"/>
      <c r="N94" s="544"/>
      <c r="O94" s="544"/>
      <c r="P94" s="544"/>
      <c r="Q94" s="544"/>
      <c r="R94" s="544"/>
      <c r="S94" s="544"/>
      <c r="T94" s="545"/>
      <c r="U94" s="221" t="s">
        <v>489</v>
      </c>
      <c r="V94" s="546" t="s">
        <v>107</v>
      </c>
      <c r="W94" s="547"/>
      <c r="X94" s="547"/>
      <c r="Y94" s="547"/>
      <c r="Z94" s="548"/>
      <c r="AA94" s="546" t="s">
        <v>102</v>
      </c>
      <c r="AB94" s="547"/>
      <c r="AC94" s="548"/>
      <c r="AD94" s="415">
        <v>3</v>
      </c>
      <c r="AE94" s="415" t="s">
        <v>103</v>
      </c>
      <c r="AF94" s="541"/>
      <c r="AG94" s="542"/>
      <c r="AH94" s="592"/>
      <c r="AI94" s="592"/>
      <c r="AJ94" s="592"/>
      <c r="AK94" s="265"/>
      <c r="AL94" s="329"/>
      <c r="AM94" s="16"/>
      <c r="AN94" s="3" t="str">
        <f t="shared" si="5"/>
        <v>■</v>
      </c>
    </row>
    <row r="95" spans="1:40">
      <c r="A95" s="20" t="str">
        <f t="shared" si="4"/>
        <v>RE</v>
      </c>
      <c r="B95" s="20"/>
      <c r="C95" s="541">
        <v>31</v>
      </c>
      <c r="D95" s="542"/>
      <c r="E95" s="543" t="s">
        <v>490</v>
      </c>
      <c r="F95" s="544"/>
      <c r="G95" s="544"/>
      <c r="H95" s="544"/>
      <c r="I95" s="544"/>
      <c r="J95" s="544"/>
      <c r="K95" s="544"/>
      <c r="L95" s="544"/>
      <c r="M95" s="544"/>
      <c r="N95" s="544"/>
      <c r="O95" s="544"/>
      <c r="P95" s="544"/>
      <c r="Q95" s="544"/>
      <c r="R95" s="544"/>
      <c r="S95" s="544"/>
      <c r="T95" s="545"/>
      <c r="U95" s="221" t="s">
        <v>491</v>
      </c>
      <c r="V95" s="546" t="s">
        <v>107</v>
      </c>
      <c r="W95" s="547"/>
      <c r="X95" s="547"/>
      <c r="Y95" s="547"/>
      <c r="Z95" s="548"/>
      <c r="AA95" s="546" t="s">
        <v>102</v>
      </c>
      <c r="AB95" s="547"/>
      <c r="AC95" s="548"/>
      <c r="AD95" s="415">
        <v>3</v>
      </c>
      <c r="AE95" s="415" t="s">
        <v>103</v>
      </c>
      <c r="AF95" s="541"/>
      <c r="AG95" s="542"/>
      <c r="AH95" s="592"/>
      <c r="AI95" s="592"/>
      <c r="AJ95" s="592"/>
      <c r="AK95" s="265"/>
      <c r="AL95" s="329"/>
      <c r="AM95" s="16"/>
      <c r="AN95" s="3" t="str">
        <f t="shared" si="5"/>
        <v>■</v>
      </c>
    </row>
    <row r="96" spans="1:40">
      <c r="A96" s="20" t="str">
        <f t="shared" si="4"/>
        <v>RE</v>
      </c>
      <c r="B96" s="20"/>
      <c r="C96" s="541">
        <v>32</v>
      </c>
      <c r="D96" s="542"/>
      <c r="E96" s="543" t="s">
        <v>492</v>
      </c>
      <c r="F96" s="544"/>
      <c r="G96" s="544"/>
      <c r="H96" s="544"/>
      <c r="I96" s="544"/>
      <c r="J96" s="544"/>
      <c r="K96" s="544"/>
      <c r="L96" s="544"/>
      <c r="M96" s="544"/>
      <c r="N96" s="544"/>
      <c r="O96" s="544"/>
      <c r="P96" s="544"/>
      <c r="Q96" s="544"/>
      <c r="R96" s="544"/>
      <c r="S96" s="544"/>
      <c r="T96" s="545"/>
      <c r="U96" s="221" t="s">
        <v>493</v>
      </c>
      <c r="V96" s="546" t="s">
        <v>107</v>
      </c>
      <c r="W96" s="547"/>
      <c r="X96" s="547"/>
      <c r="Y96" s="547"/>
      <c r="Z96" s="548"/>
      <c r="AA96" s="546" t="s">
        <v>102</v>
      </c>
      <c r="AB96" s="547"/>
      <c r="AC96" s="548"/>
      <c r="AD96" s="415">
        <v>3</v>
      </c>
      <c r="AE96" s="415" t="s">
        <v>103</v>
      </c>
      <c r="AF96" s="541"/>
      <c r="AG96" s="542"/>
      <c r="AH96" s="592"/>
      <c r="AI96" s="592"/>
      <c r="AJ96" s="592"/>
      <c r="AK96" s="265"/>
      <c r="AL96" s="329"/>
      <c r="AM96" s="16"/>
      <c r="AN96" s="3" t="str">
        <f t="shared" si="5"/>
        <v>■</v>
      </c>
    </row>
    <row r="97" spans="1:40">
      <c r="A97" s="20" t="str">
        <f t="shared" si="4"/>
        <v>RE</v>
      </c>
      <c r="B97" s="20"/>
      <c r="C97" s="541">
        <v>33</v>
      </c>
      <c r="D97" s="542"/>
      <c r="E97" s="543" t="s">
        <v>494</v>
      </c>
      <c r="F97" s="544"/>
      <c r="G97" s="544"/>
      <c r="H97" s="544"/>
      <c r="I97" s="544"/>
      <c r="J97" s="544"/>
      <c r="K97" s="544"/>
      <c r="L97" s="544"/>
      <c r="M97" s="544"/>
      <c r="N97" s="544"/>
      <c r="O97" s="544"/>
      <c r="P97" s="544"/>
      <c r="Q97" s="544"/>
      <c r="R97" s="544"/>
      <c r="S97" s="544"/>
      <c r="T97" s="545"/>
      <c r="U97" s="221" t="s">
        <v>495</v>
      </c>
      <c r="V97" s="546" t="s">
        <v>107</v>
      </c>
      <c r="W97" s="547"/>
      <c r="X97" s="547"/>
      <c r="Y97" s="547"/>
      <c r="Z97" s="548"/>
      <c r="AA97" s="546" t="s">
        <v>102</v>
      </c>
      <c r="AB97" s="547"/>
      <c r="AC97" s="548"/>
      <c r="AD97" s="415">
        <v>3</v>
      </c>
      <c r="AE97" s="415" t="s">
        <v>103</v>
      </c>
      <c r="AF97" s="541"/>
      <c r="AG97" s="542"/>
      <c r="AH97" s="592"/>
      <c r="AI97" s="592"/>
      <c r="AJ97" s="592"/>
      <c r="AK97" s="265"/>
      <c r="AL97" s="329"/>
      <c r="AM97" s="16"/>
      <c r="AN97" s="3" t="str">
        <f t="shared" si="5"/>
        <v>■</v>
      </c>
    </row>
    <row r="98" spans="1:40">
      <c r="A98" s="20" t="str">
        <f t="shared" si="4"/>
        <v>RE</v>
      </c>
      <c r="B98" s="20"/>
      <c r="C98" s="541">
        <v>34</v>
      </c>
      <c r="D98" s="542"/>
      <c r="E98" s="543" t="s">
        <v>496</v>
      </c>
      <c r="F98" s="544"/>
      <c r="G98" s="544"/>
      <c r="H98" s="544"/>
      <c r="I98" s="544"/>
      <c r="J98" s="544"/>
      <c r="K98" s="544"/>
      <c r="L98" s="544"/>
      <c r="M98" s="544"/>
      <c r="N98" s="544"/>
      <c r="O98" s="544"/>
      <c r="P98" s="544"/>
      <c r="Q98" s="544"/>
      <c r="R98" s="544"/>
      <c r="S98" s="544"/>
      <c r="T98" s="545"/>
      <c r="U98" s="221" t="s">
        <v>497</v>
      </c>
      <c r="V98" s="546" t="s">
        <v>107</v>
      </c>
      <c r="W98" s="547"/>
      <c r="X98" s="547"/>
      <c r="Y98" s="547"/>
      <c r="Z98" s="548"/>
      <c r="AA98" s="546" t="s">
        <v>102</v>
      </c>
      <c r="AB98" s="547"/>
      <c r="AC98" s="548"/>
      <c r="AD98" s="415">
        <v>2</v>
      </c>
      <c r="AE98" s="415" t="s">
        <v>103</v>
      </c>
      <c r="AF98" s="541"/>
      <c r="AG98" s="542"/>
      <c r="AH98" s="592"/>
      <c r="AI98" s="592"/>
      <c r="AJ98" s="592"/>
      <c r="AK98" s="265"/>
      <c r="AL98" s="329"/>
      <c r="AM98" s="16"/>
      <c r="AN98" s="3" t="str">
        <f t="shared" si="5"/>
        <v>■</v>
      </c>
    </row>
    <row r="99" spans="1:40">
      <c r="A99" s="20" t="str">
        <f t="shared" si="4"/>
        <v>RE</v>
      </c>
      <c r="B99" s="20"/>
      <c r="C99" s="541">
        <v>35</v>
      </c>
      <c r="D99" s="542"/>
      <c r="E99" s="543" t="s">
        <v>498</v>
      </c>
      <c r="F99" s="544"/>
      <c r="G99" s="544"/>
      <c r="H99" s="544"/>
      <c r="I99" s="544"/>
      <c r="J99" s="544"/>
      <c r="K99" s="544"/>
      <c r="L99" s="544"/>
      <c r="M99" s="544"/>
      <c r="N99" s="544"/>
      <c r="O99" s="544"/>
      <c r="P99" s="544"/>
      <c r="Q99" s="544"/>
      <c r="R99" s="544"/>
      <c r="S99" s="544"/>
      <c r="T99" s="545"/>
      <c r="U99" s="221" t="s">
        <v>499</v>
      </c>
      <c r="V99" s="546" t="s">
        <v>107</v>
      </c>
      <c r="W99" s="547"/>
      <c r="X99" s="547"/>
      <c r="Y99" s="547"/>
      <c r="Z99" s="548"/>
      <c r="AA99" s="546" t="s">
        <v>102</v>
      </c>
      <c r="AB99" s="547"/>
      <c r="AC99" s="548"/>
      <c r="AD99" s="415">
        <v>3</v>
      </c>
      <c r="AE99" s="415" t="s">
        <v>103</v>
      </c>
      <c r="AF99" s="541"/>
      <c r="AG99" s="542"/>
      <c r="AH99" s="592"/>
      <c r="AI99" s="592"/>
      <c r="AJ99" s="592"/>
      <c r="AK99" s="265"/>
      <c r="AL99" s="329"/>
      <c r="AM99" s="16"/>
      <c r="AN99" s="3" t="str">
        <f t="shared" si="5"/>
        <v>■</v>
      </c>
    </row>
    <row r="100" spans="1:40">
      <c r="A100" s="20" t="str">
        <f t="shared" si="4"/>
        <v>RE</v>
      </c>
      <c r="B100" s="20"/>
      <c r="C100" s="541">
        <v>36</v>
      </c>
      <c r="D100" s="542"/>
      <c r="E100" s="543" t="s">
        <v>500</v>
      </c>
      <c r="F100" s="544"/>
      <c r="G100" s="544"/>
      <c r="H100" s="544"/>
      <c r="I100" s="544"/>
      <c r="J100" s="544"/>
      <c r="K100" s="544"/>
      <c r="L100" s="544"/>
      <c r="M100" s="544"/>
      <c r="N100" s="544"/>
      <c r="O100" s="544"/>
      <c r="P100" s="544"/>
      <c r="Q100" s="544"/>
      <c r="R100" s="544"/>
      <c r="S100" s="544"/>
      <c r="T100" s="545"/>
      <c r="U100" s="221" t="s">
        <v>501</v>
      </c>
      <c r="V100" s="546" t="s">
        <v>107</v>
      </c>
      <c r="W100" s="547"/>
      <c r="X100" s="547"/>
      <c r="Y100" s="547"/>
      <c r="Z100" s="548"/>
      <c r="AA100" s="546" t="s">
        <v>102</v>
      </c>
      <c r="AB100" s="547"/>
      <c r="AC100" s="548"/>
      <c r="AD100" s="415">
        <v>3</v>
      </c>
      <c r="AE100" s="415" t="s">
        <v>103</v>
      </c>
      <c r="AF100" s="541"/>
      <c r="AG100" s="542"/>
      <c r="AH100" s="592"/>
      <c r="AI100" s="592"/>
      <c r="AJ100" s="592"/>
      <c r="AK100" s="265"/>
      <c r="AL100" s="329"/>
      <c r="AM100" s="16"/>
      <c r="AN100" s="3" t="str">
        <f t="shared" si="5"/>
        <v>■</v>
      </c>
    </row>
    <row r="101" spans="1:40">
      <c r="A101" s="20" t="str">
        <f t="shared" si="4"/>
        <v>RE</v>
      </c>
      <c r="B101" s="20"/>
      <c r="C101" s="541">
        <v>37</v>
      </c>
      <c r="D101" s="542"/>
      <c r="E101" s="543" t="s">
        <v>502</v>
      </c>
      <c r="F101" s="544"/>
      <c r="G101" s="544"/>
      <c r="H101" s="544"/>
      <c r="I101" s="544"/>
      <c r="J101" s="544"/>
      <c r="K101" s="544"/>
      <c r="L101" s="544"/>
      <c r="M101" s="544"/>
      <c r="N101" s="544"/>
      <c r="O101" s="544"/>
      <c r="P101" s="544"/>
      <c r="Q101" s="544"/>
      <c r="R101" s="544"/>
      <c r="S101" s="544"/>
      <c r="T101" s="545"/>
      <c r="U101" s="221" t="s">
        <v>503</v>
      </c>
      <c r="V101" s="546" t="s">
        <v>107</v>
      </c>
      <c r="W101" s="547"/>
      <c r="X101" s="547"/>
      <c r="Y101" s="547"/>
      <c r="Z101" s="548"/>
      <c r="AA101" s="546" t="s">
        <v>102</v>
      </c>
      <c r="AB101" s="547"/>
      <c r="AC101" s="548"/>
      <c r="AD101" s="415">
        <v>3</v>
      </c>
      <c r="AE101" s="415" t="s">
        <v>103</v>
      </c>
      <c r="AF101" s="541"/>
      <c r="AG101" s="542"/>
      <c r="AH101" s="592"/>
      <c r="AI101" s="592"/>
      <c r="AJ101" s="592"/>
      <c r="AK101" s="265"/>
      <c r="AL101" s="329"/>
      <c r="AM101" s="16"/>
      <c r="AN101" s="3" t="str">
        <f t="shared" si="5"/>
        <v>■</v>
      </c>
    </row>
    <row r="102" spans="1:40">
      <c r="A102" s="20" t="str">
        <f t="shared" si="4"/>
        <v>RE</v>
      </c>
      <c r="B102" s="20"/>
      <c r="C102" s="541">
        <v>38</v>
      </c>
      <c r="D102" s="542"/>
      <c r="E102" s="543" t="s">
        <v>504</v>
      </c>
      <c r="F102" s="544"/>
      <c r="G102" s="544"/>
      <c r="H102" s="544"/>
      <c r="I102" s="544"/>
      <c r="J102" s="544"/>
      <c r="K102" s="544"/>
      <c r="L102" s="544"/>
      <c r="M102" s="544"/>
      <c r="N102" s="544"/>
      <c r="O102" s="544"/>
      <c r="P102" s="544"/>
      <c r="Q102" s="544"/>
      <c r="R102" s="544"/>
      <c r="S102" s="544"/>
      <c r="T102" s="545"/>
      <c r="U102" s="221" t="s">
        <v>505</v>
      </c>
      <c r="V102" s="546" t="s">
        <v>107</v>
      </c>
      <c r="W102" s="547"/>
      <c r="X102" s="547"/>
      <c r="Y102" s="547"/>
      <c r="Z102" s="548"/>
      <c r="AA102" s="546" t="s">
        <v>102</v>
      </c>
      <c r="AB102" s="547"/>
      <c r="AC102" s="548"/>
      <c r="AD102" s="415">
        <v>3</v>
      </c>
      <c r="AE102" s="415" t="s">
        <v>103</v>
      </c>
      <c r="AF102" s="541"/>
      <c r="AG102" s="542"/>
      <c r="AH102" s="592"/>
      <c r="AI102" s="592"/>
      <c r="AJ102" s="592"/>
      <c r="AK102" s="265"/>
      <c r="AL102" s="329"/>
      <c r="AM102" s="16"/>
      <c r="AN102" s="3" t="str">
        <f t="shared" si="5"/>
        <v>■</v>
      </c>
    </row>
    <row r="103" spans="1:40">
      <c r="A103" s="20" t="str">
        <f t="shared" si="4"/>
        <v>RE</v>
      </c>
      <c r="B103" s="20"/>
      <c r="C103" s="541">
        <v>39</v>
      </c>
      <c r="D103" s="542"/>
      <c r="E103" s="543" t="s">
        <v>506</v>
      </c>
      <c r="F103" s="544"/>
      <c r="G103" s="544"/>
      <c r="H103" s="544"/>
      <c r="I103" s="544"/>
      <c r="J103" s="544"/>
      <c r="K103" s="544"/>
      <c r="L103" s="544"/>
      <c r="M103" s="544"/>
      <c r="N103" s="544"/>
      <c r="O103" s="544"/>
      <c r="P103" s="544"/>
      <c r="Q103" s="544"/>
      <c r="R103" s="544"/>
      <c r="S103" s="544"/>
      <c r="T103" s="545"/>
      <c r="U103" s="221" t="s">
        <v>507</v>
      </c>
      <c r="V103" s="546" t="s">
        <v>107</v>
      </c>
      <c r="W103" s="547"/>
      <c r="X103" s="547"/>
      <c r="Y103" s="547"/>
      <c r="Z103" s="548"/>
      <c r="AA103" s="546" t="s">
        <v>102</v>
      </c>
      <c r="AB103" s="547"/>
      <c r="AC103" s="548"/>
      <c r="AD103" s="415">
        <v>2</v>
      </c>
      <c r="AE103" s="415" t="s">
        <v>103</v>
      </c>
      <c r="AF103" s="541"/>
      <c r="AG103" s="542"/>
      <c r="AH103" s="592"/>
      <c r="AI103" s="592"/>
      <c r="AJ103" s="592"/>
      <c r="AK103" s="265"/>
      <c r="AL103" s="329"/>
      <c r="AM103" s="16"/>
      <c r="AN103" s="3" t="str">
        <f t="shared" si="5"/>
        <v>■</v>
      </c>
    </row>
    <row r="104" spans="1:40">
      <c r="A104" s="20" t="str">
        <f t="shared" si="4"/>
        <v>RE</v>
      </c>
      <c r="B104" s="20"/>
      <c r="C104" s="541">
        <v>40</v>
      </c>
      <c r="D104" s="542"/>
      <c r="E104" s="543" t="s">
        <v>508</v>
      </c>
      <c r="F104" s="544"/>
      <c r="G104" s="544"/>
      <c r="H104" s="544"/>
      <c r="I104" s="544"/>
      <c r="J104" s="544"/>
      <c r="K104" s="544"/>
      <c r="L104" s="544"/>
      <c r="M104" s="544"/>
      <c r="N104" s="544"/>
      <c r="O104" s="544"/>
      <c r="P104" s="544"/>
      <c r="Q104" s="544"/>
      <c r="R104" s="544"/>
      <c r="S104" s="544"/>
      <c r="T104" s="545"/>
      <c r="U104" s="221" t="s">
        <v>509</v>
      </c>
      <c r="V104" s="546" t="s">
        <v>107</v>
      </c>
      <c r="W104" s="547"/>
      <c r="X104" s="547"/>
      <c r="Y104" s="547"/>
      <c r="Z104" s="548"/>
      <c r="AA104" s="546" t="s">
        <v>102</v>
      </c>
      <c r="AB104" s="547"/>
      <c r="AC104" s="548"/>
      <c r="AD104" s="415">
        <v>3</v>
      </c>
      <c r="AE104" s="415" t="s">
        <v>103</v>
      </c>
      <c r="AF104" s="541"/>
      <c r="AG104" s="542"/>
      <c r="AH104" s="592"/>
      <c r="AI104" s="592"/>
      <c r="AJ104" s="592"/>
      <c r="AK104" s="265"/>
      <c r="AL104" s="329"/>
      <c r="AM104" s="16"/>
      <c r="AN104" s="3" t="str">
        <f t="shared" si="5"/>
        <v>■</v>
      </c>
    </row>
    <row r="105" spans="1:40">
      <c r="A105" s="20" t="str">
        <f t="shared" si="4"/>
        <v>RE</v>
      </c>
      <c r="B105" s="20"/>
      <c r="C105" s="541">
        <v>41</v>
      </c>
      <c r="D105" s="542"/>
      <c r="E105" s="543" t="s">
        <v>510</v>
      </c>
      <c r="F105" s="544"/>
      <c r="G105" s="544"/>
      <c r="H105" s="544"/>
      <c r="I105" s="544"/>
      <c r="J105" s="544"/>
      <c r="K105" s="544"/>
      <c r="L105" s="544"/>
      <c r="M105" s="544"/>
      <c r="N105" s="544"/>
      <c r="O105" s="544"/>
      <c r="P105" s="544"/>
      <c r="Q105" s="544"/>
      <c r="R105" s="544"/>
      <c r="S105" s="544"/>
      <c r="T105" s="545"/>
      <c r="U105" s="221" t="s">
        <v>511</v>
      </c>
      <c r="V105" s="546" t="s">
        <v>107</v>
      </c>
      <c r="W105" s="547"/>
      <c r="X105" s="547"/>
      <c r="Y105" s="547"/>
      <c r="Z105" s="548"/>
      <c r="AA105" s="546" t="s">
        <v>102</v>
      </c>
      <c r="AB105" s="547"/>
      <c r="AC105" s="548"/>
      <c r="AD105" s="415">
        <v>3</v>
      </c>
      <c r="AE105" s="415" t="s">
        <v>103</v>
      </c>
      <c r="AF105" s="541"/>
      <c r="AG105" s="542"/>
      <c r="AH105" s="592"/>
      <c r="AI105" s="592"/>
      <c r="AJ105" s="592"/>
      <c r="AK105" s="265"/>
      <c r="AL105" s="329"/>
      <c r="AM105" s="16"/>
      <c r="AN105" s="3" t="str">
        <f t="shared" si="5"/>
        <v>■</v>
      </c>
    </row>
    <row r="106" spans="1:40">
      <c r="A106" s="20" t="str">
        <f t="shared" si="4"/>
        <v>RE</v>
      </c>
      <c r="B106" s="20"/>
      <c r="C106" s="541">
        <v>42</v>
      </c>
      <c r="D106" s="542"/>
      <c r="E106" s="543" t="s">
        <v>512</v>
      </c>
      <c r="F106" s="544"/>
      <c r="G106" s="544"/>
      <c r="H106" s="544"/>
      <c r="I106" s="544"/>
      <c r="J106" s="544"/>
      <c r="K106" s="544"/>
      <c r="L106" s="544"/>
      <c r="M106" s="544"/>
      <c r="N106" s="544"/>
      <c r="O106" s="544"/>
      <c r="P106" s="544"/>
      <c r="Q106" s="544"/>
      <c r="R106" s="544"/>
      <c r="S106" s="544"/>
      <c r="T106" s="545"/>
      <c r="U106" s="221" t="s">
        <v>513</v>
      </c>
      <c r="V106" s="546" t="s">
        <v>107</v>
      </c>
      <c r="W106" s="547"/>
      <c r="X106" s="547"/>
      <c r="Y106" s="547"/>
      <c r="Z106" s="548"/>
      <c r="AA106" s="546" t="s">
        <v>102</v>
      </c>
      <c r="AB106" s="547"/>
      <c r="AC106" s="548"/>
      <c r="AD106" s="415">
        <v>3</v>
      </c>
      <c r="AE106" s="415" t="s">
        <v>103</v>
      </c>
      <c r="AF106" s="541"/>
      <c r="AG106" s="542"/>
      <c r="AH106" s="592"/>
      <c r="AI106" s="592"/>
      <c r="AJ106" s="592"/>
      <c r="AK106" s="265"/>
      <c r="AL106" s="329"/>
      <c r="AM106" s="16"/>
      <c r="AN106" s="3" t="str">
        <f t="shared" si="5"/>
        <v>■</v>
      </c>
    </row>
    <row r="107" spans="1:40">
      <c r="A107" s="20" t="str">
        <f t="shared" si="4"/>
        <v>RE</v>
      </c>
      <c r="B107" s="20"/>
      <c r="C107" s="541">
        <v>43</v>
      </c>
      <c r="D107" s="542"/>
      <c r="E107" s="543" t="s">
        <v>514</v>
      </c>
      <c r="F107" s="544"/>
      <c r="G107" s="544"/>
      <c r="H107" s="544"/>
      <c r="I107" s="544"/>
      <c r="J107" s="544"/>
      <c r="K107" s="544"/>
      <c r="L107" s="544"/>
      <c r="M107" s="544"/>
      <c r="N107" s="544"/>
      <c r="O107" s="544"/>
      <c r="P107" s="544"/>
      <c r="Q107" s="544"/>
      <c r="R107" s="544"/>
      <c r="S107" s="544"/>
      <c r="T107" s="545"/>
      <c r="U107" s="221" t="s">
        <v>515</v>
      </c>
      <c r="V107" s="546" t="s">
        <v>107</v>
      </c>
      <c r="W107" s="547"/>
      <c r="X107" s="547"/>
      <c r="Y107" s="547"/>
      <c r="Z107" s="548"/>
      <c r="AA107" s="546" t="s">
        <v>102</v>
      </c>
      <c r="AB107" s="547"/>
      <c r="AC107" s="548"/>
      <c r="AD107" s="415">
        <v>3</v>
      </c>
      <c r="AE107" s="415" t="s">
        <v>103</v>
      </c>
      <c r="AF107" s="541"/>
      <c r="AG107" s="542"/>
      <c r="AH107" s="592"/>
      <c r="AI107" s="592"/>
      <c r="AJ107" s="592"/>
      <c r="AK107" s="265"/>
      <c r="AL107" s="329"/>
      <c r="AM107" s="16"/>
      <c r="AN107" s="3" t="str">
        <f t="shared" si="5"/>
        <v>■</v>
      </c>
    </row>
    <row r="108" spans="1:40">
      <c r="A108" s="20" t="str">
        <f t="shared" si="4"/>
        <v>RE</v>
      </c>
      <c r="B108" s="20"/>
      <c r="C108" s="541">
        <v>44</v>
      </c>
      <c r="D108" s="542"/>
      <c r="E108" s="543" t="s">
        <v>411</v>
      </c>
      <c r="F108" s="544"/>
      <c r="G108" s="544"/>
      <c r="H108" s="544"/>
      <c r="I108" s="544"/>
      <c r="J108" s="544"/>
      <c r="K108" s="544"/>
      <c r="L108" s="544"/>
      <c r="M108" s="544"/>
      <c r="N108" s="544"/>
      <c r="O108" s="544"/>
      <c r="P108" s="544"/>
      <c r="Q108" s="544"/>
      <c r="R108" s="544"/>
      <c r="S108" s="544"/>
      <c r="T108" s="545"/>
      <c r="U108" s="222" t="s">
        <v>516</v>
      </c>
      <c r="V108" s="546" t="s">
        <v>107</v>
      </c>
      <c r="W108" s="547"/>
      <c r="X108" s="547"/>
      <c r="Y108" s="547"/>
      <c r="Z108" s="548"/>
      <c r="AA108" s="546" t="s">
        <v>102</v>
      </c>
      <c r="AB108" s="547"/>
      <c r="AC108" s="548"/>
      <c r="AD108" s="415">
        <v>6</v>
      </c>
      <c r="AE108" s="415" t="s">
        <v>103</v>
      </c>
      <c r="AF108" s="541"/>
      <c r="AG108" s="542"/>
      <c r="AH108" s="592"/>
      <c r="AI108" s="592"/>
      <c r="AJ108" s="592"/>
      <c r="AK108" s="265"/>
      <c r="AL108" s="329"/>
      <c r="AM108" s="16"/>
      <c r="AN108" s="3" t="str">
        <f t="shared" si="5"/>
        <v>■</v>
      </c>
    </row>
    <row r="109" spans="1:40">
      <c r="A109" s="20" t="str">
        <f t="shared" si="4"/>
        <v>RE</v>
      </c>
      <c r="B109" s="20"/>
      <c r="C109" s="541">
        <v>45</v>
      </c>
      <c r="D109" s="542"/>
      <c r="E109" s="543" t="s">
        <v>517</v>
      </c>
      <c r="F109" s="544"/>
      <c r="G109" s="544"/>
      <c r="H109" s="544"/>
      <c r="I109" s="544"/>
      <c r="J109" s="544"/>
      <c r="K109" s="544"/>
      <c r="L109" s="544"/>
      <c r="M109" s="544"/>
      <c r="N109" s="544"/>
      <c r="O109" s="544"/>
      <c r="P109" s="544"/>
      <c r="Q109" s="544"/>
      <c r="R109" s="544"/>
      <c r="S109" s="544"/>
      <c r="T109" s="545"/>
      <c r="U109" s="222" t="s">
        <v>518</v>
      </c>
      <c r="V109" s="546" t="s">
        <v>101</v>
      </c>
      <c r="W109" s="547"/>
      <c r="X109" s="547"/>
      <c r="Y109" s="547"/>
      <c r="Z109" s="548"/>
      <c r="AA109" s="546" t="s">
        <v>102</v>
      </c>
      <c r="AB109" s="547"/>
      <c r="AC109" s="548"/>
      <c r="AD109" s="415">
        <v>3</v>
      </c>
      <c r="AE109" s="415" t="s">
        <v>103</v>
      </c>
      <c r="AF109" s="541"/>
      <c r="AG109" s="542"/>
      <c r="AH109" s="592"/>
      <c r="AI109" s="592"/>
      <c r="AJ109" s="592"/>
      <c r="AK109" s="265"/>
      <c r="AL109" s="329"/>
      <c r="AM109" s="16"/>
      <c r="AN109" s="3" t="str">
        <f t="shared" si="5"/>
        <v>■</v>
      </c>
    </row>
    <row r="110" spans="1:40">
      <c r="A110" s="20" t="str">
        <f t="shared" si="4"/>
        <v>RE</v>
      </c>
      <c r="B110" s="20"/>
      <c r="C110" s="541">
        <v>46</v>
      </c>
      <c r="D110" s="542"/>
      <c r="E110" s="543" t="s">
        <v>519</v>
      </c>
      <c r="F110" s="544"/>
      <c r="G110" s="544"/>
      <c r="H110" s="544"/>
      <c r="I110" s="544"/>
      <c r="J110" s="544"/>
      <c r="K110" s="544"/>
      <c r="L110" s="544"/>
      <c r="M110" s="544"/>
      <c r="N110" s="544"/>
      <c r="O110" s="544"/>
      <c r="P110" s="544"/>
      <c r="Q110" s="544"/>
      <c r="R110" s="544"/>
      <c r="S110" s="544"/>
      <c r="T110" s="545"/>
      <c r="U110" s="222" t="s">
        <v>520</v>
      </c>
      <c r="V110" s="546" t="s">
        <v>101</v>
      </c>
      <c r="W110" s="547"/>
      <c r="X110" s="547"/>
      <c r="Y110" s="547"/>
      <c r="Z110" s="548"/>
      <c r="AA110" s="546" t="s">
        <v>102</v>
      </c>
      <c r="AB110" s="547"/>
      <c r="AC110" s="548"/>
      <c r="AD110" s="415">
        <v>3</v>
      </c>
      <c r="AE110" s="415" t="s">
        <v>103</v>
      </c>
      <c r="AF110" s="541"/>
      <c r="AG110" s="542"/>
      <c r="AH110" s="592"/>
      <c r="AI110" s="592"/>
      <c r="AJ110" s="592"/>
      <c r="AK110" s="265"/>
      <c r="AL110" s="329"/>
      <c r="AM110" s="16"/>
      <c r="AN110" s="3" t="str">
        <f t="shared" si="5"/>
        <v>■</v>
      </c>
    </row>
    <row r="111" spans="1:40">
      <c r="A111" s="20" t="str">
        <f t="shared" si="4"/>
        <v>RE</v>
      </c>
      <c r="B111" s="20"/>
      <c r="C111" s="552">
        <v>47</v>
      </c>
      <c r="D111" s="553"/>
      <c r="E111" s="554" t="s">
        <v>521</v>
      </c>
      <c r="F111" s="555"/>
      <c r="G111" s="555"/>
      <c r="H111" s="555"/>
      <c r="I111" s="555"/>
      <c r="J111" s="555"/>
      <c r="K111" s="555"/>
      <c r="L111" s="555"/>
      <c r="M111" s="555"/>
      <c r="N111" s="555"/>
      <c r="O111" s="555"/>
      <c r="P111" s="555"/>
      <c r="Q111" s="555"/>
      <c r="R111" s="555"/>
      <c r="S111" s="555"/>
      <c r="T111" s="556"/>
      <c r="U111" s="260" t="s">
        <v>522</v>
      </c>
      <c r="V111" s="557" t="s">
        <v>107</v>
      </c>
      <c r="W111" s="558"/>
      <c r="X111" s="558"/>
      <c r="Y111" s="558"/>
      <c r="Z111" s="559"/>
      <c r="AA111" s="557" t="s">
        <v>108</v>
      </c>
      <c r="AB111" s="558"/>
      <c r="AC111" s="559"/>
      <c r="AD111" s="419">
        <v>3</v>
      </c>
      <c r="AE111" s="419">
        <v>0</v>
      </c>
      <c r="AF111" s="552" t="s">
        <v>109</v>
      </c>
      <c r="AG111" s="553"/>
      <c r="AH111" s="593"/>
      <c r="AI111" s="593"/>
      <c r="AJ111" s="593"/>
      <c r="AK111" s="333" t="s">
        <v>391</v>
      </c>
      <c r="AL111" s="329"/>
      <c r="AM111" s="16"/>
      <c r="AN111" s="3" t="str">
        <f t="shared" si="5"/>
        <v>■</v>
      </c>
    </row>
    <row r="112" spans="1:40">
      <c r="A112" s="20" t="str">
        <f t="shared" si="4"/>
        <v>RE</v>
      </c>
      <c r="B112" s="20"/>
      <c r="C112" s="541">
        <v>48</v>
      </c>
      <c r="D112" s="542"/>
      <c r="E112" s="543" t="s">
        <v>523</v>
      </c>
      <c r="F112" s="544"/>
      <c r="G112" s="544"/>
      <c r="H112" s="544"/>
      <c r="I112" s="544"/>
      <c r="J112" s="544"/>
      <c r="K112" s="544"/>
      <c r="L112" s="544"/>
      <c r="M112" s="544"/>
      <c r="N112" s="544"/>
      <c r="O112" s="544"/>
      <c r="P112" s="544"/>
      <c r="Q112" s="544"/>
      <c r="R112" s="544"/>
      <c r="S112" s="544"/>
      <c r="T112" s="545"/>
      <c r="U112" s="222" t="s">
        <v>524</v>
      </c>
      <c r="V112" s="546" t="s">
        <v>101</v>
      </c>
      <c r="W112" s="547"/>
      <c r="X112" s="547"/>
      <c r="Y112" s="547"/>
      <c r="Z112" s="548"/>
      <c r="AA112" s="546" t="s">
        <v>102</v>
      </c>
      <c r="AB112" s="547"/>
      <c r="AC112" s="548"/>
      <c r="AD112" s="415">
        <v>3</v>
      </c>
      <c r="AE112" s="415" t="s">
        <v>103</v>
      </c>
      <c r="AF112" s="541"/>
      <c r="AG112" s="542"/>
      <c r="AH112" s="592"/>
      <c r="AI112" s="592"/>
      <c r="AJ112" s="592"/>
      <c r="AK112" s="265"/>
      <c r="AL112" s="329"/>
      <c r="AM112" s="16"/>
      <c r="AN112" s="3" t="str">
        <f t="shared" si="5"/>
        <v>■</v>
      </c>
    </row>
    <row r="113" spans="1:40">
      <c r="A113" s="20" t="str">
        <f t="shared" si="4"/>
        <v>RE</v>
      </c>
      <c r="B113" s="20"/>
      <c r="C113" s="541">
        <v>49</v>
      </c>
      <c r="D113" s="542"/>
      <c r="E113" s="543" t="s">
        <v>525</v>
      </c>
      <c r="F113" s="544"/>
      <c r="G113" s="544"/>
      <c r="H113" s="544"/>
      <c r="I113" s="544"/>
      <c r="J113" s="544"/>
      <c r="K113" s="544"/>
      <c r="L113" s="544"/>
      <c r="M113" s="544"/>
      <c r="N113" s="544"/>
      <c r="O113" s="544"/>
      <c r="P113" s="544"/>
      <c r="Q113" s="544"/>
      <c r="R113" s="544"/>
      <c r="S113" s="544"/>
      <c r="T113" s="545"/>
      <c r="U113" s="222" t="s">
        <v>526</v>
      </c>
      <c r="V113" s="546" t="s">
        <v>101</v>
      </c>
      <c r="W113" s="547"/>
      <c r="X113" s="547"/>
      <c r="Y113" s="547"/>
      <c r="Z113" s="548"/>
      <c r="AA113" s="546" t="s">
        <v>102</v>
      </c>
      <c r="AB113" s="547"/>
      <c r="AC113" s="548"/>
      <c r="AD113" s="415">
        <v>3</v>
      </c>
      <c r="AE113" s="415" t="s">
        <v>103</v>
      </c>
      <c r="AF113" s="541"/>
      <c r="AG113" s="542"/>
      <c r="AH113" s="592"/>
      <c r="AI113" s="592"/>
      <c r="AJ113" s="592"/>
      <c r="AK113" s="265"/>
      <c r="AL113" s="329"/>
      <c r="AM113" s="16"/>
      <c r="AN113" s="3" t="str">
        <f t="shared" si="5"/>
        <v>■</v>
      </c>
    </row>
    <row r="114" spans="1:40">
      <c r="A114" s="20" t="str">
        <f t="shared" si="4"/>
        <v>RE</v>
      </c>
      <c r="B114" s="20"/>
      <c r="C114" s="541">
        <v>50</v>
      </c>
      <c r="D114" s="542"/>
      <c r="E114" s="543" t="s">
        <v>527</v>
      </c>
      <c r="F114" s="544"/>
      <c r="G114" s="544"/>
      <c r="H114" s="544"/>
      <c r="I114" s="544"/>
      <c r="J114" s="544"/>
      <c r="K114" s="544"/>
      <c r="L114" s="544"/>
      <c r="M114" s="544"/>
      <c r="N114" s="544"/>
      <c r="O114" s="544"/>
      <c r="P114" s="544"/>
      <c r="Q114" s="544"/>
      <c r="R114" s="544"/>
      <c r="S114" s="544"/>
      <c r="T114" s="545"/>
      <c r="U114" s="222" t="s">
        <v>528</v>
      </c>
      <c r="V114" s="546" t="s">
        <v>101</v>
      </c>
      <c r="W114" s="547"/>
      <c r="X114" s="547"/>
      <c r="Y114" s="547"/>
      <c r="Z114" s="548"/>
      <c r="AA114" s="546" t="s">
        <v>102</v>
      </c>
      <c r="AB114" s="547"/>
      <c r="AC114" s="548"/>
      <c r="AD114" s="415">
        <v>64</v>
      </c>
      <c r="AE114" s="415" t="s">
        <v>103</v>
      </c>
      <c r="AF114" s="541"/>
      <c r="AG114" s="542"/>
      <c r="AH114" s="592"/>
      <c r="AI114" s="592"/>
      <c r="AJ114" s="592"/>
      <c r="AK114" s="265"/>
      <c r="AL114" s="329"/>
      <c r="AM114" s="16"/>
      <c r="AN114" s="3" t="str">
        <f t="shared" si="5"/>
        <v>■</v>
      </c>
    </row>
    <row r="115" spans="1:40">
      <c r="A115" s="20" t="str">
        <f t="shared" si="4"/>
        <v>RE</v>
      </c>
      <c r="B115" s="20"/>
      <c r="C115" s="541">
        <v>51</v>
      </c>
      <c r="D115" s="542"/>
      <c r="E115" s="543" t="s">
        <v>529</v>
      </c>
      <c r="F115" s="544"/>
      <c r="G115" s="544"/>
      <c r="H115" s="544"/>
      <c r="I115" s="544"/>
      <c r="J115" s="544"/>
      <c r="K115" s="544"/>
      <c r="L115" s="544"/>
      <c r="M115" s="544"/>
      <c r="N115" s="544"/>
      <c r="O115" s="544"/>
      <c r="P115" s="544"/>
      <c r="Q115" s="544"/>
      <c r="R115" s="544"/>
      <c r="S115" s="544"/>
      <c r="T115" s="545"/>
      <c r="U115" s="222" t="s">
        <v>530</v>
      </c>
      <c r="V115" s="546" t="s">
        <v>107</v>
      </c>
      <c r="W115" s="547"/>
      <c r="X115" s="547"/>
      <c r="Y115" s="547"/>
      <c r="Z115" s="548"/>
      <c r="AA115" s="546" t="s">
        <v>102</v>
      </c>
      <c r="AB115" s="547"/>
      <c r="AC115" s="548"/>
      <c r="AD115" s="415">
        <v>60</v>
      </c>
      <c r="AE115" s="415" t="s">
        <v>103</v>
      </c>
      <c r="AF115" s="541"/>
      <c r="AG115" s="542"/>
      <c r="AH115" s="592"/>
      <c r="AI115" s="592"/>
      <c r="AJ115" s="592"/>
      <c r="AK115" s="265"/>
      <c r="AL115" s="329"/>
      <c r="AM115" s="16"/>
      <c r="AN115" s="3" t="str">
        <f t="shared" si="5"/>
        <v>■</v>
      </c>
    </row>
    <row r="116" spans="1:40">
      <c r="A116" s="20" t="str">
        <f t="shared" si="4"/>
        <v>RE</v>
      </c>
      <c r="B116" s="20"/>
      <c r="C116" s="541">
        <v>52</v>
      </c>
      <c r="D116" s="542"/>
      <c r="E116" s="543" t="s">
        <v>531</v>
      </c>
      <c r="F116" s="544"/>
      <c r="G116" s="544"/>
      <c r="H116" s="544"/>
      <c r="I116" s="544"/>
      <c r="J116" s="544"/>
      <c r="K116" s="544"/>
      <c r="L116" s="544"/>
      <c r="M116" s="544"/>
      <c r="N116" s="544"/>
      <c r="O116" s="544"/>
      <c r="P116" s="544"/>
      <c r="Q116" s="544"/>
      <c r="R116" s="544"/>
      <c r="S116" s="544"/>
      <c r="T116" s="545"/>
      <c r="U116" s="222" t="s">
        <v>532</v>
      </c>
      <c r="V116" s="546" t="s">
        <v>533</v>
      </c>
      <c r="W116" s="547"/>
      <c r="X116" s="547"/>
      <c r="Y116" s="547"/>
      <c r="Z116" s="548"/>
      <c r="AA116" s="546" t="s">
        <v>102</v>
      </c>
      <c r="AB116" s="547"/>
      <c r="AC116" s="548"/>
      <c r="AD116" s="415">
        <v>64</v>
      </c>
      <c r="AE116" s="415" t="s">
        <v>103</v>
      </c>
      <c r="AF116" s="541"/>
      <c r="AG116" s="542"/>
      <c r="AH116" s="592"/>
      <c r="AI116" s="592"/>
      <c r="AJ116" s="592"/>
      <c r="AK116" s="265"/>
      <c r="AL116" s="329"/>
      <c r="AM116" s="16"/>
      <c r="AN116" s="3" t="str">
        <f t="shared" si="5"/>
        <v>■</v>
      </c>
    </row>
    <row r="117" spans="1:40">
      <c r="A117" s="20" t="str">
        <f t="shared" si="4"/>
        <v>RE</v>
      </c>
      <c r="B117" s="20"/>
      <c r="C117" s="541">
        <v>53</v>
      </c>
      <c r="D117" s="542"/>
      <c r="E117" s="543" t="s">
        <v>534</v>
      </c>
      <c r="F117" s="544"/>
      <c r="G117" s="544"/>
      <c r="H117" s="544"/>
      <c r="I117" s="544"/>
      <c r="J117" s="544"/>
      <c r="K117" s="544"/>
      <c r="L117" s="544"/>
      <c r="M117" s="544"/>
      <c r="N117" s="544"/>
      <c r="O117" s="544"/>
      <c r="P117" s="544"/>
      <c r="Q117" s="544"/>
      <c r="R117" s="544"/>
      <c r="S117" s="544"/>
      <c r="T117" s="545"/>
      <c r="U117" s="222" t="s">
        <v>535</v>
      </c>
      <c r="V117" s="546" t="s">
        <v>533</v>
      </c>
      <c r="W117" s="547"/>
      <c r="X117" s="547"/>
      <c r="Y117" s="547"/>
      <c r="Z117" s="548"/>
      <c r="AA117" s="546" t="s">
        <v>102</v>
      </c>
      <c r="AB117" s="547"/>
      <c r="AC117" s="548"/>
      <c r="AD117" s="415">
        <v>7</v>
      </c>
      <c r="AE117" s="415" t="s">
        <v>103</v>
      </c>
      <c r="AF117" s="541"/>
      <c r="AG117" s="542"/>
      <c r="AH117" s="592"/>
      <c r="AI117" s="592"/>
      <c r="AJ117" s="592"/>
      <c r="AK117" s="265" t="s">
        <v>3020</v>
      </c>
      <c r="AL117" s="329"/>
      <c r="AM117" s="16"/>
      <c r="AN117" s="3" t="str">
        <f t="shared" si="5"/>
        <v>■</v>
      </c>
    </row>
    <row r="118" spans="1:40">
      <c r="A118" s="20" t="str">
        <f t="shared" si="4"/>
        <v>RE</v>
      </c>
      <c r="B118" s="20"/>
      <c r="C118" s="541">
        <v>54</v>
      </c>
      <c r="D118" s="542"/>
      <c r="E118" s="543" t="s">
        <v>536</v>
      </c>
      <c r="F118" s="544"/>
      <c r="G118" s="544"/>
      <c r="H118" s="544"/>
      <c r="I118" s="544"/>
      <c r="J118" s="544"/>
      <c r="K118" s="544"/>
      <c r="L118" s="544"/>
      <c r="M118" s="544"/>
      <c r="N118" s="544"/>
      <c r="O118" s="544"/>
      <c r="P118" s="544"/>
      <c r="Q118" s="544"/>
      <c r="R118" s="544"/>
      <c r="S118" s="544"/>
      <c r="T118" s="545"/>
      <c r="U118" s="222" t="s">
        <v>537</v>
      </c>
      <c r="V118" s="546" t="s">
        <v>533</v>
      </c>
      <c r="W118" s="547"/>
      <c r="X118" s="547"/>
      <c r="Y118" s="547"/>
      <c r="Z118" s="548"/>
      <c r="AA118" s="546" t="s">
        <v>102</v>
      </c>
      <c r="AB118" s="547"/>
      <c r="AC118" s="548"/>
      <c r="AD118" s="415">
        <v>5</v>
      </c>
      <c r="AE118" s="415" t="s">
        <v>103</v>
      </c>
      <c r="AF118" s="541"/>
      <c r="AG118" s="542"/>
      <c r="AH118" s="592"/>
      <c r="AI118" s="592"/>
      <c r="AJ118" s="592"/>
      <c r="AK118" s="265" t="s">
        <v>3020</v>
      </c>
      <c r="AL118" s="334"/>
      <c r="AM118" s="16"/>
      <c r="AN118" s="3" t="str">
        <f t="shared" si="5"/>
        <v>■</v>
      </c>
    </row>
    <row r="119" spans="1:40">
      <c r="A119" s="20" t="str">
        <f>IF(LEN(J119)&gt;0,MID(J119,FIND("（",J119,1)+1,2),A112)</f>
        <v>RE</v>
      </c>
      <c r="B119" s="20"/>
      <c r="C119" s="541">
        <v>55</v>
      </c>
      <c r="D119" s="542"/>
      <c r="E119" s="543" t="s">
        <v>538</v>
      </c>
      <c r="F119" s="544"/>
      <c r="G119" s="544"/>
      <c r="H119" s="544"/>
      <c r="I119" s="544"/>
      <c r="J119" s="544"/>
      <c r="K119" s="544"/>
      <c r="L119" s="544"/>
      <c r="M119" s="544"/>
      <c r="N119" s="544"/>
      <c r="O119" s="544"/>
      <c r="P119" s="544"/>
      <c r="Q119" s="544"/>
      <c r="R119" s="544"/>
      <c r="S119" s="544"/>
      <c r="T119" s="545"/>
      <c r="U119" s="222" t="s">
        <v>539</v>
      </c>
      <c r="V119" s="546" t="s">
        <v>533</v>
      </c>
      <c r="W119" s="547"/>
      <c r="X119" s="547"/>
      <c r="Y119" s="547"/>
      <c r="Z119" s="548"/>
      <c r="AA119" s="546" t="s">
        <v>102</v>
      </c>
      <c r="AB119" s="547"/>
      <c r="AC119" s="548"/>
      <c r="AD119" s="415">
        <v>1</v>
      </c>
      <c r="AE119" s="415" t="s">
        <v>103</v>
      </c>
      <c r="AF119" s="541"/>
      <c r="AG119" s="542"/>
      <c r="AH119" s="592"/>
      <c r="AI119" s="592"/>
      <c r="AJ119" s="592"/>
      <c r="AK119" s="265" t="s">
        <v>3020</v>
      </c>
      <c r="AL119" s="329"/>
      <c r="AM119" s="16"/>
      <c r="AN119" s="3" t="str">
        <f t="shared" si="5"/>
        <v>■</v>
      </c>
    </row>
    <row r="120" spans="1:40">
      <c r="A120" s="20" t="str">
        <f>IF(LEN(J120)&gt;0,MID(J120,FIND("（",J120,1)+1,2),A113)</f>
        <v>RE</v>
      </c>
      <c r="B120" s="20"/>
      <c r="C120" s="541">
        <v>56</v>
      </c>
      <c r="D120" s="542"/>
      <c r="E120" s="543" t="s">
        <v>540</v>
      </c>
      <c r="F120" s="544"/>
      <c r="G120" s="544"/>
      <c r="H120" s="544"/>
      <c r="I120" s="544"/>
      <c r="J120" s="544"/>
      <c r="K120" s="544"/>
      <c r="L120" s="544"/>
      <c r="M120" s="544"/>
      <c r="N120" s="544"/>
      <c r="O120" s="544"/>
      <c r="P120" s="544"/>
      <c r="Q120" s="544"/>
      <c r="R120" s="544"/>
      <c r="S120" s="544"/>
      <c r="T120" s="545"/>
      <c r="U120" s="222" t="s">
        <v>541</v>
      </c>
      <c r="V120" s="546" t="s">
        <v>542</v>
      </c>
      <c r="W120" s="547"/>
      <c r="X120" s="547"/>
      <c r="Y120" s="547"/>
      <c r="Z120" s="548"/>
      <c r="AA120" s="546" t="s">
        <v>102</v>
      </c>
      <c r="AB120" s="547"/>
      <c r="AC120" s="548"/>
      <c r="AD120" s="415">
        <v>2</v>
      </c>
      <c r="AE120" s="415" t="s">
        <v>103</v>
      </c>
      <c r="AF120" s="541"/>
      <c r="AG120" s="542"/>
      <c r="AH120" s="592"/>
      <c r="AI120" s="592"/>
      <c r="AJ120" s="592"/>
      <c r="AK120" s="265"/>
      <c r="AL120" s="329"/>
      <c r="AM120" s="16"/>
      <c r="AN120" s="3" t="str">
        <f t="shared" si="5"/>
        <v>■</v>
      </c>
    </row>
    <row r="121" spans="1:40">
      <c r="A121" s="20" t="str">
        <f>IF(LEN(J121)&gt;0,MID(J121,FIND("（",J121,1)+1,2),A114)</f>
        <v>RE</v>
      </c>
      <c r="B121" s="20"/>
      <c r="C121" s="122"/>
      <c r="D121" s="122"/>
      <c r="E121" s="207"/>
      <c r="F121" s="207"/>
      <c r="G121" s="207"/>
      <c r="H121" s="207"/>
      <c r="I121" s="207"/>
      <c r="J121" s="207"/>
      <c r="K121" s="207"/>
      <c r="L121" s="207"/>
      <c r="M121" s="207"/>
      <c r="N121" s="207"/>
      <c r="O121" s="207"/>
      <c r="P121" s="207"/>
      <c r="Q121" s="207"/>
      <c r="R121" s="207"/>
      <c r="S121" s="207"/>
      <c r="T121" s="207"/>
      <c r="U121" s="223"/>
      <c r="V121" s="205"/>
      <c r="W121" s="205"/>
      <c r="X121" s="205"/>
      <c r="Y121" s="205"/>
      <c r="Z121" s="205"/>
      <c r="AA121" s="205"/>
      <c r="AB121" s="205"/>
      <c r="AC121" s="205"/>
      <c r="AD121" s="206"/>
      <c r="AE121" s="206"/>
      <c r="AF121" s="326"/>
      <c r="AG121" s="412"/>
      <c r="AH121" s="238"/>
      <c r="AI121" s="238"/>
      <c r="AJ121" s="238"/>
      <c r="AK121" s="26"/>
      <c r="AL121" s="29"/>
      <c r="AM121" s="16"/>
    </row>
    <row r="122" spans="1:40" s="1" customFormat="1">
      <c r="A122" s="20" t="str">
        <f>IF(LEN(J122)&gt;0,MID(J122,FIND("（",J122,1)+1,2),A120)</f>
        <v>HO</v>
      </c>
      <c r="B122" s="20"/>
      <c r="C122" s="52" t="s">
        <v>380</v>
      </c>
      <c r="D122" s="16"/>
      <c r="E122" s="26"/>
      <c r="F122" s="26"/>
      <c r="G122" s="26"/>
      <c r="H122" s="26"/>
      <c r="I122" s="26"/>
      <c r="J122" s="26" t="s">
        <v>3035</v>
      </c>
      <c r="K122" s="26"/>
      <c r="L122" s="26"/>
      <c r="M122" s="26"/>
      <c r="N122" s="26"/>
      <c r="O122" s="26"/>
      <c r="P122" s="26"/>
      <c r="Q122" s="26"/>
      <c r="R122" s="26"/>
      <c r="S122" s="26"/>
      <c r="T122" s="26"/>
      <c r="U122" s="26" t="s">
        <v>544</v>
      </c>
      <c r="V122" s="122"/>
      <c r="W122" s="122"/>
      <c r="X122" s="122"/>
      <c r="Y122" s="122"/>
      <c r="Z122" s="122"/>
      <c r="AA122" s="122"/>
      <c r="AB122" s="122"/>
      <c r="AC122" s="122"/>
      <c r="AD122" s="122"/>
      <c r="AE122" s="122"/>
      <c r="AF122" s="122"/>
      <c r="AG122" s="122"/>
      <c r="AH122" s="122"/>
      <c r="AI122" s="122"/>
      <c r="AJ122" s="122"/>
      <c r="AK122" s="26"/>
      <c r="AL122" s="329"/>
      <c r="AM122" s="26"/>
    </row>
    <row r="123" spans="1:40" ht="13.5" customHeight="1">
      <c r="A123" s="20" t="str">
        <f t="shared" ref="A123:A144" si="6">IF(LEN(J123)&gt;0,MID(J123,FIND("（",J123,1)+1,2),A122)</f>
        <v>HO</v>
      </c>
      <c r="B123" s="20"/>
      <c r="C123" s="571" t="s">
        <v>73</v>
      </c>
      <c r="D123" s="573"/>
      <c r="E123" s="571" t="s">
        <v>94</v>
      </c>
      <c r="F123" s="571"/>
      <c r="G123" s="571"/>
      <c r="H123" s="571"/>
      <c r="I123" s="571"/>
      <c r="J123" s="571"/>
      <c r="K123" s="571"/>
      <c r="L123" s="571"/>
      <c r="M123" s="571"/>
      <c r="N123" s="571"/>
      <c r="O123" s="571"/>
      <c r="P123" s="571"/>
      <c r="Q123" s="571"/>
      <c r="R123" s="571"/>
      <c r="S123" s="571"/>
      <c r="T123" s="571"/>
      <c r="U123" s="226" t="s">
        <v>383</v>
      </c>
      <c r="V123" s="574" t="s">
        <v>138</v>
      </c>
      <c r="W123" s="574"/>
      <c r="X123" s="574"/>
      <c r="Y123" s="574"/>
      <c r="Z123" s="574"/>
      <c r="AA123" s="575" t="s">
        <v>415</v>
      </c>
      <c r="AB123" s="576"/>
      <c r="AC123" s="577"/>
      <c r="AD123" s="493" t="s">
        <v>97</v>
      </c>
      <c r="AE123" s="493"/>
      <c r="AF123" s="574" t="s">
        <v>98</v>
      </c>
      <c r="AG123" s="574"/>
      <c r="AH123" s="571" t="s">
        <v>75</v>
      </c>
      <c r="AI123" s="571"/>
      <c r="AJ123" s="571"/>
      <c r="AK123" s="581" t="s">
        <v>159</v>
      </c>
      <c r="AL123" s="329"/>
      <c r="AM123" s="16"/>
    </row>
    <row r="124" spans="1:40">
      <c r="A124" s="20" t="str">
        <f t="shared" si="6"/>
        <v>HO</v>
      </c>
      <c r="B124" s="20"/>
      <c r="C124" s="573"/>
      <c r="D124" s="573"/>
      <c r="E124" s="571"/>
      <c r="F124" s="571"/>
      <c r="G124" s="571"/>
      <c r="H124" s="571"/>
      <c r="I124" s="571"/>
      <c r="J124" s="571"/>
      <c r="K124" s="571"/>
      <c r="L124" s="571"/>
      <c r="M124" s="571"/>
      <c r="N124" s="571"/>
      <c r="O124" s="571"/>
      <c r="P124" s="571"/>
      <c r="Q124" s="571"/>
      <c r="R124" s="571"/>
      <c r="S124" s="571"/>
      <c r="T124" s="571"/>
      <c r="U124" s="227"/>
      <c r="V124" s="574"/>
      <c r="W124" s="574"/>
      <c r="X124" s="574"/>
      <c r="Y124" s="574"/>
      <c r="Z124" s="574"/>
      <c r="AA124" s="578"/>
      <c r="AB124" s="579"/>
      <c r="AC124" s="580"/>
      <c r="AD124" s="493"/>
      <c r="AE124" s="493"/>
      <c r="AF124" s="574"/>
      <c r="AG124" s="574"/>
      <c r="AH124" s="571"/>
      <c r="AI124" s="571"/>
      <c r="AJ124" s="571"/>
      <c r="AK124" s="582"/>
      <c r="AL124" s="330"/>
      <c r="AM124" s="16"/>
    </row>
    <row r="125" spans="1:40" ht="13.4" customHeight="1">
      <c r="A125" s="20" t="str">
        <f t="shared" si="6"/>
        <v>HO</v>
      </c>
      <c r="B125" s="20"/>
      <c r="C125" s="541">
        <v>1</v>
      </c>
      <c r="D125" s="542"/>
      <c r="E125" s="563" t="s">
        <v>440</v>
      </c>
      <c r="F125" s="564"/>
      <c r="G125" s="564"/>
      <c r="H125" s="564"/>
      <c r="I125" s="564"/>
      <c r="J125" s="564"/>
      <c r="K125" s="564"/>
      <c r="L125" s="564"/>
      <c r="M125" s="564"/>
      <c r="N125" s="564"/>
      <c r="O125" s="564"/>
      <c r="P125" s="564"/>
      <c r="Q125" s="564"/>
      <c r="R125" s="564"/>
      <c r="S125" s="564"/>
      <c r="T125" s="565"/>
      <c r="U125" s="219" t="s">
        <v>441</v>
      </c>
      <c r="V125" s="546" t="s">
        <v>101</v>
      </c>
      <c r="W125" s="547"/>
      <c r="X125" s="547"/>
      <c r="Y125" s="547"/>
      <c r="Z125" s="548"/>
      <c r="AA125" s="546" t="s">
        <v>102</v>
      </c>
      <c r="AB125" s="547"/>
      <c r="AC125" s="548"/>
      <c r="AD125" s="415">
        <v>10</v>
      </c>
      <c r="AE125" s="415" t="s">
        <v>103</v>
      </c>
      <c r="AF125" s="541"/>
      <c r="AG125" s="542"/>
      <c r="AH125" s="549"/>
      <c r="AI125" s="550"/>
      <c r="AJ125" s="551"/>
      <c r="AK125" s="335"/>
      <c r="AL125" s="330"/>
      <c r="AM125" s="16"/>
      <c r="AN125" s="3" t="str">
        <f>$P$19</f>
        <v>■</v>
      </c>
    </row>
    <row r="126" spans="1:40" ht="13.4" customHeight="1">
      <c r="A126" s="20" t="str">
        <f t="shared" si="6"/>
        <v>HO</v>
      </c>
      <c r="B126" s="20"/>
      <c r="C126" s="541">
        <v>2</v>
      </c>
      <c r="D126" s="542"/>
      <c r="E126" s="563" t="s">
        <v>442</v>
      </c>
      <c r="F126" s="564"/>
      <c r="G126" s="564"/>
      <c r="H126" s="564"/>
      <c r="I126" s="564"/>
      <c r="J126" s="564"/>
      <c r="K126" s="564"/>
      <c r="L126" s="564"/>
      <c r="M126" s="564"/>
      <c r="N126" s="564"/>
      <c r="O126" s="564"/>
      <c r="P126" s="564"/>
      <c r="Q126" s="564"/>
      <c r="R126" s="564"/>
      <c r="S126" s="564"/>
      <c r="T126" s="565"/>
      <c r="U126" s="219" t="s">
        <v>443</v>
      </c>
      <c r="V126" s="546" t="s">
        <v>101</v>
      </c>
      <c r="W126" s="547"/>
      <c r="X126" s="547"/>
      <c r="Y126" s="547"/>
      <c r="Z126" s="548"/>
      <c r="AA126" s="546" t="s">
        <v>102</v>
      </c>
      <c r="AB126" s="547"/>
      <c r="AC126" s="548"/>
      <c r="AD126" s="415">
        <v>51</v>
      </c>
      <c r="AE126" s="415" t="s">
        <v>103</v>
      </c>
      <c r="AF126" s="541"/>
      <c r="AG126" s="542"/>
      <c r="AH126" s="549"/>
      <c r="AI126" s="550"/>
      <c r="AJ126" s="551"/>
      <c r="AK126" s="335"/>
      <c r="AL126" s="329"/>
      <c r="AM126" s="16"/>
      <c r="AN126" s="3" t="str">
        <f t="shared" ref="AN126:AN144" si="7">$P$19</f>
        <v>■</v>
      </c>
    </row>
    <row r="127" spans="1:40" s="28" customFormat="1" ht="13.4" customHeight="1">
      <c r="A127" s="20" t="str">
        <f t="shared" si="6"/>
        <v>HO</v>
      </c>
      <c r="B127" s="20"/>
      <c r="C127" s="552">
        <v>3</v>
      </c>
      <c r="D127" s="553"/>
      <c r="E127" s="566" t="s">
        <v>106</v>
      </c>
      <c r="F127" s="567"/>
      <c r="G127" s="567"/>
      <c r="H127" s="567"/>
      <c r="I127" s="567"/>
      <c r="J127" s="567"/>
      <c r="K127" s="567"/>
      <c r="L127" s="567"/>
      <c r="M127" s="567"/>
      <c r="N127" s="567"/>
      <c r="O127" s="567"/>
      <c r="P127" s="567"/>
      <c r="Q127" s="567"/>
      <c r="R127" s="567"/>
      <c r="S127" s="567"/>
      <c r="T127" s="568"/>
      <c r="U127" s="220" t="s">
        <v>444</v>
      </c>
      <c r="V127" s="557" t="s">
        <v>107</v>
      </c>
      <c r="W127" s="558"/>
      <c r="X127" s="558"/>
      <c r="Y127" s="558"/>
      <c r="Z127" s="559"/>
      <c r="AA127" s="557" t="s">
        <v>108</v>
      </c>
      <c r="AB127" s="558"/>
      <c r="AC127" s="559"/>
      <c r="AD127" s="419">
        <v>1</v>
      </c>
      <c r="AE127" s="419">
        <v>0</v>
      </c>
      <c r="AF127" s="552" t="s">
        <v>109</v>
      </c>
      <c r="AG127" s="553"/>
      <c r="AH127" s="560"/>
      <c r="AI127" s="561"/>
      <c r="AJ127" s="562"/>
      <c r="AK127" s="321" t="s">
        <v>391</v>
      </c>
      <c r="AL127" s="330"/>
      <c r="AM127" s="331"/>
      <c r="AN127" s="3" t="str">
        <f t="shared" si="7"/>
        <v>■</v>
      </c>
    </row>
    <row r="128" spans="1:40" s="28" customFormat="1" ht="13.4" customHeight="1">
      <c r="A128" s="20" t="str">
        <f t="shared" si="6"/>
        <v>HO</v>
      </c>
      <c r="B128" s="20"/>
      <c r="C128" s="541">
        <v>4</v>
      </c>
      <c r="D128" s="542"/>
      <c r="E128" s="563" t="s">
        <v>110</v>
      </c>
      <c r="F128" s="564"/>
      <c r="G128" s="564"/>
      <c r="H128" s="564"/>
      <c r="I128" s="564"/>
      <c r="J128" s="564"/>
      <c r="K128" s="564"/>
      <c r="L128" s="564"/>
      <c r="M128" s="564"/>
      <c r="N128" s="564"/>
      <c r="O128" s="564"/>
      <c r="P128" s="564"/>
      <c r="Q128" s="564"/>
      <c r="R128" s="564"/>
      <c r="S128" s="564"/>
      <c r="T128" s="565"/>
      <c r="U128" s="221" t="s">
        <v>445</v>
      </c>
      <c r="V128" s="546" t="s">
        <v>107</v>
      </c>
      <c r="W128" s="547"/>
      <c r="X128" s="547"/>
      <c r="Y128" s="547"/>
      <c r="Z128" s="548"/>
      <c r="AA128" s="546" t="s">
        <v>108</v>
      </c>
      <c r="AB128" s="547"/>
      <c r="AC128" s="548"/>
      <c r="AD128" s="415">
        <v>1</v>
      </c>
      <c r="AE128" s="415">
        <v>0</v>
      </c>
      <c r="AF128" s="541"/>
      <c r="AG128" s="542"/>
      <c r="AH128" s="549"/>
      <c r="AI128" s="550"/>
      <c r="AJ128" s="551"/>
      <c r="AK128" s="265"/>
      <c r="AL128" s="330"/>
      <c r="AM128" s="331"/>
      <c r="AN128" s="3" t="str">
        <f t="shared" si="7"/>
        <v>■</v>
      </c>
    </row>
    <row r="129" spans="1:40">
      <c r="A129" s="20" t="str">
        <f t="shared" si="6"/>
        <v>HO</v>
      </c>
      <c r="B129" s="20"/>
      <c r="C129" s="541">
        <v>5</v>
      </c>
      <c r="D129" s="542"/>
      <c r="E129" s="543" t="s">
        <v>80</v>
      </c>
      <c r="F129" s="544"/>
      <c r="G129" s="544"/>
      <c r="H129" s="544"/>
      <c r="I129" s="544"/>
      <c r="J129" s="544"/>
      <c r="K129" s="544"/>
      <c r="L129" s="544"/>
      <c r="M129" s="544"/>
      <c r="N129" s="544"/>
      <c r="O129" s="544"/>
      <c r="P129" s="544"/>
      <c r="Q129" s="544"/>
      <c r="R129" s="544"/>
      <c r="S129" s="544"/>
      <c r="T129" s="545"/>
      <c r="U129" s="221" t="s">
        <v>446</v>
      </c>
      <c r="V129" s="546" t="s">
        <v>101</v>
      </c>
      <c r="W129" s="547"/>
      <c r="X129" s="547"/>
      <c r="Y129" s="547"/>
      <c r="Z129" s="548"/>
      <c r="AA129" s="546" t="s">
        <v>102</v>
      </c>
      <c r="AB129" s="547"/>
      <c r="AC129" s="548"/>
      <c r="AD129" s="415">
        <v>2</v>
      </c>
      <c r="AE129" s="415" t="s">
        <v>103</v>
      </c>
      <c r="AF129" s="541"/>
      <c r="AG129" s="542"/>
      <c r="AH129" s="549"/>
      <c r="AI129" s="550"/>
      <c r="AJ129" s="551"/>
      <c r="AK129" s="332"/>
      <c r="AL129" s="329"/>
      <c r="AM129" s="16"/>
      <c r="AN129" s="3" t="str">
        <f t="shared" si="7"/>
        <v>■</v>
      </c>
    </row>
    <row r="130" spans="1:40" s="28" customFormat="1">
      <c r="A130" s="20" t="str">
        <f t="shared" si="6"/>
        <v>HO</v>
      </c>
      <c r="B130" s="20"/>
      <c r="C130" s="552">
        <v>6</v>
      </c>
      <c r="D130" s="553"/>
      <c r="E130" s="554" t="s">
        <v>545</v>
      </c>
      <c r="F130" s="555"/>
      <c r="G130" s="555"/>
      <c r="H130" s="555"/>
      <c r="I130" s="555"/>
      <c r="J130" s="555"/>
      <c r="K130" s="555"/>
      <c r="L130" s="555"/>
      <c r="M130" s="555"/>
      <c r="N130" s="555"/>
      <c r="O130" s="555"/>
      <c r="P130" s="555"/>
      <c r="Q130" s="555"/>
      <c r="R130" s="555"/>
      <c r="S130" s="555"/>
      <c r="T130" s="556"/>
      <c r="U130" s="259" t="s">
        <v>546</v>
      </c>
      <c r="V130" s="557" t="s">
        <v>101</v>
      </c>
      <c r="W130" s="558"/>
      <c r="X130" s="558"/>
      <c r="Y130" s="558"/>
      <c r="Z130" s="559"/>
      <c r="AA130" s="557" t="s">
        <v>102</v>
      </c>
      <c r="AB130" s="558"/>
      <c r="AC130" s="559"/>
      <c r="AD130" s="419">
        <v>8</v>
      </c>
      <c r="AE130" s="419" t="s">
        <v>103</v>
      </c>
      <c r="AF130" s="552" t="s">
        <v>109</v>
      </c>
      <c r="AG130" s="553"/>
      <c r="AH130" s="560"/>
      <c r="AI130" s="561"/>
      <c r="AJ130" s="562"/>
      <c r="AK130" s="336" t="s">
        <v>391</v>
      </c>
      <c r="AL130" s="329"/>
      <c r="AM130" s="331"/>
      <c r="AN130" s="3" t="str">
        <f t="shared" si="7"/>
        <v>■</v>
      </c>
    </row>
    <row r="131" spans="1:40" s="28" customFormat="1">
      <c r="A131" s="20" t="str">
        <f t="shared" si="6"/>
        <v>HO</v>
      </c>
      <c r="B131" s="20"/>
      <c r="C131" s="552">
        <v>7</v>
      </c>
      <c r="D131" s="553"/>
      <c r="E131" s="554" t="s">
        <v>547</v>
      </c>
      <c r="F131" s="555"/>
      <c r="G131" s="555"/>
      <c r="H131" s="555"/>
      <c r="I131" s="555"/>
      <c r="J131" s="555"/>
      <c r="K131" s="555"/>
      <c r="L131" s="555"/>
      <c r="M131" s="555"/>
      <c r="N131" s="555"/>
      <c r="O131" s="555"/>
      <c r="P131" s="555"/>
      <c r="Q131" s="555"/>
      <c r="R131" s="555"/>
      <c r="S131" s="555"/>
      <c r="T131" s="556"/>
      <c r="U131" s="259" t="s">
        <v>548</v>
      </c>
      <c r="V131" s="557" t="s">
        <v>101</v>
      </c>
      <c r="W131" s="558"/>
      <c r="X131" s="558"/>
      <c r="Y131" s="558"/>
      <c r="Z131" s="559"/>
      <c r="AA131" s="557" t="s">
        <v>102</v>
      </c>
      <c r="AB131" s="558"/>
      <c r="AC131" s="559"/>
      <c r="AD131" s="419">
        <v>8</v>
      </c>
      <c r="AE131" s="419" t="s">
        <v>103</v>
      </c>
      <c r="AF131" s="552" t="s">
        <v>109</v>
      </c>
      <c r="AG131" s="553"/>
      <c r="AH131" s="560"/>
      <c r="AI131" s="561"/>
      <c r="AJ131" s="562"/>
      <c r="AK131" s="336" t="s">
        <v>391</v>
      </c>
      <c r="AL131" s="329"/>
      <c r="AM131" s="331"/>
      <c r="AN131" s="3" t="str">
        <f t="shared" si="7"/>
        <v>■</v>
      </c>
    </row>
    <row r="132" spans="1:40">
      <c r="A132" s="20" t="str">
        <f t="shared" si="6"/>
        <v>HO</v>
      </c>
      <c r="B132" s="20"/>
      <c r="C132" s="541">
        <v>8</v>
      </c>
      <c r="D132" s="542"/>
      <c r="E132" s="543" t="s">
        <v>3032</v>
      </c>
      <c r="F132" s="544"/>
      <c r="G132" s="544"/>
      <c r="H132" s="544"/>
      <c r="I132" s="544"/>
      <c r="J132" s="544"/>
      <c r="K132" s="544"/>
      <c r="L132" s="544"/>
      <c r="M132" s="544"/>
      <c r="N132" s="544"/>
      <c r="O132" s="544"/>
      <c r="P132" s="544"/>
      <c r="Q132" s="544"/>
      <c r="R132" s="544"/>
      <c r="S132" s="544"/>
      <c r="T132" s="545"/>
      <c r="U132" s="221" t="s">
        <v>550</v>
      </c>
      <c r="V132" s="546" t="s">
        <v>101</v>
      </c>
      <c r="W132" s="547"/>
      <c r="X132" s="547"/>
      <c r="Y132" s="547"/>
      <c r="Z132" s="548"/>
      <c r="AA132" s="546" t="s">
        <v>102</v>
      </c>
      <c r="AB132" s="547"/>
      <c r="AC132" s="548"/>
      <c r="AD132" s="415">
        <v>8</v>
      </c>
      <c r="AE132" s="415" t="s">
        <v>103</v>
      </c>
      <c r="AF132" s="541"/>
      <c r="AG132" s="542"/>
      <c r="AH132" s="549"/>
      <c r="AI132" s="550"/>
      <c r="AJ132" s="551"/>
      <c r="AK132" s="265" t="s">
        <v>3020</v>
      </c>
      <c r="AL132" s="329"/>
      <c r="AM132" s="16"/>
      <c r="AN132" s="3" t="str">
        <f t="shared" si="7"/>
        <v>■</v>
      </c>
    </row>
    <row r="133" spans="1:40">
      <c r="A133" s="20" t="str">
        <f t="shared" si="6"/>
        <v>HO</v>
      </c>
      <c r="B133" s="20"/>
      <c r="C133" s="541">
        <v>9</v>
      </c>
      <c r="D133" s="542"/>
      <c r="E133" s="543" t="s">
        <v>551</v>
      </c>
      <c r="F133" s="544"/>
      <c r="G133" s="544"/>
      <c r="H133" s="544"/>
      <c r="I133" s="544"/>
      <c r="J133" s="544"/>
      <c r="K133" s="544"/>
      <c r="L133" s="544"/>
      <c r="M133" s="544"/>
      <c r="N133" s="544"/>
      <c r="O133" s="544"/>
      <c r="P133" s="544"/>
      <c r="Q133" s="544"/>
      <c r="R133" s="544"/>
      <c r="S133" s="544"/>
      <c r="T133" s="545"/>
      <c r="U133" s="221" t="s">
        <v>552</v>
      </c>
      <c r="V133" s="546" t="s">
        <v>107</v>
      </c>
      <c r="W133" s="547"/>
      <c r="X133" s="547"/>
      <c r="Y133" s="547"/>
      <c r="Z133" s="548"/>
      <c r="AA133" s="546" t="s">
        <v>108</v>
      </c>
      <c r="AB133" s="547"/>
      <c r="AC133" s="548"/>
      <c r="AD133" s="415">
        <v>2</v>
      </c>
      <c r="AE133" s="415">
        <v>0</v>
      </c>
      <c r="AF133" s="541"/>
      <c r="AG133" s="542"/>
      <c r="AH133" s="549"/>
      <c r="AI133" s="550"/>
      <c r="AJ133" s="551"/>
      <c r="AK133" s="265"/>
      <c r="AL133" s="329"/>
      <c r="AM133" s="16"/>
      <c r="AN133" s="3" t="str">
        <f t="shared" si="7"/>
        <v>■</v>
      </c>
    </row>
    <row r="134" spans="1:40">
      <c r="A134" s="20" t="str">
        <f t="shared" si="6"/>
        <v>HO</v>
      </c>
      <c r="B134" s="20"/>
      <c r="C134" s="541">
        <v>10</v>
      </c>
      <c r="D134" s="542"/>
      <c r="E134" s="543" t="s">
        <v>553</v>
      </c>
      <c r="F134" s="544"/>
      <c r="G134" s="544"/>
      <c r="H134" s="544"/>
      <c r="I134" s="544"/>
      <c r="J134" s="544"/>
      <c r="K134" s="544"/>
      <c r="L134" s="544"/>
      <c r="M134" s="544"/>
      <c r="N134" s="544"/>
      <c r="O134" s="544"/>
      <c r="P134" s="544"/>
      <c r="Q134" s="544"/>
      <c r="R134" s="544"/>
      <c r="S134" s="544"/>
      <c r="T134" s="545"/>
      <c r="U134" s="221" t="s">
        <v>554</v>
      </c>
      <c r="V134" s="546" t="s">
        <v>107</v>
      </c>
      <c r="W134" s="547"/>
      <c r="X134" s="547"/>
      <c r="Y134" s="547"/>
      <c r="Z134" s="548"/>
      <c r="AA134" s="546" t="s">
        <v>108</v>
      </c>
      <c r="AB134" s="547"/>
      <c r="AC134" s="548"/>
      <c r="AD134" s="415">
        <v>8</v>
      </c>
      <c r="AE134" s="415">
        <v>0</v>
      </c>
      <c r="AF134" s="541"/>
      <c r="AG134" s="542"/>
      <c r="AH134" s="549"/>
      <c r="AI134" s="550"/>
      <c r="AJ134" s="551"/>
      <c r="AK134" s="265"/>
      <c r="AL134" s="329"/>
      <c r="AM134" s="16"/>
      <c r="AN134" s="3" t="str">
        <f t="shared" si="7"/>
        <v>■</v>
      </c>
    </row>
    <row r="135" spans="1:40">
      <c r="A135" s="20" t="str">
        <f t="shared" si="6"/>
        <v>HO</v>
      </c>
      <c r="B135" s="20"/>
      <c r="C135" s="552">
        <v>11</v>
      </c>
      <c r="D135" s="553"/>
      <c r="E135" s="554" t="s">
        <v>555</v>
      </c>
      <c r="F135" s="555"/>
      <c r="G135" s="555"/>
      <c r="H135" s="555"/>
      <c r="I135" s="555"/>
      <c r="J135" s="555"/>
      <c r="K135" s="555"/>
      <c r="L135" s="555"/>
      <c r="M135" s="555"/>
      <c r="N135" s="555"/>
      <c r="O135" s="555"/>
      <c r="P135" s="555"/>
      <c r="Q135" s="555"/>
      <c r="R135" s="555"/>
      <c r="S135" s="555"/>
      <c r="T135" s="556"/>
      <c r="U135" s="259" t="s">
        <v>474</v>
      </c>
      <c r="V135" s="557" t="s">
        <v>107</v>
      </c>
      <c r="W135" s="558"/>
      <c r="X135" s="558"/>
      <c r="Y135" s="558"/>
      <c r="Z135" s="559"/>
      <c r="AA135" s="557" t="s">
        <v>108</v>
      </c>
      <c r="AB135" s="558"/>
      <c r="AC135" s="559"/>
      <c r="AD135" s="419">
        <v>5</v>
      </c>
      <c r="AE135" s="419">
        <v>0</v>
      </c>
      <c r="AF135" s="552" t="s">
        <v>109</v>
      </c>
      <c r="AG135" s="553"/>
      <c r="AH135" s="560"/>
      <c r="AI135" s="561"/>
      <c r="AJ135" s="562"/>
      <c r="AK135" s="333" t="s">
        <v>399</v>
      </c>
      <c r="AL135" s="329"/>
      <c r="AM135" s="16"/>
      <c r="AN135" s="3" t="str">
        <f t="shared" si="7"/>
        <v>■</v>
      </c>
    </row>
    <row r="136" spans="1:40">
      <c r="A136" s="20" t="str">
        <f t="shared" si="6"/>
        <v>HO</v>
      </c>
      <c r="B136" s="20"/>
      <c r="C136" s="541">
        <v>12</v>
      </c>
      <c r="D136" s="542"/>
      <c r="E136" s="543" t="s">
        <v>556</v>
      </c>
      <c r="F136" s="544"/>
      <c r="G136" s="544"/>
      <c r="H136" s="544"/>
      <c r="I136" s="544"/>
      <c r="J136" s="544"/>
      <c r="K136" s="544"/>
      <c r="L136" s="544"/>
      <c r="M136" s="544"/>
      <c r="N136" s="544"/>
      <c r="O136" s="544"/>
      <c r="P136" s="544"/>
      <c r="Q136" s="544"/>
      <c r="R136" s="544"/>
      <c r="S136" s="544"/>
      <c r="T136" s="545"/>
      <c r="U136" s="221" t="s">
        <v>557</v>
      </c>
      <c r="V136" s="546" t="s">
        <v>107</v>
      </c>
      <c r="W136" s="547"/>
      <c r="X136" s="547"/>
      <c r="Y136" s="547"/>
      <c r="Z136" s="548"/>
      <c r="AA136" s="546" t="s">
        <v>108</v>
      </c>
      <c r="AB136" s="547"/>
      <c r="AC136" s="548"/>
      <c r="AD136" s="415">
        <v>2</v>
      </c>
      <c r="AE136" s="415">
        <v>0</v>
      </c>
      <c r="AF136" s="541"/>
      <c r="AG136" s="542"/>
      <c r="AH136" s="549"/>
      <c r="AI136" s="550"/>
      <c r="AJ136" s="551"/>
      <c r="AK136" s="265"/>
      <c r="AL136" s="329"/>
      <c r="AM136" s="16"/>
      <c r="AN136" s="3" t="str">
        <f t="shared" si="7"/>
        <v>■</v>
      </c>
    </row>
    <row r="137" spans="1:40">
      <c r="A137" s="20" t="str">
        <f t="shared" si="6"/>
        <v>HO</v>
      </c>
      <c r="B137" s="20"/>
      <c r="C137" s="541">
        <v>13</v>
      </c>
      <c r="D137" s="542"/>
      <c r="E137" s="543" t="s">
        <v>558</v>
      </c>
      <c r="F137" s="544"/>
      <c r="G137" s="544"/>
      <c r="H137" s="544"/>
      <c r="I137" s="544"/>
      <c r="J137" s="544"/>
      <c r="K137" s="544"/>
      <c r="L137" s="544"/>
      <c r="M137" s="544"/>
      <c r="N137" s="544"/>
      <c r="O137" s="544"/>
      <c r="P137" s="544"/>
      <c r="Q137" s="544"/>
      <c r="R137" s="544"/>
      <c r="S137" s="544"/>
      <c r="T137" s="545"/>
      <c r="U137" s="221" t="s">
        <v>559</v>
      </c>
      <c r="V137" s="546" t="s">
        <v>107</v>
      </c>
      <c r="W137" s="547"/>
      <c r="X137" s="547"/>
      <c r="Y137" s="547"/>
      <c r="Z137" s="548"/>
      <c r="AA137" s="546" t="s">
        <v>108</v>
      </c>
      <c r="AB137" s="547"/>
      <c r="AC137" s="548"/>
      <c r="AD137" s="415">
        <v>8</v>
      </c>
      <c r="AE137" s="415">
        <v>0</v>
      </c>
      <c r="AF137" s="541"/>
      <c r="AG137" s="542"/>
      <c r="AH137" s="549"/>
      <c r="AI137" s="550"/>
      <c r="AJ137" s="551"/>
      <c r="AK137" s="265"/>
      <c r="AL137" s="329"/>
      <c r="AM137" s="16"/>
      <c r="AN137" s="3" t="str">
        <f t="shared" si="7"/>
        <v>■</v>
      </c>
    </row>
    <row r="138" spans="1:40">
      <c r="A138" s="20" t="str">
        <f t="shared" si="6"/>
        <v>HO</v>
      </c>
      <c r="B138" s="20"/>
      <c r="C138" s="541">
        <v>14</v>
      </c>
      <c r="D138" s="542"/>
      <c r="E138" s="543" t="s">
        <v>560</v>
      </c>
      <c r="F138" s="544"/>
      <c r="G138" s="544"/>
      <c r="H138" s="544"/>
      <c r="I138" s="544"/>
      <c r="J138" s="544"/>
      <c r="K138" s="544"/>
      <c r="L138" s="544"/>
      <c r="M138" s="544"/>
      <c r="N138" s="544"/>
      <c r="O138" s="544"/>
      <c r="P138" s="544"/>
      <c r="Q138" s="544"/>
      <c r="R138" s="544"/>
      <c r="S138" s="544"/>
      <c r="T138" s="545"/>
      <c r="U138" s="221" t="s">
        <v>561</v>
      </c>
      <c r="V138" s="546" t="s">
        <v>107</v>
      </c>
      <c r="W138" s="547"/>
      <c r="X138" s="547"/>
      <c r="Y138" s="547"/>
      <c r="Z138" s="548"/>
      <c r="AA138" s="546" t="s">
        <v>102</v>
      </c>
      <c r="AB138" s="547"/>
      <c r="AC138" s="548"/>
      <c r="AD138" s="415">
        <v>1</v>
      </c>
      <c r="AE138" s="415" t="s">
        <v>103</v>
      </c>
      <c r="AF138" s="541"/>
      <c r="AG138" s="542"/>
      <c r="AH138" s="549"/>
      <c r="AI138" s="550"/>
      <c r="AJ138" s="551"/>
      <c r="AK138" s="335"/>
      <c r="AL138" s="329"/>
      <c r="AM138" s="16"/>
      <c r="AN138" s="3" t="str">
        <f t="shared" si="7"/>
        <v>■</v>
      </c>
    </row>
    <row r="139" spans="1:40">
      <c r="A139" s="20" t="str">
        <f t="shared" si="6"/>
        <v>HO</v>
      </c>
      <c r="B139" s="20"/>
      <c r="C139" s="541">
        <v>15</v>
      </c>
      <c r="D139" s="542"/>
      <c r="E139" s="543" t="s">
        <v>562</v>
      </c>
      <c r="F139" s="544"/>
      <c r="G139" s="544"/>
      <c r="H139" s="544"/>
      <c r="I139" s="544"/>
      <c r="J139" s="544"/>
      <c r="K139" s="544"/>
      <c r="L139" s="544"/>
      <c r="M139" s="544"/>
      <c r="N139" s="544"/>
      <c r="O139" s="544"/>
      <c r="P139" s="544"/>
      <c r="Q139" s="544"/>
      <c r="R139" s="544"/>
      <c r="S139" s="544"/>
      <c r="T139" s="545"/>
      <c r="U139" s="221" t="s">
        <v>563</v>
      </c>
      <c r="V139" s="546" t="s">
        <v>107</v>
      </c>
      <c r="W139" s="547"/>
      <c r="X139" s="547"/>
      <c r="Y139" s="547"/>
      <c r="Z139" s="548"/>
      <c r="AA139" s="546" t="s">
        <v>108</v>
      </c>
      <c r="AB139" s="547"/>
      <c r="AC139" s="548"/>
      <c r="AD139" s="415">
        <v>9</v>
      </c>
      <c r="AE139" s="415">
        <v>0</v>
      </c>
      <c r="AF139" s="541"/>
      <c r="AG139" s="542"/>
      <c r="AH139" s="549"/>
      <c r="AI139" s="550"/>
      <c r="AJ139" s="551"/>
      <c r="AK139" s="265"/>
      <c r="AL139" s="329"/>
      <c r="AM139" s="16"/>
      <c r="AN139" s="3" t="str">
        <f t="shared" si="7"/>
        <v>■</v>
      </c>
    </row>
    <row r="140" spans="1:40">
      <c r="A140" s="20" t="str">
        <f t="shared" si="6"/>
        <v>HO</v>
      </c>
      <c r="B140" s="20"/>
      <c r="C140" s="541">
        <v>16</v>
      </c>
      <c r="D140" s="542"/>
      <c r="E140" s="543" t="s">
        <v>564</v>
      </c>
      <c r="F140" s="544"/>
      <c r="G140" s="544"/>
      <c r="H140" s="544"/>
      <c r="I140" s="544"/>
      <c r="J140" s="544"/>
      <c r="K140" s="544"/>
      <c r="L140" s="544"/>
      <c r="M140" s="544"/>
      <c r="N140" s="544"/>
      <c r="O140" s="544"/>
      <c r="P140" s="544"/>
      <c r="Q140" s="544"/>
      <c r="R140" s="544"/>
      <c r="S140" s="544"/>
      <c r="T140" s="545"/>
      <c r="U140" s="221" t="s">
        <v>565</v>
      </c>
      <c r="V140" s="546" t="s">
        <v>107</v>
      </c>
      <c r="W140" s="547"/>
      <c r="X140" s="547"/>
      <c r="Y140" s="547"/>
      <c r="Z140" s="548"/>
      <c r="AA140" s="546" t="s">
        <v>102</v>
      </c>
      <c r="AB140" s="547"/>
      <c r="AC140" s="548"/>
      <c r="AD140" s="415">
        <v>1</v>
      </c>
      <c r="AE140" s="415" t="s">
        <v>103</v>
      </c>
      <c r="AF140" s="541"/>
      <c r="AG140" s="542"/>
      <c r="AH140" s="549"/>
      <c r="AI140" s="550"/>
      <c r="AJ140" s="551"/>
      <c r="AK140" s="265"/>
      <c r="AL140" s="329"/>
      <c r="AM140" s="16"/>
      <c r="AN140" s="3" t="str">
        <f t="shared" si="7"/>
        <v>■</v>
      </c>
    </row>
    <row r="141" spans="1:40">
      <c r="A141" s="20" t="str">
        <f t="shared" si="6"/>
        <v>HO</v>
      </c>
      <c r="B141" s="20"/>
      <c r="C141" s="541">
        <v>17</v>
      </c>
      <c r="D141" s="542"/>
      <c r="E141" s="543" t="s">
        <v>566</v>
      </c>
      <c r="F141" s="544"/>
      <c r="G141" s="544"/>
      <c r="H141" s="544"/>
      <c r="I141" s="544"/>
      <c r="J141" s="544"/>
      <c r="K141" s="544"/>
      <c r="L141" s="544"/>
      <c r="M141" s="544"/>
      <c r="N141" s="544"/>
      <c r="O141" s="544"/>
      <c r="P141" s="544"/>
      <c r="Q141" s="544"/>
      <c r="R141" s="544"/>
      <c r="S141" s="544"/>
      <c r="T141" s="545"/>
      <c r="U141" s="221" t="s">
        <v>567</v>
      </c>
      <c r="V141" s="546" t="s">
        <v>107</v>
      </c>
      <c r="W141" s="547"/>
      <c r="X141" s="547"/>
      <c r="Y141" s="547"/>
      <c r="Z141" s="548"/>
      <c r="AA141" s="546" t="s">
        <v>108</v>
      </c>
      <c r="AB141" s="547"/>
      <c r="AC141" s="548"/>
      <c r="AD141" s="415">
        <v>3</v>
      </c>
      <c r="AE141" s="415">
        <v>0</v>
      </c>
      <c r="AF141" s="541"/>
      <c r="AG141" s="542"/>
      <c r="AH141" s="549"/>
      <c r="AI141" s="550"/>
      <c r="AJ141" s="551"/>
      <c r="AK141" s="265"/>
      <c r="AL141" s="329"/>
      <c r="AM141" s="16"/>
      <c r="AN141" s="3" t="str">
        <f t="shared" si="7"/>
        <v>■</v>
      </c>
    </row>
    <row r="142" spans="1:40">
      <c r="A142" s="20" t="str">
        <f t="shared" si="6"/>
        <v>HO</v>
      </c>
      <c r="B142" s="20"/>
      <c r="C142" s="541">
        <v>18</v>
      </c>
      <c r="D142" s="542"/>
      <c r="E142" s="543" t="s">
        <v>568</v>
      </c>
      <c r="F142" s="544"/>
      <c r="G142" s="544"/>
      <c r="H142" s="544"/>
      <c r="I142" s="544"/>
      <c r="J142" s="544"/>
      <c r="K142" s="544"/>
      <c r="L142" s="544"/>
      <c r="M142" s="544"/>
      <c r="N142" s="544"/>
      <c r="O142" s="544"/>
      <c r="P142" s="544"/>
      <c r="Q142" s="544"/>
      <c r="R142" s="544"/>
      <c r="S142" s="544"/>
      <c r="T142" s="545"/>
      <c r="U142" s="221" t="s">
        <v>569</v>
      </c>
      <c r="V142" s="546" t="s">
        <v>107</v>
      </c>
      <c r="W142" s="547"/>
      <c r="X142" s="547"/>
      <c r="Y142" s="547"/>
      <c r="Z142" s="548"/>
      <c r="AA142" s="546" t="s">
        <v>108</v>
      </c>
      <c r="AB142" s="547"/>
      <c r="AC142" s="548"/>
      <c r="AD142" s="415">
        <v>6</v>
      </c>
      <c r="AE142" s="415">
        <v>0</v>
      </c>
      <c r="AF142" s="541"/>
      <c r="AG142" s="542"/>
      <c r="AH142" s="549"/>
      <c r="AI142" s="550"/>
      <c r="AJ142" s="551"/>
      <c r="AK142" s="265"/>
      <c r="AL142" s="329"/>
      <c r="AM142" s="16"/>
      <c r="AN142" s="3" t="str">
        <f t="shared" si="7"/>
        <v>■</v>
      </c>
    </row>
    <row r="143" spans="1:40">
      <c r="A143" s="20" t="str">
        <f t="shared" si="6"/>
        <v>HO</v>
      </c>
      <c r="B143" s="20"/>
      <c r="C143" s="541">
        <v>19</v>
      </c>
      <c r="D143" s="542"/>
      <c r="E143" s="543" t="s">
        <v>409</v>
      </c>
      <c r="F143" s="544"/>
      <c r="G143" s="544"/>
      <c r="H143" s="544"/>
      <c r="I143" s="544"/>
      <c r="J143" s="544"/>
      <c r="K143" s="544"/>
      <c r="L143" s="544"/>
      <c r="M143" s="544"/>
      <c r="N143" s="544"/>
      <c r="O143" s="544"/>
      <c r="P143" s="544"/>
      <c r="Q143" s="544"/>
      <c r="R143" s="544"/>
      <c r="S143" s="544"/>
      <c r="T143" s="545"/>
      <c r="U143" s="221" t="s">
        <v>453</v>
      </c>
      <c r="V143" s="546" t="s">
        <v>107</v>
      </c>
      <c r="W143" s="547"/>
      <c r="X143" s="547"/>
      <c r="Y143" s="547"/>
      <c r="Z143" s="548"/>
      <c r="AA143" s="546" t="s">
        <v>102</v>
      </c>
      <c r="AB143" s="547"/>
      <c r="AC143" s="548"/>
      <c r="AD143" s="415">
        <v>6</v>
      </c>
      <c r="AE143" s="415" t="s">
        <v>103</v>
      </c>
      <c r="AF143" s="541"/>
      <c r="AG143" s="542"/>
      <c r="AH143" s="549"/>
      <c r="AI143" s="550"/>
      <c r="AJ143" s="551"/>
      <c r="AK143" s="265"/>
      <c r="AL143" s="334"/>
      <c r="AM143" s="16"/>
      <c r="AN143" s="3" t="str">
        <f t="shared" si="7"/>
        <v>■</v>
      </c>
    </row>
    <row r="144" spans="1:40">
      <c r="A144" s="20" t="str">
        <f t="shared" si="6"/>
        <v>HO</v>
      </c>
      <c r="B144" s="20"/>
      <c r="C144" s="541">
        <v>20</v>
      </c>
      <c r="D144" s="542"/>
      <c r="E144" s="543" t="s">
        <v>411</v>
      </c>
      <c r="F144" s="544"/>
      <c r="G144" s="544"/>
      <c r="H144" s="544"/>
      <c r="I144" s="544"/>
      <c r="J144" s="544"/>
      <c r="K144" s="544"/>
      <c r="L144" s="544"/>
      <c r="M144" s="544"/>
      <c r="N144" s="544"/>
      <c r="O144" s="544"/>
      <c r="P144" s="544"/>
      <c r="Q144" s="544"/>
      <c r="R144" s="544"/>
      <c r="S144" s="544"/>
      <c r="T144" s="545"/>
      <c r="U144" s="221" t="s">
        <v>516</v>
      </c>
      <c r="V144" s="546" t="s">
        <v>107</v>
      </c>
      <c r="W144" s="547"/>
      <c r="X144" s="547"/>
      <c r="Y144" s="547"/>
      <c r="Z144" s="548"/>
      <c r="AA144" s="546" t="s">
        <v>102</v>
      </c>
      <c r="AB144" s="547"/>
      <c r="AC144" s="548"/>
      <c r="AD144" s="415">
        <v>6</v>
      </c>
      <c r="AE144" s="415" t="s">
        <v>103</v>
      </c>
      <c r="AF144" s="541"/>
      <c r="AG144" s="542"/>
      <c r="AH144" s="549"/>
      <c r="AI144" s="550"/>
      <c r="AJ144" s="551"/>
      <c r="AK144" s="265"/>
      <c r="AL144" s="329"/>
      <c r="AM144" s="16"/>
      <c r="AN144" s="3" t="str">
        <f t="shared" si="7"/>
        <v>■</v>
      </c>
    </row>
    <row r="145" spans="1:40">
      <c r="A145" s="20" t="str">
        <f>IF(LEN(J145)&gt;0,MID(J145,FIND("（",J145,1)+1,2),A142)</f>
        <v>HO</v>
      </c>
      <c r="B145" s="20"/>
      <c r="V145" s="238"/>
      <c r="W145" s="238"/>
      <c r="X145" s="238"/>
      <c r="Y145" s="238"/>
      <c r="Z145" s="238"/>
      <c r="AA145" s="238"/>
      <c r="AB145" s="238"/>
      <c r="AC145" s="238"/>
      <c r="AD145" s="122"/>
      <c r="AE145" s="122"/>
      <c r="AF145" s="238"/>
      <c r="AG145" s="238"/>
      <c r="AH145" s="238"/>
      <c r="AI145" s="238"/>
      <c r="AJ145" s="238"/>
      <c r="AK145" s="55"/>
      <c r="AL145" s="329"/>
      <c r="AM145" s="16"/>
    </row>
    <row r="146" spans="1:40" s="1" customFormat="1">
      <c r="A146" s="20" t="str">
        <f t="shared" ref="A146:A165" si="8">IF(LEN(J146)&gt;0,MID(J146,FIND("（",J146,1)+1,2),A145)</f>
        <v>KO</v>
      </c>
      <c r="B146" s="20"/>
      <c r="C146" s="52" t="s">
        <v>380</v>
      </c>
      <c r="D146" s="16"/>
      <c r="E146" s="26"/>
      <c r="F146" s="26"/>
      <c r="G146" s="26"/>
      <c r="H146" s="26"/>
      <c r="I146" s="26"/>
      <c r="J146" s="26" t="s">
        <v>570</v>
      </c>
      <c r="K146" s="26"/>
      <c r="L146" s="26"/>
      <c r="M146" s="26"/>
      <c r="N146" s="26"/>
      <c r="O146" s="26"/>
      <c r="P146" s="26"/>
      <c r="Q146" s="26"/>
      <c r="R146" s="26"/>
      <c r="S146" s="26"/>
      <c r="T146" s="26"/>
      <c r="U146" s="26" t="s">
        <v>571</v>
      </c>
      <c r="V146" s="122"/>
      <c r="W146" s="122"/>
      <c r="X146" s="122"/>
      <c r="Y146" s="122"/>
      <c r="Z146" s="122"/>
      <c r="AA146" s="122"/>
      <c r="AB146" s="122"/>
      <c r="AC146" s="122"/>
      <c r="AD146" s="122"/>
      <c r="AE146" s="122"/>
      <c r="AF146" s="122"/>
      <c r="AG146" s="122"/>
      <c r="AH146" s="122"/>
      <c r="AI146" s="122"/>
      <c r="AJ146" s="122"/>
      <c r="AK146" s="26"/>
      <c r="AL146" s="334"/>
      <c r="AM146" s="26"/>
    </row>
    <row r="147" spans="1:40" ht="13.5" customHeight="1">
      <c r="A147" s="20" t="str">
        <f t="shared" si="8"/>
        <v>KO</v>
      </c>
      <c r="B147" s="20"/>
      <c r="C147" s="571" t="s">
        <v>73</v>
      </c>
      <c r="D147" s="573"/>
      <c r="E147" s="571" t="s">
        <v>94</v>
      </c>
      <c r="F147" s="571"/>
      <c r="G147" s="571"/>
      <c r="H147" s="571"/>
      <c r="I147" s="571"/>
      <c r="J147" s="571"/>
      <c r="K147" s="571"/>
      <c r="L147" s="571"/>
      <c r="M147" s="571"/>
      <c r="N147" s="571"/>
      <c r="O147" s="571"/>
      <c r="P147" s="571"/>
      <c r="Q147" s="571"/>
      <c r="R147" s="571"/>
      <c r="S147" s="571"/>
      <c r="T147" s="571"/>
      <c r="U147" s="226" t="s">
        <v>383</v>
      </c>
      <c r="V147" s="574" t="s">
        <v>138</v>
      </c>
      <c r="W147" s="574"/>
      <c r="X147" s="574"/>
      <c r="Y147" s="574"/>
      <c r="Z147" s="574"/>
      <c r="AA147" s="575" t="s">
        <v>415</v>
      </c>
      <c r="AB147" s="576"/>
      <c r="AC147" s="577"/>
      <c r="AD147" s="493" t="s">
        <v>97</v>
      </c>
      <c r="AE147" s="493"/>
      <c r="AF147" s="574" t="s">
        <v>98</v>
      </c>
      <c r="AG147" s="574"/>
      <c r="AH147" s="571" t="s">
        <v>75</v>
      </c>
      <c r="AI147" s="571"/>
      <c r="AJ147" s="571"/>
      <c r="AK147" s="581" t="s">
        <v>159</v>
      </c>
      <c r="AL147" s="334"/>
      <c r="AM147" s="16"/>
    </row>
    <row r="148" spans="1:40">
      <c r="A148" s="20" t="str">
        <f t="shared" si="8"/>
        <v>KO</v>
      </c>
      <c r="B148" s="20"/>
      <c r="C148" s="573"/>
      <c r="D148" s="573"/>
      <c r="E148" s="571"/>
      <c r="F148" s="571"/>
      <c r="G148" s="571"/>
      <c r="H148" s="571"/>
      <c r="I148" s="571"/>
      <c r="J148" s="571"/>
      <c r="K148" s="571"/>
      <c r="L148" s="571"/>
      <c r="M148" s="571"/>
      <c r="N148" s="571"/>
      <c r="O148" s="571"/>
      <c r="P148" s="571"/>
      <c r="Q148" s="571"/>
      <c r="R148" s="571"/>
      <c r="S148" s="571"/>
      <c r="T148" s="571"/>
      <c r="U148" s="227"/>
      <c r="V148" s="574"/>
      <c r="W148" s="574"/>
      <c r="X148" s="574"/>
      <c r="Y148" s="574"/>
      <c r="Z148" s="574"/>
      <c r="AA148" s="578"/>
      <c r="AB148" s="579"/>
      <c r="AC148" s="580"/>
      <c r="AD148" s="493"/>
      <c r="AE148" s="493"/>
      <c r="AF148" s="574"/>
      <c r="AG148" s="574"/>
      <c r="AH148" s="571"/>
      <c r="AI148" s="571"/>
      <c r="AJ148" s="571"/>
      <c r="AK148" s="582"/>
      <c r="AL148" s="334"/>
      <c r="AM148" s="16"/>
    </row>
    <row r="149" spans="1:40" s="1" customFormat="1">
      <c r="A149" s="20" t="str">
        <f t="shared" si="8"/>
        <v>KO</v>
      </c>
      <c r="B149" s="20"/>
      <c r="C149" s="541">
        <v>1</v>
      </c>
      <c r="D149" s="542"/>
      <c r="E149" s="543" t="s">
        <v>440</v>
      </c>
      <c r="F149" s="544"/>
      <c r="G149" s="544"/>
      <c r="H149" s="544"/>
      <c r="I149" s="544"/>
      <c r="J149" s="544"/>
      <c r="K149" s="544"/>
      <c r="L149" s="544"/>
      <c r="M149" s="544"/>
      <c r="N149" s="544"/>
      <c r="O149" s="544"/>
      <c r="P149" s="544"/>
      <c r="Q149" s="544"/>
      <c r="R149" s="544"/>
      <c r="S149" s="544"/>
      <c r="T149" s="545"/>
      <c r="U149" s="219" t="s">
        <v>441</v>
      </c>
      <c r="V149" s="546" t="s">
        <v>101</v>
      </c>
      <c r="W149" s="547"/>
      <c r="X149" s="547"/>
      <c r="Y149" s="547"/>
      <c r="Z149" s="548"/>
      <c r="AA149" s="546" t="s">
        <v>102</v>
      </c>
      <c r="AB149" s="547"/>
      <c r="AC149" s="548"/>
      <c r="AD149" s="415">
        <v>10</v>
      </c>
      <c r="AE149" s="415" t="s">
        <v>103</v>
      </c>
      <c r="AF149" s="541"/>
      <c r="AG149" s="542"/>
      <c r="AH149" s="549"/>
      <c r="AI149" s="550"/>
      <c r="AJ149" s="551"/>
      <c r="AK149" s="335"/>
      <c r="AL149" s="334"/>
      <c r="AM149" s="26"/>
      <c r="AN149" s="3" t="str">
        <f>$S$19</f>
        <v>■</v>
      </c>
    </row>
    <row r="150" spans="1:40" s="1" customFormat="1">
      <c r="A150" s="20" t="str">
        <f t="shared" si="8"/>
        <v>KO</v>
      </c>
      <c r="B150" s="20"/>
      <c r="C150" s="541">
        <v>2</v>
      </c>
      <c r="D150" s="542"/>
      <c r="E150" s="543" t="s">
        <v>442</v>
      </c>
      <c r="F150" s="544"/>
      <c r="G150" s="544"/>
      <c r="H150" s="544"/>
      <c r="I150" s="544"/>
      <c r="J150" s="544"/>
      <c r="K150" s="544"/>
      <c r="L150" s="544"/>
      <c r="M150" s="544"/>
      <c r="N150" s="544"/>
      <c r="O150" s="544"/>
      <c r="P150" s="544"/>
      <c r="Q150" s="544"/>
      <c r="R150" s="544"/>
      <c r="S150" s="544"/>
      <c r="T150" s="545"/>
      <c r="U150" s="219" t="s">
        <v>443</v>
      </c>
      <c r="V150" s="546" t="s">
        <v>101</v>
      </c>
      <c r="W150" s="547"/>
      <c r="X150" s="547"/>
      <c r="Y150" s="547"/>
      <c r="Z150" s="548"/>
      <c r="AA150" s="546" t="s">
        <v>102</v>
      </c>
      <c r="AB150" s="547"/>
      <c r="AC150" s="548"/>
      <c r="AD150" s="415">
        <v>51</v>
      </c>
      <c r="AE150" s="415" t="s">
        <v>103</v>
      </c>
      <c r="AF150" s="541"/>
      <c r="AG150" s="542"/>
      <c r="AH150" s="549"/>
      <c r="AI150" s="550"/>
      <c r="AJ150" s="551"/>
      <c r="AK150" s="335"/>
      <c r="AL150" s="334"/>
      <c r="AM150" s="26"/>
      <c r="AN150" s="3" t="str">
        <f t="shared" ref="AN150:AN165" si="9">$S$19</f>
        <v>■</v>
      </c>
    </row>
    <row r="151" spans="1:40" s="1" customFormat="1" ht="13.4" customHeight="1">
      <c r="A151" s="20" t="str">
        <f t="shared" si="8"/>
        <v>KO</v>
      </c>
      <c r="B151" s="20"/>
      <c r="C151" s="552">
        <v>3</v>
      </c>
      <c r="D151" s="553"/>
      <c r="E151" s="589" t="s">
        <v>106</v>
      </c>
      <c r="F151" s="590"/>
      <c r="G151" s="590"/>
      <c r="H151" s="590"/>
      <c r="I151" s="590"/>
      <c r="J151" s="590"/>
      <c r="K151" s="590"/>
      <c r="L151" s="590"/>
      <c r="M151" s="590"/>
      <c r="N151" s="590"/>
      <c r="O151" s="590"/>
      <c r="P151" s="590"/>
      <c r="Q151" s="590"/>
      <c r="R151" s="590"/>
      <c r="S151" s="590"/>
      <c r="T151" s="591"/>
      <c r="U151" s="220" t="s">
        <v>444</v>
      </c>
      <c r="V151" s="557" t="s">
        <v>107</v>
      </c>
      <c r="W151" s="558"/>
      <c r="X151" s="558"/>
      <c r="Y151" s="558"/>
      <c r="Z151" s="559"/>
      <c r="AA151" s="557" t="s">
        <v>108</v>
      </c>
      <c r="AB151" s="558"/>
      <c r="AC151" s="559"/>
      <c r="AD151" s="419">
        <v>1</v>
      </c>
      <c r="AE151" s="419">
        <v>0</v>
      </c>
      <c r="AF151" s="552" t="s">
        <v>109</v>
      </c>
      <c r="AG151" s="553"/>
      <c r="AH151" s="560"/>
      <c r="AI151" s="561"/>
      <c r="AJ151" s="562"/>
      <c r="AK151" s="321" t="s">
        <v>391</v>
      </c>
      <c r="AL151" s="334"/>
      <c r="AM151" s="26"/>
      <c r="AN151" s="3" t="str">
        <f t="shared" si="9"/>
        <v>■</v>
      </c>
    </row>
    <row r="152" spans="1:40" s="1" customFormat="1" ht="13.4" customHeight="1">
      <c r="A152" s="20" t="str">
        <f t="shared" si="8"/>
        <v>KO</v>
      </c>
      <c r="B152" s="20"/>
      <c r="C152" s="541">
        <v>4</v>
      </c>
      <c r="D152" s="542"/>
      <c r="E152" s="586" t="s">
        <v>110</v>
      </c>
      <c r="F152" s="587"/>
      <c r="G152" s="587"/>
      <c r="H152" s="587"/>
      <c r="I152" s="587"/>
      <c r="J152" s="587"/>
      <c r="K152" s="587"/>
      <c r="L152" s="587"/>
      <c r="M152" s="587"/>
      <c r="N152" s="587"/>
      <c r="O152" s="587"/>
      <c r="P152" s="587"/>
      <c r="Q152" s="587"/>
      <c r="R152" s="587"/>
      <c r="S152" s="587"/>
      <c r="T152" s="588"/>
      <c r="U152" s="221" t="s">
        <v>445</v>
      </c>
      <c r="V152" s="546" t="s">
        <v>107</v>
      </c>
      <c r="W152" s="547"/>
      <c r="X152" s="547"/>
      <c r="Y152" s="547"/>
      <c r="Z152" s="548"/>
      <c r="AA152" s="546" t="s">
        <v>108</v>
      </c>
      <c r="AB152" s="547"/>
      <c r="AC152" s="548"/>
      <c r="AD152" s="415">
        <v>1</v>
      </c>
      <c r="AE152" s="415">
        <v>0</v>
      </c>
      <c r="AF152" s="541"/>
      <c r="AG152" s="542"/>
      <c r="AH152" s="549"/>
      <c r="AI152" s="550"/>
      <c r="AJ152" s="551"/>
      <c r="AK152" s="265"/>
      <c r="AL152" s="334"/>
      <c r="AM152" s="26"/>
      <c r="AN152" s="3" t="str">
        <f t="shared" si="9"/>
        <v>■</v>
      </c>
    </row>
    <row r="153" spans="1:40" s="1" customFormat="1">
      <c r="A153" s="20" t="str">
        <f t="shared" si="8"/>
        <v>KO</v>
      </c>
      <c r="B153" s="20"/>
      <c r="C153" s="541">
        <v>5</v>
      </c>
      <c r="D153" s="542"/>
      <c r="E153" s="543" t="s">
        <v>80</v>
      </c>
      <c r="F153" s="544"/>
      <c r="G153" s="544"/>
      <c r="H153" s="544"/>
      <c r="I153" s="544"/>
      <c r="J153" s="544"/>
      <c r="K153" s="544"/>
      <c r="L153" s="544"/>
      <c r="M153" s="544"/>
      <c r="N153" s="544"/>
      <c r="O153" s="544"/>
      <c r="P153" s="544"/>
      <c r="Q153" s="544"/>
      <c r="R153" s="544"/>
      <c r="S153" s="544"/>
      <c r="T153" s="545"/>
      <c r="U153" s="221" t="s">
        <v>446</v>
      </c>
      <c r="V153" s="546" t="s">
        <v>101</v>
      </c>
      <c r="W153" s="547"/>
      <c r="X153" s="547"/>
      <c r="Y153" s="547"/>
      <c r="Z153" s="548"/>
      <c r="AA153" s="546" t="s">
        <v>102</v>
      </c>
      <c r="AB153" s="547"/>
      <c r="AC153" s="548"/>
      <c r="AD153" s="415">
        <v>2</v>
      </c>
      <c r="AE153" s="415" t="s">
        <v>103</v>
      </c>
      <c r="AF153" s="541"/>
      <c r="AG153" s="542"/>
      <c r="AH153" s="549"/>
      <c r="AI153" s="550"/>
      <c r="AJ153" s="551"/>
      <c r="AK153" s="265"/>
      <c r="AL153" s="334"/>
      <c r="AM153" s="26"/>
      <c r="AN153" s="3" t="str">
        <f t="shared" si="9"/>
        <v>■</v>
      </c>
    </row>
    <row r="154" spans="1:40" s="1" customFormat="1">
      <c r="A154" s="20" t="str">
        <f t="shared" si="8"/>
        <v>KO</v>
      </c>
      <c r="B154" s="20"/>
      <c r="C154" s="541">
        <v>6</v>
      </c>
      <c r="D154" s="542"/>
      <c r="E154" s="543" t="s">
        <v>3033</v>
      </c>
      <c r="F154" s="544"/>
      <c r="G154" s="544"/>
      <c r="H154" s="544"/>
      <c r="I154" s="544"/>
      <c r="J154" s="544"/>
      <c r="K154" s="544"/>
      <c r="L154" s="544"/>
      <c r="M154" s="544"/>
      <c r="N154" s="544"/>
      <c r="O154" s="544"/>
      <c r="P154" s="544"/>
      <c r="Q154" s="544"/>
      <c r="R154" s="544"/>
      <c r="S154" s="544"/>
      <c r="T154" s="545"/>
      <c r="U154" s="221" t="s">
        <v>573</v>
      </c>
      <c r="V154" s="546" t="s">
        <v>101</v>
      </c>
      <c r="W154" s="547"/>
      <c r="X154" s="547"/>
      <c r="Y154" s="547"/>
      <c r="Z154" s="548"/>
      <c r="AA154" s="546" t="s">
        <v>102</v>
      </c>
      <c r="AB154" s="547"/>
      <c r="AC154" s="548"/>
      <c r="AD154" s="415">
        <v>8</v>
      </c>
      <c r="AE154" s="415" t="s">
        <v>103</v>
      </c>
      <c r="AF154" s="541"/>
      <c r="AG154" s="542"/>
      <c r="AH154" s="549"/>
      <c r="AI154" s="550"/>
      <c r="AJ154" s="551"/>
      <c r="AK154" s="265" t="s">
        <v>3020</v>
      </c>
      <c r="AL154" s="334"/>
      <c r="AM154" s="26"/>
      <c r="AN154" s="3" t="str">
        <f t="shared" si="9"/>
        <v>■</v>
      </c>
    </row>
    <row r="155" spans="1:40" s="1" customFormat="1">
      <c r="A155" s="20" t="str">
        <f t="shared" si="8"/>
        <v>KO</v>
      </c>
      <c r="B155" s="20"/>
      <c r="C155" s="541">
        <v>7</v>
      </c>
      <c r="D155" s="542"/>
      <c r="E155" s="543" t="s">
        <v>574</v>
      </c>
      <c r="F155" s="544"/>
      <c r="G155" s="544"/>
      <c r="H155" s="544"/>
      <c r="I155" s="544"/>
      <c r="J155" s="544"/>
      <c r="K155" s="544"/>
      <c r="L155" s="544"/>
      <c r="M155" s="544"/>
      <c r="N155" s="544"/>
      <c r="O155" s="544"/>
      <c r="P155" s="544"/>
      <c r="Q155" s="544"/>
      <c r="R155" s="544"/>
      <c r="S155" s="544"/>
      <c r="T155" s="545"/>
      <c r="U155" s="221" t="s">
        <v>575</v>
      </c>
      <c r="V155" s="546" t="s">
        <v>107</v>
      </c>
      <c r="W155" s="547"/>
      <c r="X155" s="547"/>
      <c r="Y155" s="547"/>
      <c r="Z155" s="548"/>
      <c r="AA155" s="546" t="s">
        <v>102</v>
      </c>
      <c r="AB155" s="547"/>
      <c r="AC155" s="548"/>
      <c r="AD155" s="415">
        <v>1</v>
      </c>
      <c r="AE155" s="415" t="s">
        <v>103</v>
      </c>
      <c r="AF155" s="541"/>
      <c r="AG155" s="542"/>
      <c r="AH155" s="549"/>
      <c r="AI155" s="550"/>
      <c r="AJ155" s="551"/>
      <c r="AK155" s="265"/>
      <c r="AL155" s="334"/>
      <c r="AM155" s="26"/>
      <c r="AN155" s="3" t="str">
        <f t="shared" si="9"/>
        <v>■</v>
      </c>
    </row>
    <row r="156" spans="1:40" s="1" customFormat="1">
      <c r="A156" s="20" t="str">
        <f t="shared" si="8"/>
        <v>KO</v>
      </c>
      <c r="B156" s="20"/>
      <c r="C156" s="541">
        <v>8</v>
      </c>
      <c r="D156" s="542"/>
      <c r="E156" s="543" t="s">
        <v>551</v>
      </c>
      <c r="F156" s="544"/>
      <c r="G156" s="544"/>
      <c r="H156" s="544"/>
      <c r="I156" s="544"/>
      <c r="J156" s="544"/>
      <c r="K156" s="544"/>
      <c r="L156" s="544"/>
      <c r="M156" s="544"/>
      <c r="N156" s="544"/>
      <c r="O156" s="544"/>
      <c r="P156" s="544"/>
      <c r="Q156" s="544"/>
      <c r="R156" s="544"/>
      <c r="S156" s="544"/>
      <c r="T156" s="545"/>
      <c r="U156" s="221" t="s">
        <v>552</v>
      </c>
      <c r="V156" s="546" t="s">
        <v>107</v>
      </c>
      <c r="W156" s="547"/>
      <c r="X156" s="547"/>
      <c r="Y156" s="547"/>
      <c r="Z156" s="548"/>
      <c r="AA156" s="546" t="s">
        <v>108</v>
      </c>
      <c r="AB156" s="547"/>
      <c r="AC156" s="548"/>
      <c r="AD156" s="415">
        <v>2</v>
      </c>
      <c r="AE156" s="415">
        <v>0</v>
      </c>
      <c r="AF156" s="541"/>
      <c r="AG156" s="542"/>
      <c r="AH156" s="549"/>
      <c r="AI156" s="550"/>
      <c r="AJ156" s="551"/>
      <c r="AK156" s="265"/>
      <c r="AL156" s="334"/>
      <c r="AM156" s="26"/>
      <c r="AN156" s="3" t="str">
        <f t="shared" si="9"/>
        <v>■</v>
      </c>
    </row>
    <row r="157" spans="1:40" s="1" customFormat="1">
      <c r="A157" s="20" t="str">
        <f t="shared" si="8"/>
        <v>KO</v>
      </c>
      <c r="B157" s="20"/>
      <c r="C157" s="541">
        <v>9</v>
      </c>
      <c r="D157" s="542"/>
      <c r="E157" s="543" t="s">
        <v>553</v>
      </c>
      <c r="F157" s="544"/>
      <c r="G157" s="544"/>
      <c r="H157" s="544"/>
      <c r="I157" s="544"/>
      <c r="J157" s="544"/>
      <c r="K157" s="544"/>
      <c r="L157" s="544"/>
      <c r="M157" s="544"/>
      <c r="N157" s="544"/>
      <c r="O157" s="544"/>
      <c r="P157" s="544"/>
      <c r="Q157" s="544"/>
      <c r="R157" s="544"/>
      <c r="S157" s="544"/>
      <c r="T157" s="545"/>
      <c r="U157" s="221" t="s">
        <v>554</v>
      </c>
      <c r="V157" s="546" t="s">
        <v>107</v>
      </c>
      <c r="W157" s="547"/>
      <c r="X157" s="547"/>
      <c r="Y157" s="547"/>
      <c r="Z157" s="548"/>
      <c r="AA157" s="546" t="s">
        <v>108</v>
      </c>
      <c r="AB157" s="547"/>
      <c r="AC157" s="548"/>
      <c r="AD157" s="415">
        <v>8</v>
      </c>
      <c r="AE157" s="415">
        <v>0</v>
      </c>
      <c r="AF157" s="541"/>
      <c r="AG157" s="542"/>
      <c r="AH157" s="549"/>
      <c r="AI157" s="550"/>
      <c r="AJ157" s="551"/>
      <c r="AK157" s="265"/>
      <c r="AL157" s="334"/>
      <c r="AM157" s="26"/>
      <c r="AN157" s="3" t="str">
        <f t="shared" si="9"/>
        <v>■</v>
      </c>
    </row>
    <row r="158" spans="1:40" s="1" customFormat="1">
      <c r="A158" s="20" t="str">
        <f t="shared" si="8"/>
        <v>KO</v>
      </c>
      <c r="B158" s="20"/>
      <c r="C158" s="541">
        <v>10</v>
      </c>
      <c r="D158" s="542"/>
      <c r="E158" s="543" t="s">
        <v>576</v>
      </c>
      <c r="F158" s="544"/>
      <c r="G158" s="544"/>
      <c r="H158" s="544"/>
      <c r="I158" s="544"/>
      <c r="J158" s="544"/>
      <c r="K158" s="544"/>
      <c r="L158" s="544"/>
      <c r="M158" s="544"/>
      <c r="N158" s="544"/>
      <c r="O158" s="544"/>
      <c r="P158" s="544"/>
      <c r="Q158" s="544"/>
      <c r="R158" s="544"/>
      <c r="S158" s="544"/>
      <c r="T158" s="545"/>
      <c r="U158" s="221" t="s">
        <v>577</v>
      </c>
      <c r="V158" s="546" t="s">
        <v>107</v>
      </c>
      <c r="W158" s="547"/>
      <c r="X158" s="547"/>
      <c r="Y158" s="547"/>
      <c r="Z158" s="548"/>
      <c r="AA158" s="546" t="s">
        <v>108</v>
      </c>
      <c r="AB158" s="547"/>
      <c r="AC158" s="548"/>
      <c r="AD158" s="415">
        <v>8</v>
      </c>
      <c r="AE158" s="415">
        <v>0</v>
      </c>
      <c r="AF158" s="541"/>
      <c r="AG158" s="542"/>
      <c r="AH158" s="549"/>
      <c r="AI158" s="550"/>
      <c r="AJ158" s="551"/>
      <c r="AK158" s="265"/>
      <c r="AL158" s="334"/>
      <c r="AM158" s="26"/>
      <c r="AN158" s="3" t="str">
        <f t="shared" si="9"/>
        <v>■</v>
      </c>
    </row>
    <row r="159" spans="1:40" s="1" customFormat="1" ht="13.4" customHeight="1">
      <c r="A159" s="20" t="str">
        <f t="shared" si="8"/>
        <v>KO</v>
      </c>
      <c r="B159" s="20"/>
      <c r="C159" s="541">
        <v>11</v>
      </c>
      <c r="D159" s="542"/>
      <c r="E159" s="543" t="s">
        <v>578</v>
      </c>
      <c r="F159" s="544"/>
      <c r="G159" s="544"/>
      <c r="H159" s="544"/>
      <c r="I159" s="544"/>
      <c r="J159" s="544"/>
      <c r="K159" s="544"/>
      <c r="L159" s="544"/>
      <c r="M159" s="544"/>
      <c r="N159" s="544"/>
      <c r="O159" s="544"/>
      <c r="P159" s="544"/>
      <c r="Q159" s="544"/>
      <c r="R159" s="544"/>
      <c r="S159" s="544"/>
      <c r="T159" s="545"/>
      <c r="U159" s="221" t="s">
        <v>579</v>
      </c>
      <c r="V159" s="546" t="s">
        <v>107</v>
      </c>
      <c r="W159" s="547"/>
      <c r="X159" s="547"/>
      <c r="Y159" s="547"/>
      <c r="Z159" s="548"/>
      <c r="AA159" s="546" t="s">
        <v>108</v>
      </c>
      <c r="AB159" s="547"/>
      <c r="AC159" s="548"/>
      <c r="AD159" s="415">
        <v>6</v>
      </c>
      <c r="AE159" s="415">
        <v>0</v>
      </c>
      <c r="AF159" s="541"/>
      <c r="AG159" s="542"/>
      <c r="AH159" s="549"/>
      <c r="AI159" s="550"/>
      <c r="AJ159" s="551"/>
      <c r="AK159" s="265"/>
      <c r="AL159" s="334"/>
      <c r="AM159" s="26"/>
      <c r="AN159" s="3" t="str">
        <f t="shared" si="9"/>
        <v>■</v>
      </c>
    </row>
    <row r="160" spans="1:40" s="1" customFormat="1" ht="13.4" customHeight="1">
      <c r="A160" s="20" t="str">
        <f t="shared" si="8"/>
        <v>KO</v>
      </c>
      <c r="B160" s="20"/>
      <c r="C160" s="541">
        <v>12</v>
      </c>
      <c r="D160" s="542"/>
      <c r="E160" s="543" t="s">
        <v>580</v>
      </c>
      <c r="F160" s="544"/>
      <c r="G160" s="544"/>
      <c r="H160" s="544"/>
      <c r="I160" s="544"/>
      <c r="J160" s="544"/>
      <c r="K160" s="544"/>
      <c r="L160" s="544"/>
      <c r="M160" s="544"/>
      <c r="N160" s="544"/>
      <c r="O160" s="544"/>
      <c r="P160" s="544"/>
      <c r="Q160" s="544"/>
      <c r="R160" s="544"/>
      <c r="S160" s="544"/>
      <c r="T160" s="545"/>
      <c r="U160" s="221" t="s">
        <v>581</v>
      </c>
      <c r="V160" s="546" t="s">
        <v>107</v>
      </c>
      <c r="W160" s="547"/>
      <c r="X160" s="547"/>
      <c r="Y160" s="547"/>
      <c r="Z160" s="548"/>
      <c r="AA160" s="546" t="s">
        <v>108</v>
      </c>
      <c r="AB160" s="547"/>
      <c r="AC160" s="548"/>
      <c r="AD160" s="415">
        <v>6</v>
      </c>
      <c r="AE160" s="415">
        <v>0</v>
      </c>
      <c r="AF160" s="541"/>
      <c r="AG160" s="542"/>
      <c r="AH160" s="549"/>
      <c r="AI160" s="550"/>
      <c r="AJ160" s="551"/>
      <c r="AK160" s="265"/>
      <c r="AL160" s="334"/>
      <c r="AM160" s="26"/>
      <c r="AN160" s="3" t="str">
        <f t="shared" si="9"/>
        <v>■</v>
      </c>
    </row>
    <row r="161" spans="1:40" s="1" customFormat="1">
      <c r="A161" s="20" t="str">
        <f t="shared" si="8"/>
        <v>KO</v>
      </c>
      <c r="B161" s="20"/>
      <c r="C161" s="552">
        <v>13</v>
      </c>
      <c r="D161" s="553"/>
      <c r="E161" s="554" t="s">
        <v>555</v>
      </c>
      <c r="F161" s="555"/>
      <c r="G161" s="555"/>
      <c r="H161" s="555"/>
      <c r="I161" s="555"/>
      <c r="J161" s="555"/>
      <c r="K161" s="555"/>
      <c r="L161" s="555"/>
      <c r="M161" s="555"/>
      <c r="N161" s="555"/>
      <c r="O161" s="555"/>
      <c r="P161" s="555"/>
      <c r="Q161" s="555"/>
      <c r="R161" s="555"/>
      <c r="S161" s="555"/>
      <c r="T161" s="556"/>
      <c r="U161" s="259" t="s">
        <v>474</v>
      </c>
      <c r="V161" s="557" t="s">
        <v>107</v>
      </c>
      <c r="W161" s="558"/>
      <c r="X161" s="558"/>
      <c r="Y161" s="558"/>
      <c r="Z161" s="559"/>
      <c r="AA161" s="557" t="s">
        <v>102</v>
      </c>
      <c r="AB161" s="558"/>
      <c r="AC161" s="559"/>
      <c r="AD161" s="419">
        <v>5</v>
      </c>
      <c r="AE161" s="419" t="s">
        <v>103</v>
      </c>
      <c r="AF161" s="552" t="s">
        <v>109</v>
      </c>
      <c r="AG161" s="553"/>
      <c r="AH161" s="560"/>
      <c r="AI161" s="561"/>
      <c r="AJ161" s="562"/>
      <c r="AK161" s="333" t="s">
        <v>399</v>
      </c>
      <c r="AL161" s="334"/>
      <c r="AM161" s="26"/>
      <c r="AN161" s="3" t="str">
        <f t="shared" si="9"/>
        <v>■</v>
      </c>
    </row>
    <row r="162" spans="1:40" s="1" customFormat="1">
      <c r="A162" s="20" t="str">
        <f t="shared" si="8"/>
        <v>KO</v>
      </c>
      <c r="B162" s="20"/>
      <c r="C162" s="541">
        <v>14</v>
      </c>
      <c r="D162" s="542"/>
      <c r="E162" s="543" t="s">
        <v>556</v>
      </c>
      <c r="F162" s="544"/>
      <c r="G162" s="544"/>
      <c r="H162" s="544"/>
      <c r="I162" s="544"/>
      <c r="J162" s="544"/>
      <c r="K162" s="544"/>
      <c r="L162" s="544"/>
      <c r="M162" s="544"/>
      <c r="N162" s="544"/>
      <c r="O162" s="544"/>
      <c r="P162" s="544"/>
      <c r="Q162" s="544"/>
      <c r="R162" s="544"/>
      <c r="S162" s="544"/>
      <c r="T162" s="545"/>
      <c r="U162" s="221" t="s">
        <v>557</v>
      </c>
      <c r="V162" s="546" t="s">
        <v>107</v>
      </c>
      <c r="W162" s="547"/>
      <c r="X162" s="547"/>
      <c r="Y162" s="547"/>
      <c r="Z162" s="548"/>
      <c r="AA162" s="546" t="s">
        <v>108</v>
      </c>
      <c r="AB162" s="547"/>
      <c r="AC162" s="548"/>
      <c r="AD162" s="415">
        <v>2</v>
      </c>
      <c r="AE162" s="415">
        <v>0</v>
      </c>
      <c r="AF162" s="541"/>
      <c r="AG162" s="542"/>
      <c r="AH162" s="549"/>
      <c r="AI162" s="550"/>
      <c r="AJ162" s="551"/>
      <c r="AK162" s="265"/>
      <c r="AL162" s="334"/>
      <c r="AM162" s="26"/>
      <c r="AN162" s="3" t="str">
        <f t="shared" si="9"/>
        <v>■</v>
      </c>
    </row>
    <row r="163" spans="1:40" s="1" customFormat="1">
      <c r="A163" s="20" t="str">
        <f t="shared" si="8"/>
        <v>KO</v>
      </c>
      <c r="B163" s="20"/>
      <c r="C163" s="541">
        <v>15</v>
      </c>
      <c r="D163" s="542"/>
      <c r="E163" s="543" t="s">
        <v>558</v>
      </c>
      <c r="F163" s="544"/>
      <c r="G163" s="544"/>
      <c r="H163" s="544"/>
      <c r="I163" s="544"/>
      <c r="J163" s="544"/>
      <c r="K163" s="544"/>
      <c r="L163" s="544"/>
      <c r="M163" s="544"/>
      <c r="N163" s="544"/>
      <c r="O163" s="544"/>
      <c r="P163" s="544"/>
      <c r="Q163" s="544"/>
      <c r="R163" s="544"/>
      <c r="S163" s="544"/>
      <c r="T163" s="545"/>
      <c r="U163" s="221" t="s">
        <v>559</v>
      </c>
      <c r="V163" s="546" t="s">
        <v>107</v>
      </c>
      <c r="W163" s="547"/>
      <c r="X163" s="547"/>
      <c r="Y163" s="547"/>
      <c r="Z163" s="548"/>
      <c r="AA163" s="546" t="s">
        <v>108</v>
      </c>
      <c r="AB163" s="547"/>
      <c r="AC163" s="548"/>
      <c r="AD163" s="415">
        <v>8</v>
      </c>
      <c r="AE163" s="415">
        <v>0</v>
      </c>
      <c r="AF163" s="541"/>
      <c r="AG163" s="542"/>
      <c r="AH163" s="549"/>
      <c r="AI163" s="550"/>
      <c r="AJ163" s="551"/>
      <c r="AK163" s="265"/>
      <c r="AL163" s="329"/>
      <c r="AM163" s="26"/>
      <c r="AN163" s="3" t="str">
        <f t="shared" si="9"/>
        <v>■</v>
      </c>
    </row>
    <row r="164" spans="1:40" s="1" customFormat="1">
      <c r="A164" s="20" t="str">
        <f t="shared" si="8"/>
        <v>KO</v>
      </c>
      <c r="B164" s="20"/>
      <c r="C164" s="541">
        <v>16</v>
      </c>
      <c r="D164" s="542"/>
      <c r="E164" s="543" t="s">
        <v>409</v>
      </c>
      <c r="F164" s="544"/>
      <c r="G164" s="544"/>
      <c r="H164" s="544"/>
      <c r="I164" s="544"/>
      <c r="J164" s="544"/>
      <c r="K164" s="544"/>
      <c r="L164" s="544"/>
      <c r="M164" s="544"/>
      <c r="N164" s="544"/>
      <c r="O164" s="544"/>
      <c r="P164" s="544"/>
      <c r="Q164" s="544"/>
      <c r="R164" s="544"/>
      <c r="S164" s="544"/>
      <c r="T164" s="545"/>
      <c r="U164" s="221" t="s">
        <v>453</v>
      </c>
      <c r="V164" s="546" t="s">
        <v>107</v>
      </c>
      <c r="W164" s="547"/>
      <c r="X164" s="547"/>
      <c r="Y164" s="547"/>
      <c r="Z164" s="548"/>
      <c r="AA164" s="546" t="s">
        <v>102</v>
      </c>
      <c r="AB164" s="547"/>
      <c r="AC164" s="548"/>
      <c r="AD164" s="415">
        <v>6</v>
      </c>
      <c r="AE164" s="415" t="s">
        <v>103</v>
      </c>
      <c r="AF164" s="541"/>
      <c r="AG164" s="542"/>
      <c r="AH164" s="549"/>
      <c r="AI164" s="550"/>
      <c r="AJ164" s="551"/>
      <c r="AK164" s="265"/>
      <c r="AL164" s="334"/>
      <c r="AM164" s="26"/>
      <c r="AN164" s="3" t="str">
        <f t="shared" si="9"/>
        <v>■</v>
      </c>
    </row>
    <row r="165" spans="1:40" s="1" customFormat="1">
      <c r="A165" s="20" t="str">
        <f t="shared" si="8"/>
        <v>KO</v>
      </c>
      <c r="B165" s="20"/>
      <c r="C165" s="541">
        <v>17</v>
      </c>
      <c r="D165" s="542"/>
      <c r="E165" s="543" t="s">
        <v>411</v>
      </c>
      <c r="F165" s="544"/>
      <c r="G165" s="544"/>
      <c r="H165" s="544"/>
      <c r="I165" s="544"/>
      <c r="J165" s="544"/>
      <c r="K165" s="544"/>
      <c r="L165" s="544"/>
      <c r="M165" s="544"/>
      <c r="N165" s="544"/>
      <c r="O165" s="544"/>
      <c r="P165" s="544"/>
      <c r="Q165" s="544"/>
      <c r="R165" s="544"/>
      <c r="S165" s="544"/>
      <c r="T165" s="545"/>
      <c r="U165" s="221" t="s">
        <v>516</v>
      </c>
      <c r="V165" s="546" t="s">
        <v>107</v>
      </c>
      <c r="W165" s="547"/>
      <c r="X165" s="547"/>
      <c r="Y165" s="547"/>
      <c r="Z165" s="548"/>
      <c r="AA165" s="546" t="s">
        <v>102</v>
      </c>
      <c r="AB165" s="547"/>
      <c r="AC165" s="548"/>
      <c r="AD165" s="415">
        <v>6</v>
      </c>
      <c r="AE165" s="415" t="s">
        <v>103</v>
      </c>
      <c r="AF165" s="541"/>
      <c r="AG165" s="542"/>
      <c r="AH165" s="549"/>
      <c r="AI165" s="550"/>
      <c r="AJ165" s="551"/>
      <c r="AK165" s="265"/>
      <c r="AL165" s="329"/>
      <c r="AM165" s="26"/>
      <c r="AN165" s="3" t="str">
        <f t="shared" si="9"/>
        <v>■</v>
      </c>
    </row>
    <row r="166" spans="1:40">
      <c r="A166" s="20" t="str">
        <f>IF(LEN(J166)&gt;0,MID(J166,FIND("（",J166,1)+1,2),A163)</f>
        <v>KO</v>
      </c>
      <c r="B166" s="20"/>
      <c r="V166" s="238"/>
      <c r="W166" s="238"/>
      <c r="X166" s="238"/>
      <c r="Y166" s="238"/>
      <c r="Z166" s="238"/>
      <c r="AA166" s="238"/>
      <c r="AB166" s="238"/>
      <c r="AC166" s="238"/>
      <c r="AD166" s="122"/>
      <c r="AE166" s="122"/>
      <c r="AF166" s="238"/>
      <c r="AG166" s="238"/>
      <c r="AH166" s="238"/>
      <c r="AI166" s="238"/>
      <c r="AJ166" s="238"/>
      <c r="AK166" s="55"/>
      <c r="AL166" s="329"/>
      <c r="AM166" s="16"/>
    </row>
    <row r="167" spans="1:40" s="1" customFormat="1">
      <c r="A167" s="20" t="str">
        <f t="shared" ref="A167:A186" si="10">IF(LEN(J167)&gt;0,MID(J167,FIND("（",J167,1)+1,2),A166)</f>
        <v>SY</v>
      </c>
      <c r="B167" s="20"/>
      <c r="C167" s="52" t="s">
        <v>380</v>
      </c>
      <c r="D167" s="16"/>
      <c r="E167" s="26"/>
      <c r="F167" s="26"/>
      <c r="G167" s="26"/>
      <c r="H167" s="26"/>
      <c r="I167" s="26"/>
      <c r="J167" s="26" t="s">
        <v>582</v>
      </c>
      <c r="K167" s="26"/>
      <c r="L167" s="26"/>
      <c r="M167" s="26"/>
      <c r="N167" s="26"/>
      <c r="O167" s="26"/>
      <c r="P167" s="26"/>
      <c r="Q167" s="26"/>
      <c r="R167" s="26"/>
      <c r="S167" s="26"/>
      <c r="T167" s="26"/>
      <c r="U167" s="26" t="s">
        <v>583</v>
      </c>
      <c r="V167" s="122"/>
      <c r="W167" s="122"/>
      <c r="X167" s="122"/>
      <c r="Y167" s="122"/>
      <c r="Z167" s="122"/>
      <c r="AA167" s="122"/>
      <c r="AB167" s="122"/>
      <c r="AC167" s="122"/>
      <c r="AD167" s="122"/>
      <c r="AE167" s="122"/>
      <c r="AF167" s="122"/>
      <c r="AG167" s="122"/>
      <c r="AH167" s="122"/>
      <c r="AI167" s="122"/>
      <c r="AJ167" s="122"/>
      <c r="AK167" s="26"/>
      <c r="AL167" s="329"/>
      <c r="AM167" s="26"/>
    </row>
    <row r="168" spans="1:40" ht="13.5" customHeight="1">
      <c r="A168" s="20" t="str">
        <f t="shared" si="10"/>
        <v>SY</v>
      </c>
      <c r="B168" s="20"/>
      <c r="C168" s="571" t="s">
        <v>73</v>
      </c>
      <c r="D168" s="573"/>
      <c r="E168" s="571" t="s">
        <v>94</v>
      </c>
      <c r="F168" s="571"/>
      <c r="G168" s="571"/>
      <c r="H168" s="571"/>
      <c r="I168" s="571"/>
      <c r="J168" s="571"/>
      <c r="K168" s="571"/>
      <c r="L168" s="571"/>
      <c r="M168" s="571"/>
      <c r="N168" s="571"/>
      <c r="O168" s="571"/>
      <c r="P168" s="571"/>
      <c r="Q168" s="571"/>
      <c r="R168" s="571"/>
      <c r="S168" s="571"/>
      <c r="T168" s="571"/>
      <c r="U168" s="226" t="s">
        <v>383</v>
      </c>
      <c r="V168" s="574" t="s">
        <v>138</v>
      </c>
      <c r="W168" s="574"/>
      <c r="X168" s="574"/>
      <c r="Y168" s="574"/>
      <c r="Z168" s="574"/>
      <c r="AA168" s="575" t="s">
        <v>415</v>
      </c>
      <c r="AB168" s="576"/>
      <c r="AC168" s="577"/>
      <c r="AD168" s="493" t="s">
        <v>97</v>
      </c>
      <c r="AE168" s="493"/>
      <c r="AF168" s="574" t="s">
        <v>98</v>
      </c>
      <c r="AG168" s="574"/>
      <c r="AH168" s="571" t="s">
        <v>75</v>
      </c>
      <c r="AI168" s="571"/>
      <c r="AJ168" s="571"/>
      <c r="AK168" s="581" t="s">
        <v>159</v>
      </c>
      <c r="AL168" s="329"/>
      <c r="AM168" s="16"/>
    </row>
    <row r="169" spans="1:40">
      <c r="A169" s="20" t="str">
        <f t="shared" si="10"/>
        <v>SY</v>
      </c>
      <c r="B169" s="20"/>
      <c r="C169" s="573"/>
      <c r="D169" s="573"/>
      <c r="E169" s="571"/>
      <c r="F169" s="571"/>
      <c r="G169" s="571"/>
      <c r="H169" s="571"/>
      <c r="I169" s="571"/>
      <c r="J169" s="571"/>
      <c r="K169" s="571"/>
      <c r="L169" s="571"/>
      <c r="M169" s="571"/>
      <c r="N169" s="571"/>
      <c r="O169" s="571"/>
      <c r="P169" s="571"/>
      <c r="Q169" s="571"/>
      <c r="R169" s="571"/>
      <c r="S169" s="571"/>
      <c r="T169" s="571"/>
      <c r="U169" s="227"/>
      <c r="V169" s="574"/>
      <c r="W169" s="574"/>
      <c r="X169" s="574"/>
      <c r="Y169" s="574"/>
      <c r="Z169" s="574"/>
      <c r="AA169" s="578"/>
      <c r="AB169" s="579"/>
      <c r="AC169" s="580"/>
      <c r="AD169" s="493"/>
      <c r="AE169" s="493"/>
      <c r="AF169" s="574"/>
      <c r="AG169" s="574"/>
      <c r="AH169" s="571"/>
      <c r="AI169" s="571"/>
      <c r="AJ169" s="571"/>
      <c r="AK169" s="582"/>
      <c r="AL169" s="330"/>
      <c r="AM169" s="16"/>
    </row>
    <row r="170" spans="1:40" ht="13.4" customHeight="1">
      <c r="A170" s="20" t="str">
        <f t="shared" si="10"/>
        <v>SY</v>
      </c>
      <c r="B170" s="20"/>
      <c r="C170" s="541">
        <v>1</v>
      </c>
      <c r="D170" s="542"/>
      <c r="E170" s="563" t="s">
        <v>440</v>
      </c>
      <c r="F170" s="564"/>
      <c r="G170" s="564"/>
      <c r="H170" s="564"/>
      <c r="I170" s="564"/>
      <c r="J170" s="564"/>
      <c r="K170" s="564"/>
      <c r="L170" s="564"/>
      <c r="M170" s="564"/>
      <c r="N170" s="564"/>
      <c r="O170" s="564"/>
      <c r="P170" s="564"/>
      <c r="Q170" s="564"/>
      <c r="R170" s="564"/>
      <c r="S170" s="564"/>
      <c r="T170" s="565"/>
      <c r="U170" s="219" t="s">
        <v>441</v>
      </c>
      <c r="V170" s="546" t="s">
        <v>101</v>
      </c>
      <c r="W170" s="547"/>
      <c r="X170" s="547"/>
      <c r="Y170" s="547"/>
      <c r="Z170" s="548"/>
      <c r="AA170" s="546" t="s">
        <v>102</v>
      </c>
      <c r="AB170" s="547"/>
      <c r="AC170" s="548"/>
      <c r="AD170" s="415">
        <v>10</v>
      </c>
      <c r="AE170" s="415" t="s">
        <v>103</v>
      </c>
      <c r="AF170" s="541"/>
      <c r="AG170" s="542"/>
      <c r="AH170" s="549"/>
      <c r="AI170" s="550"/>
      <c r="AJ170" s="551"/>
      <c r="AK170" s="335"/>
      <c r="AL170" s="330"/>
      <c r="AM170" s="16"/>
      <c r="AN170" s="3" t="str">
        <f>$G$20</f>
        <v>■</v>
      </c>
    </row>
    <row r="171" spans="1:40" ht="13.4" customHeight="1">
      <c r="A171" s="20" t="str">
        <f t="shared" si="10"/>
        <v>SY</v>
      </c>
      <c r="B171" s="20"/>
      <c r="C171" s="541">
        <v>2</v>
      </c>
      <c r="D171" s="542"/>
      <c r="E171" s="563" t="s">
        <v>442</v>
      </c>
      <c r="F171" s="564"/>
      <c r="G171" s="564"/>
      <c r="H171" s="564"/>
      <c r="I171" s="564"/>
      <c r="J171" s="564"/>
      <c r="K171" s="564"/>
      <c r="L171" s="564"/>
      <c r="M171" s="564"/>
      <c r="N171" s="564"/>
      <c r="O171" s="564"/>
      <c r="P171" s="564"/>
      <c r="Q171" s="564"/>
      <c r="R171" s="564"/>
      <c r="S171" s="564"/>
      <c r="T171" s="565"/>
      <c r="U171" s="219" t="s">
        <v>443</v>
      </c>
      <c r="V171" s="546" t="s">
        <v>101</v>
      </c>
      <c r="W171" s="547"/>
      <c r="X171" s="547"/>
      <c r="Y171" s="547"/>
      <c r="Z171" s="548"/>
      <c r="AA171" s="546" t="s">
        <v>102</v>
      </c>
      <c r="AB171" s="547"/>
      <c r="AC171" s="548"/>
      <c r="AD171" s="415">
        <v>51</v>
      </c>
      <c r="AE171" s="415" t="s">
        <v>103</v>
      </c>
      <c r="AF171" s="541"/>
      <c r="AG171" s="542"/>
      <c r="AH171" s="549"/>
      <c r="AI171" s="550"/>
      <c r="AJ171" s="551"/>
      <c r="AK171" s="335"/>
      <c r="AL171" s="329"/>
      <c r="AM171" s="16"/>
      <c r="AN171" s="3" t="str">
        <f t="shared" ref="AN171:AN182" si="11">$G$20</f>
        <v>■</v>
      </c>
    </row>
    <row r="172" spans="1:40" s="28" customFormat="1" ht="13.4" customHeight="1">
      <c r="A172" s="20" t="str">
        <f t="shared" si="10"/>
        <v>SY</v>
      </c>
      <c r="B172" s="20"/>
      <c r="C172" s="552">
        <v>3</v>
      </c>
      <c r="D172" s="553"/>
      <c r="E172" s="566" t="s">
        <v>106</v>
      </c>
      <c r="F172" s="567"/>
      <c r="G172" s="567"/>
      <c r="H172" s="567"/>
      <c r="I172" s="567"/>
      <c r="J172" s="567"/>
      <c r="K172" s="567"/>
      <c r="L172" s="567"/>
      <c r="M172" s="567"/>
      <c r="N172" s="567"/>
      <c r="O172" s="567"/>
      <c r="P172" s="567"/>
      <c r="Q172" s="567"/>
      <c r="R172" s="567"/>
      <c r="S172" s="567"/>
      <c r="T172" s="568"/>
      <c r="U172" s="220" t="s">
        <v>444</v>
      </c>
      <c r="V172" s="557" t="s">
        <v>107</v>
      </c>
      <c r="W172" s="558"/>
      <c r="X172" s="558"/>
      <c r="Y172" s="558"/>
      <c r="Z172" s="559"/>
      <c r="AA172" s="557" t="s">
        <v>108</v>
      </c>
      <c r="AB172" s="558"/>
      <c r="AC172" s="559"/>
      <c r="AD172" s="419">
        <v>1</v>
      </c>
      <c r="AE172" s="419">
        <v>0</v>
      </c>
      <c r="AF172" s="552" t="s">
        <v>109</v>
      </c>
      <c r="AG172" s="553"/>
      <c r="AH172" s="560"/>
      <c r="AI172" s="561"/>
      <c r="AJ172" s="562"/>
      <c r="AK172" s="321" t="s">
        <v>391</v>
      </c>
      <c r="AL172" s="329"/>
      <c r="AM172" s="331"/>
      <c r="AN172" s="3" t="str">
        <f t="shared" si="11"/>
        <v>■</v>
      </c>
    </row>
    <row r="173" spans="1:40" s="28" customFormat="1" ht="13.4" customHeight="1">
      <c r="A173" s="20" t="str">
        <f t="shared" si="10"/>
        <v>SY</v>
      </c>
      <c r="B173" s="20"/>
      <c r="C173" s="541">
        <v>4</v>
      </c>
      <c r="D173" s="542"/>
      <c r="E173" s="563" t="s">
        <v>110</v>
      </c>
      <c r="F173" s="564"/>
      <c r="G173" s="564"/>
      <c r="H173" s="564"/>
      <c r="I173" s="564"/>
      <c r="J173" s="564"/>
      <c r="K173" s="564"/>
      <c r="L173" s="564"/>
      <c r="M173" s="564"/>
      <c r="N173" s="564"/>
      <c r="O173" s="564"/>
      <c r="P173" s="564"/>
      <c r="Q173" s="564"/>
      <c r="R173" s="564"/>
      <c r="S173" s="564"/>
      <c r="T173" s="565"/>
      <c r="U173" s="221" t="s">
        <v>445</v>
      </c>
      <c r="V173" s="546" t="s">
        <v>107</v>
      </c>
      <c r="W173" s="547"/>
      <c r="X173" s="547"/>
      <c r="Y173" s="547"/>
      <c r="Z173" s="548"/>
      <c r="AA173" s="546" t="s">
        <v>108</v>
      </c>
      <c r="AB173" s="547"/>
      <c r="AC173" s="548"/>
      <c r="AD173" s="415">
        <v>1</v>
      </c>
      <c r="AE173" s="415">
        <v>0</v>
      </c>
      <c r="AF173" s="541"/>
      <c r="AG173" s="542"/>
      <c r="AH173" s="549"/>
      <c r="AI173" s="550"/>
      <c r="AJ173" s="551"/>
      <c r="AK173" s="265"/>
      <c r="AL173" s="329"/>
      <c r="AM173" s="331"/>
      <c r="AN173" s="3" t="str">
        <f t="shared" si="11"/>
        <v>■</v>
      </c>
    </row>
    <row r="174" spans="1:40">
      <c r="A174" s="20" t="str">
        <f t="shared" si="10"/>
        <v>SY</v>
      </c>
      <c r="B174" s="20"/>
      <c r="C174" s="541">
        <v>5</v>
      </c>
      <c r="D174" s="542"/>
      <c r="E174" s="543" t="s">
        <v>80</v>
      </c>
      <c r="F174" s="544"/>
      <c r="G174" s="544"/>
      <c r="H174" s="544"/>
      <c r="I174" s="544"/>
      <c r="J174" s="544"/>
      <c r="K174" s="544"/>
      <c r="L174" s="544"/>
      <c r="M174" s="544"/>
      <c r="N174" s="544"/>
      <c r="O174" s="544"/>
      <c r="P174" s="544"/>
      <c r="Q174" s="544"/>
      <c r="R174" s="544"/>
      <c r="S174" s="544"/>
      <c r="T174" s="545"/>
      <c r="U174" s="221" t="s">
        <v>446</v>
      </c>
      <c r="V174" s="546" t="s">
        <v>101</v>
      </c>
      <c r="W174" s="547"/>
      <c r="X174" s="547"/>
      <c r="Y174" s="547"/>
      <c r="Z174" s="548"/>
      <c r="AA174" s="546" t="s">
        <v>102</v>
      </c>
      <c r="AB174" s="547"/>
      <c r="AC174" s="548"/>
      <c r="AD174" s="415">
        <v>2</v>
      </c>
      <c r="AE174" s="415" t="s">
        <v>103</v>
      </c>
      <c r="AF174" s="541"/>
      <c r="AG174" s="542"/>
      <c r="AH174" s="549"/>
      <c r="AI174" s="550"/>
      <c r="AJ174" s="551"/>
      <c r="AK174" s="265"/>
      <c r="AL174" s="329"/>
      <c r="AM174" s="16"/>
      <c r="AN174" s="3" t="str">
        <f t="shared" si="11"/>
        <v>■</v>
      </c>
    </row>
    <row r="175" spans="1:40">
      <c r="A175" s="20" t="str">
        <f t="shared" si="10"/>
        <v>SY</v>
      </c>
      <c r="B175" s="20"/>
      <c r="C175" s="541">
        <v>6</v>
      </c>
      <c r="D175" s="542"/>
      <c r="E175" s="543" t="s">
        <v>81</v>
      </c>
      <c r="F175" s="544"/>
      <c r="G175" s="544"/>
      <c r="H175" s="544"/>
      <c r="I175" s="544"/>
      <c r="J175" s="544"/>
      <c r="K175" s="544"/>
      <c r="L175" s="544"/>
      <c r="M175" s="544"/>
      <c r="N175" s="544"/>
      <c r="O175" s="544"/>
      <c r="P175" s="544"/>
      <c r="Q175" s="544"/>
      <c r="R175" s="544"/>
      <c r="S175" s="544"/>
      <c r="T175" s="545"/>
      <c r="U175" s="221" t="s">
        <v>584</v>
      </c>
      <c r="V175" s="546" t="s">
        <v>107</v>
      </c>
      <c r="W175" s="547"/>
      <c r="X175" s="547"/>
      <c r="Y175" s="547"/>
      <c r="Z175" s="548"/>
      <c r="AA175" s="546" t="s">
        <v>102</v>
      </c>
      <c r="AB175" s="547"/>
      <c r="AC175" s="548"/>
      <c r="AD175" s="415">
        <v>7</v>
      </c>
      <c r="AE175" s="415" t="s">
        <v>103</v>
      </c>
      <c r="AF175" s="541"/>
      <c r="AG175" s="542"/>
      <c r="AH175" s="549"/>
      <c r="AI175" s="550"/>
      <c r="AJ175" s="551"/>
      <c r="AK175" s="265"/>
      <c r="AL175" s="329"/>
      <c r="AM175" s="16"/>
      <c r="AN175" s="3" t="str">
        <f t="shared" si="11"/>
        <v>■</v>
      </c>
    </row>
    <row r="176" spans="1:40">
      <c r="A176" s="20" t="str">
        <f t="shared" si="10"/>
        <v>SY</v>
      </c>
      <c r="B176" s="20"/>
      <c r="C176" s="541">
        <v>7</v>
      </c>
      <c r="D176" s="542"/>
      <c r="E176" s="543" t="s">
        <v>585</v>
      </c>
      <c r="F176" s="544"/>
      <c r="G176" s="544"/>
      <c r="H176" s="544"/>
      <c r="I176" s="544"/>
      <c r="J176" s="544"/>
      <c r="K176" s="544"/>
      <c r="L176" s="544"/>
      <c r="M176" s="544"/>
      <c r="N176" s="544"/>
      <c r="O176" s="544"/>
      <c r="P176" s="544"/>
      <c r="Q176" s="544"/>
      <c r="R176" s="544"/>
      <c r="S176" s="544"/>
      <c r="T176" s="545"/>
      <c r="U176" s="221" t="s">
        <v>586</v>
      </c>
      <c r="V176" s="546" t="s">
        <v>107</v>
      </c>
      <c r="W176" s="547"/>
      <c r="X176" s="547"/>
      <c r="Y176" s="547"/>
      <c r="Z176" s="548"/>
      <c r="AA176" s="546" t="s">
        <v>102</v>
      </c>
      <c r="AB176" s="547"/>
      <c r="AC176" s="548"/>
      <c r="AD176" s="415">
        <v>8</v>
      </c>
      <c r="AE176" s="415" t="s">
        <v>103</v>
      </c>
      <c r="AF176" s="541"/>
      <c r="AG176" s="542"/>
      <c r="AH176" s="549"/>
      <c r="AI176" s="550"/>
      <c r="AJ176" s="551"/>
      <c r="AK176" s="265"/>
      <c r="AL176" s="329"/>
      <c r="AM176" s="16"/>
      <c r="AN176" s="3" t="str">
        <f t="shared" si="11"/>
        <v>■</v>
      </c>
    </row>
    <row r="177" spans="1:40">
      <c r="A177" s="20" t="str">
        <f t="shared" si="10"/>
        <v>SY</v>
      </c>
      <c r="B177" s="20"/>
      <c r="C177" s="541">
        <v>8</v>
      </c>
      <c r="D177" s="542"/>
      <c r="E177" s="543" t="s">
        <v>587</v>
      </c>
      <c r="F177" s="544"/>
      <c r="G177" s="544"/>
      <c r="H177" s="544"/>
      <c r="I177" s="544"/>
      <c r="J177" s="544"/>
      <c r="K177" s="544"/>
      <c r="L177" s="544"/>
      <c r="M177" s="544"/>
      <c r="N177" s="544"/>
      <c r="O177" s="544"/>
      <c r="P177" s="544"/>
      <c r="Q177" s="544"/>
      <c r="R177" s="544"/>
      <c r="S177" s="544"/>
      <c r="T177" s="545"/>
      <c r="U177" s="221" t="s">
        <v>588</v>
      </c>
      <c r="V177" s="546" t="s">
        <v>107</v>
      </c>
      <c r="W177" s="547"/>
      <c r="X177" s="547"/>
      <c r="Y177" s="547"/>
      <c r="Z177" s="548"/>
      <c r="AA177" s="546" t="s">
        <v>102</v>
      </c>
      <c r="AB177" s="547"/>
      <c r="AC177" s="548"/>
      <c r="AD177" s="415">
        <v>1</v>
      </c>
      <c r="AE177" s="415" t="s">
        <v>103</v>
      </c>
      <c r="AF177" s="541"/>
      <c r="AG177" s="542"/>
      <c r="AH177" s="549"/>
      <c r="AI177" s="550"/>
      <c r="AJ177" s="551"/>
      <c r="AK177" s="265"/>
      <c r="AL177" s="330"/>
      <c r="AM177" s="16"/>
      <c r="AN177" s="3" t="str">
        <f t="shared" si="11"/>
        <v>■</v>
      </c>
    </row>
    <row r="178" spans="1:40">
      <c r="A178" s="20" t="str">
        <f t="shared" si="10"/>
        <v>SY</v>
      </c>
      <c r="B178" s="20"/>
      <c r="C178" s="541">
        <v>9</v>
      </c>
      <c r="D178" s="542"/>
      <c r="E178" s="543" t="s">
        <v>589</v>
      </c>
      <c r="F178" s="544"/>
      <c r="G178" s="544"/>
      <c r="H178" s="544"/>
      <c r="I178" s="544"/>
      <c r="J178" s="544"/>
      <c r="K178" s="544"/>
      <c r="L178" s="544"/>
      <c r="M178" s="544"/>
      <c r="N178" s="544"/>
      <c r="O178" s="544"/>
      <c r="P178" s="544"/>
      <c r="Q178" s="544"/>
      <c r="R178" s="544"/>
      <c r="S178" s="544"/>
      <c r="T178" s="545"/>
      <c r="U178" s="221" t="s">
        <v>590</v>
      </c>
      <c r="V178" s="546" t="s">
        <v>101</v>
      </c>
      <c r="W178" s="547"/>
      <c r="X178" s="547"/>
      <c r="Y178" s="547"/>
      <c r="Z178" s="548"/>
      <c r="AA178" s="546" t="s">
        <v>102</v>
      </c>
      <c r="AB178" s="547"/>
      <c r="AC178" s="548"/>
      <c r="AD178" s="415">
        <v>80</v>
      </c>
      <c r="AE178" s="415" t="s">
        <v>103</v>
      </c>
      <c r="AF178" s="541"/>
      <c r="AG178" s="542"/>
      <c r="AH178" s="549"/>
      <c r="AI178" s="550"/>
      <c r="AJ178" s="551"/>
      <c r="AK178" s="265"/>
      <c r="AL178" s="329"/>
      <c r="AM178" s="16"/>
      <c r="AN178" s="3" t="str">
        <f t="shared" si="11"/>
        <v>■</v>
      </c>
    </row>
    <row r="179" spans="1:40">
      <c r="A179" s="20" t="str">
        <f t="shared" si="10"/>
        <v>SY</v>
      </c>
      <c r="B179" s="20"/>
      <c r="C179" s="541">
        <v>10</v>
      </c>
      <c r="D179" s="542"/>
      <c r="E179" s="543" t="s">
        <v>591</v>
      </c>
      <c r="F179" s="544"/>
      <c r="G179" s="544"/>
      <c r="H179" s="544"/>
      <c r="I179" s="544"/>
      <c r="J179" s="544"/>
      <c r="K179" s="544"/>
      <c r="L179" s="544"/>
      <c r="M179" s="544"/>
      <c r="N179" s="544"/>
      <c r="O179" s="544"/>
      <c r="P179" s="544"/>
      <c r="Q179" s="544"/>
      <c r="R179" s="544"/>
      <c r="S179" s="544"/>
      <c r="T179" s="545"/>
      <c r="U179" s="221" t="s">
        <v>592</v>
      </c>
      <c r="V179" s="546" t="s">
        <v>107</v>
      </c>
      <c r="W179" s="547"/>
      <c r="X179" s="547"/>
      <c r="Y179" s="547"/>
      <c r="Z179" s="548"/>
      <c r="AA179" s="546" t="s">
        <v>108</v>
      </c>
      <c r="AB179" s="547"/>
      <c r="AC179" s="548"/>
      <c r="AD179" s="415">
        <v>1</v>
      </c>
      <c r="AE179" s="415">
        <v>0</v>
      </c>
      <c r="AF179" s="541"/>
      <c r="AG179" s="542"/>
      <c r="AH179" s="549"/>
      <c r="AI179" s="550"/>
      <c r="AJ179" s="551"/>
      <c r="AK179" s="265"/>
      <c r="AL179" s="329"/>
      <c r="AM179" s="16"/>
      <c r="AN179" s="3" t="str">
        <f t="shared" si="11"/>
        <v>■</v>
      </c>
    </row>
    <row r="180" spans="1:40" s="28" customFormat="1">
      <c r="A180" s="20" t="str">
        <f t="shared" si="10"/>
        <v>SY</v>
      </c>
      <c r="B180" s="20"/>
      <c r="C180" s="552">
        <v>11</v>
      </c>
      <c r="D180" s="553"/>
      <c r="E180" s="554" t="s">
        <v>593</v>
      </c>
      <c r="F180" s="555"/>
      <c r="G180" s="555"/>
      <c r="H180" s="555"/>
      <c r="I180" s="555"/>
      <c r="J180" s="555"/>
      <c r="K180" s="555"/>
      <c r="L180" s="555"/>
      <c r="M180" s="555"/>
      <c r="N180" s="555"/>
      <c r="O180" s="555"/>
      <c r="P180" s="555"/>
      <c r="Q180" s="555"/>
      <c r="R180" s="555"/>
      <c r="S180" s="555"/>
      <c r="T180" s="556"/>
      <c r="U180" s="259" t="s">
        <v>594</v>
      </c>
      <c r="V180" s="557" t="s">
        <v>398</v>
      </c>
      <c r="W180" s="558"/>
      <c r="X180" s="558"/>
      <c r="Y180" s="558"/>
      <c r="Z180" s="559"/>
      <c r="AA180" s="557" t="s">
        <v>102</v>
      </c>
      <c r="AB180" s="558"/>
      <c r="AC180" s="559"/>
      <c r="AD180" s="419">
        <v>20</v>
      </c>
      <c r="AE180" s="419" t="s">
        <v>103</v>
      </c>
      <c r="AF180" s="552" t="s">
        <v>109</v>
      </c>
      <c r="AG180" s="553"/>
      <c r="AH180" s="560"/>
      <c r="AI180" s="561"/>
      <c r="AJ180" s="562"/>
      <c r="AK180" s="333" t="s">
        <v>399</v>
      </c>
      <c r="AL180" s="330"/>
      <c r="AM180" s="331"/>
      <c r="AN180" s="3" t="str">
        <f t="shared" si="11"/>
        <v>■</v>
      </c>
    </row>
    <row r="181" spans="1:40">
      <c r="A181" s="20" t="str">
        <f t="shared" si="10"/>
        <v>SY</v>
      </c>
      <c r="B181" s="20"/>
      <c r="C181" s="541">
        <v>12</v>
      </c>
      <c r="D181" s="542"/>
      <c r="E181" s="543" t="s">
        <v>595</v>
      </c>
      <c r="F181" s="544"/>
      <c r="G181" s="544"/>
      <c r="H181" s="544"/>
      <c r="I181" s="544"/>
      <c r="J181" s="544"/>
      <c r="K181" s="544"/>
      <c r="L181" s="544"/>
      <c r="M181" s="544"/>
      <c r="N181" s="544"/>
      <c r="O181" s="544"/>
      <c r="P181" s="544"/>
      <c r="Q181" s="544"/>
      <c r="R181" s="544"/>
      <c r="S181" s="544"/>
      <c r="T181" s="545"/>
      <c r="U181" s="221" t="s">
        <v>596</v>
      </c>
      <c r="V181" s="546" t="s">
        <v>107</v>
      </c>
      <c r="W181" s="547"/>
      <c r="X181" s="547"/>
      <c r="Y181" s="547"/>
      <c r="Z181" s="548"/>
      <c r="AA181" s="546" t="s">
        <v>102</v>
      </c>
      <c r="AB181" s="547"/>
      <c r="AC181" s="548"/>
      <c r="AD181" s="415">
        <v>2</v>
      </c>
      <c r="AE181" s="415" t="s">
        <v>103</v>
      </c>
      <c r="AF181" s="541"/>
      <c r="AG181" s="542"/>
      <c r="AH181" s="549"/>
      <c r="AI181" s="550"/>
      <c r="AJ181" s="551"/>
      <c r="AK181" s="265"/>
      <c r="AL181" s="330"/>
      <c r="AM181" s="16"/>
      <c r="AN181" s="3" t="str">
        <f t="shared" si="11"/>
        <v>■</v>
      </c>
    </row>
    <row r="182" spans="1:40">
      <c r="A182" s="20" t="str">
        <f t="shared" si="10"/>
        <v>SY</v>
      </c>
      <c r="B182" s="20"/>
      <c r="C182" s="541">
        <v>13</v>
      </c>
      <c r="D182" s="542"/>
      <c r="E182" s="543" t="s">
        <v>597</v>
      </c>
      <c r="F182" s="544"/>
      <c r="G182" s="544"/>
      <c r="H182" s="544"/>
      <c r="I182" s="544"/>
      <c r="J182" s="544"/>
      <c r="K182" s="544"/>
      <c r="L182" s="544"/>
      <c r="M182" s="544"/>
      <c r="N182" s="544"/>
      <c r="O182" s="544"/>
      <c r="P182" s="544"/>
      <c r="Q182" s="544"/>
      <c r="R182" s="544"/>
      <c r="S182" s="544"/>
      <c r="T182" s="545"/>
      <c r="U182" s="221" t="s">
        <v>598</v>
      </c>
      <c r="V182" s="546" t="s">
        <v>107</v>
      </c>
      <c r="W182" s="547"/>
      <c r="X182" s="547"/>
      <c r="Y182" s="547"/>
      <c r="Z182" s="548"/>
      <c r="AA182" s="546" t="s">
        <v>108</v>
      </c>
      <c r="AB182" s="547"/>
      <c r="AC182" s="548"/>
      <c r="AD182" s="415">
        <v>1</v>
      </c>
      <c r="AE182" s="415">
        <v>0</v>
      </c>
      <c r="AF182" s="541"/>
      <c r="AG182" s="542"/>
      <c r="AH182" s="549"/>
      <c r="AI182" s="550"/>
      <c r="AJ182" s="551"/>
      <c r="AK182" s="265"/>
      <c r="AL182" s="330"/>
      <c r="AM182" s="16"/>
      <c r="AN182" s="3" t="str">
        <f t="shared" si="11"/>
        <v>■</v>
      </c>
    </row>
    <row r="183" spans="1:40" s="28" customFormat="1">
      <c r="A183" s="20" t="str">
        <f t="shared" si="10"/>
        <v>SY</v>
      </c>
      <c r="B183" s="20"/>
      <c r="C183" s="541">
        <v>14</v>
      </c>
      <c r="D183" s="542"/>
      <c r="E183" s="543" t="s">
        <v>599</v>
      </c>
      <c r="F183" s="544"/>
      <c r="G183" s="544"/>
      <c r="H183" s="544"/>
      <c r="I183" s="544"/>
      <c r="J183" s="544"/>
      <c r="K183" s="544"/>
      <c r="L183" s="544"/>
      <c r="M183" s="544"/>
      <c r="N183" s="544"/>
      <c r="O183" s="544"/>
      <c r="P183" s="544"/>
      <c r="Q183" s="544"/>
      <c r="R183" s="544"/>
      <c r="S183" s="544"/>
      <c r="T183" s="545"/>
      <c r="U183" s="221" t="s">
        <v>600</v>
      </c>
      <c r="V183" s="546" t="s">
        <v>101</v>
      </c>
      <c r="W183" s="547"/>
      <c r="X183" s="547"/>
      <c r="Y183" s="547"/>
      <c r="Z183" s="548"/>
      <c r="AA183" s="546" t="s">
        <v>102</v>
      </c>
      <c r="AB183" s="547"/>
      <c r="AC183" s="548"/>
      <c r="AD183" s="415">
        <v>6</v>
      </c>
      <c r="AE183" s="415" t="s">
        <v>103</v>
      </c>
      <c r="AF183" s="541"/>
      <c r="AG183" s="542"/>
      <c r="AH183" s="549"/>
      <c r="AI183" s="550"/>
      <c r="AJ183" s="551"/>
      <c r="AK183" s="265"/>
      <c r="AL183" s="330"/>
      <c r="AM183" s="331"/>
      <c r="AN183" s="3" t="str">
        <f>$G$20</f>
        <v>■</v>
      </c>
    </row>
    <row r="184" spans="1:40" s="28" customFormat="1">
      <c r="A184" s="20" t="str">
        <f t="shared" si="10"/>
        <v>SY</v>
      </c>
      <c r="B184" s="20"/>
      <c r="C184" s="552">
        <v>15</v>
      </c>
      <c r="D184" s="553"/>
      <c r="E184" s="554" t="s">
        <v>601</v>
      </c>
      <c r="F184" s="555"/>
      <c r="G184" s="555"/>
      <c r="H184" s="555"/>
      <c r="I184" s="555"/>
      <c r="J184" s="555"/>
      <c r="K184" s="555"/>
      <c r="L184" s="555"/>
      <c r="M184" s="555"/>
      <c r="N184" s="555"/>
      <c r="O184" s="555"/>
      <c r="P184" s="555"/>
      <c r="Q184" s="555"/>
      <c r="R184" s="555"/>
      <c r="S184" s="555"/>
      <c r="T184" s="556"/>
      <c r="U184" s="259" t="s">
        <v>602</v>
      </c>
      <c r="V184" s="557" t="s">
        <v>398</v>
      </c>
      <c r="W184" s="558"/>
      <c r="X184" s="558"/>
      <c r="Y184" s="558"/>
      <c r="Z184" s="559"/>
      <c r="AA184" s="557" t="s">
        <v>102</v>
      </c>
      <c r="AB184" s="558"/>
      <c r="AC184" s="559"/>
      <c r="AD184" s="419">
        <v>20</v>
      </c>
      <c r="AE184" s="419" t="s">
        <v>103</v>
      </c>
      <c r="AF184" s="552" t="s">
        <v>109</v>
      </c>
      <c r="AG184" s="553"/>
      <c r="AH184" s="560"/>
      <c r="AI184" s="561"/>
      <c r="AJ184" s="562"/>
      <c r="AK184" s="333" t="s">
        <v>399</v>
      </c>
      <c r="AL184" s="329"/>
      <c r="AM184" s="331"/>
      <c r="AN184" s="3" t="str">
        <f t="shared" ref="AN184:AN186" si="12">$G$20</f>
        <v>■</v>
      </c>
    </row>
    <row r="185" spans="1:40" s="28" customFormat="1">
      <c r="A185" s="20" t="str">
        <f t="shared" si="10"/>
        <v>SY</v>
      </c>
      <c r="B185" s="20"/>
      <c r="C185" s="541">
        <v>16</v>
      </c>
      <c r="D185" s="542"/>
      <c r="E185" s="543" t="s">
        <v>409</v>
      </c>
      <c r="F185" s="544"/>
      <c r="G185" s="544"/>
      <c r="H185" s="544"/>
      <c r="I185" s="544"/>
      <c r="J185" s="544"/>
      <c r="K185" s="544"/>
      <c r="L185" s="544"/>
      <c r="M185" s="544"/>
      <c r="N185" s="544"/>
      <c r="O185" s="544"/>
      <c r="P185" s="544"/>
      <c r="Q185" s="544"/>
      <c r="R185" s="544"/>
      <c r="S185" s="544"/>
      <c r="T185" s="545"/>
      <c r="U185" s="221" t="s">
        <v>453</v>
      </c>
      <c r="V185" s="546" t="s">
        <v>107</v>
      </c>
      <c r="W185" s="547"/>
      <c r="X185" s="547"/>
      <c r="Y185" s="547"/>
      <c r="Z185" s="548"/>
      <c r="AA185" s="546" t="s">
        <v>102</v>
      </c>
      <c r="AB185" s="547"/>
      <c r="AC185" s="548"/>
      <c r="AD185" s="415">
        <v>6</v>
      </c>
      <c r="AE185" s="415" t="s">
        <v>103</v>
      </c>
      <c r="AF185" s="541"/>
      <c r="AG185" s="542"/>
      <c r="AH185" s="549"/>
      <c r="AI185" s="550"/>
      <c r="AJ185" s="551"/>
      <c r="AK185" s="265"/>
      <c r="AL185" s="334"/>
      <c r="AM185" s="331"/>
      <c r="AN185" s="3" t="str">
        <f t="shared" si="12"/>
        <v>■</v>
      </c>
    </row>
    <row r="186" spans="1:40" s="28" customFormat="1">
      <c r="A186" s="20" t="str">
        <f t="shared" si="10"/>
        <v>SY</v>
      </c>
      <c r="B186" s="20"/>
      <c r="C186" s="541">
        <v>17</v>
      </c>
      <c r="D186" s="542"/>
      <c r="E186" s="543" t="s">
        <v>411</v>
      </c>
      <c r="F186" s="544"/>
      <c r="G186" s="544"/>
      <c r="H186" s="544"/>
      <c r="I186" s="544"/>
      <c r="J186" s="544"/>
      <c r="K186" s="544"/>
      <c r="L186" s="544"/>
      <c r="M186" s="544"/>
      <c r="N186" s="544"/>
      <c r="O186" s="544"/>
      <c r="P186" s="544"/>
      <c r="Q186" s="544"/>
      <c r="R186" s="544"/>
      <c r="S186" s="544"/>
      <c r="T186" s="545"/>
      <c r="U186" s="221" t="s">
        <v>516</v>
      </c>
      <c r="V186" s="546" t="s">
        <v>107</v>
      </c>
      <c r="W186" s="547"/>
      <c r="X186" s="547"/>
      <c r="Y186" s="547"/>
      <c r="Z186" s="548"/>
      <c r="AA186" s="546" t="s">
        <v>102</v>
      </c>
      <c r="AB186" s="547"/>
      <c r="AC186" s="548"/>
      <c r="AD186" s="415">
        <v>6</v>
      </c>
      <c r="AE186" s="415" t="s">
        <v>103</v>
      </c>
      <c r="AF186" s="541"/>
      <c r="AG186" s="542"/>
      <c r="AH186" s="549"/>
      <c r="AI186" s="550"/>
      <c r="AJ186" s="551"/>
      <c r="AK186" s="265"/>
      <c r="AL186" s="329"/>
      <c r="AM186" s="331"/>
      <c r="AN186" s="3" t="str">
        <f t="shared" si="12"/>
        <v>■</v>
      </c>
    </row>
    <row r="187" spans="1:40">
      <c r="A187" s="20" t="str">
        <f>IF(LEN(J187)&gt;0,MID(J187,FIND("（",J187,1)+1,2),A183)</f>
        <v>SY</v>
      </c>
      <c r="B187" s="20"/>
      <c r="V187" s="238"/>
      <c r="W187" s="238"/>
      <c r="X187" s="238"/>
      <c r="Y187" s="238"/>
      <c r="Z187" s="238"/>
      <c r="AA187" s="238"/>
      <c r="AB187" s="238"/>
      <c r="AC187" s="238"/>
      <c r="AD187" s="122"/>
      <c r="AE187" s="122"/>
      <c r="AF187" s="238"/>
      <c r="AG187" s="238"/>
      <c r="AH187" s="238"/>
      <c r="AI187" s="238"/>
      <c r="AJ187" s="238"/>
      <c r="AK187" s="55"/>
      <c r="AL187" s="329"/>
      <c r="AM187" s="16"/>
    </row>
    <row r="188" spans="1:40" s="1" customFormat="1">
      <c r="A188" s="20" t="str">
        <f t="shared" ref="A188:A247" si="13">IF(LEN(J188)&gt;0,MID(J188,FIND("（",J188,1)+1,2),A187)</f>
        <v>SI</v>
      </c>
      <c r="B188" s="20"/>
      <c r="C188" s="52" t="s">
        <v>380</v>
      </c>
      <c r="D188" s="16"/>
      <c r="E188" s="26"/>
      <c r="F188" s="26"/>
      <c r="G188" s="26"/>
      <c r="H188" s="26"/>
      <c r="I188" s="26"/>
      <c r="J188" s="26" t="s">
        <v>603</v>
      </c>
      <c r="K188" s="26"/>
      <c r="L188" s="26"/>
      <c r="M188" s="26"/>
      <c r="N188" s="26"/>
      <c r="O188" s="26"/>
      <c r="P188" s="26"/>
      <c r="Q188" s="26"/>
      <c r="R188" s="26"/>
      <c r="S188" s="26"/>
      <c r="T188" s="26"/>
      <c r="U188" s="26" t="s">
        <v>604</v>
      </c>
      <c r="V188" s="122"/>
      <c r="W188" s="122"/>
      <c r="X188" s="122"/>
      <c r="Y188" s="122"/>
      <c r="Z188" s="122"/>
      <c r="AA188" s="122"/>
      <c r="AB188" s="122"/>
      <c r="AC188" s="122"/>
      <c r="AD188" s="122"/>
      <c r="AE188" s="122"/>
      <c r="AF188" s="122"/>
      <c r="AG188" s="122"/>
      <c r="AH188" s="122"/>
      <c r="AI188" s="122"/>
      <c r="AJ188" s="122"/>
      <c r="AK188" s="26"/>
      <c r="AL188" s="329"/>
      <c r="AM188" s="26"/>
    </row>
    <row r="189" spans="1:40" ht="13.5" customHeight="1">
      <c r="A189" s="20" t="str">
        <f t="shared" si="13"/>
        <v>SI</v>
      </c>
      <c r="B189" s="20"/>
      <c r="C189" s="571" t="s">
        <v>73</v>
      </c>
      <c r="D189" s="573"/>
      <c r="E189" s="571" t="s">
        <v>94</v>
      </c>
      <c r="F189" s="571"/>
      <c r="G189" s="571"/>
      <c r="H189" s="571"/>
      <c r="I189" s="571"/>
      <c r="J189" s="571"/>
      <c r="K189" s="571"/>
      <c r="L189" s="571"/>
      <c r="M189" s="571"/>
      <c r="N189" s="571"/>
      <c r="O189" s="571"/>
      <c r="P189" s="571"/>
      <c r="Q189" s="571"/>
      <c r="R189" s="571"/>
      <c r="S189" s="571"/>
      <c r="T189" s="571"/>
      <c r="U189" s="226" t="s">
        <v>383</v>
      </c>
      <c r="V189" s="574" t="s">
        <v>138</v>
      </c>
      <c r="W189" s="574"/>
      <c r="X189" s="574"/>
      <c r="Y189" s="574"/>
      <c r="Z189" s="574"/>
      <c r="AA189" s="575" t="s">
        <v>415</v>
      </c>
      <c r="AB189" s="576"/>
      <c r="AC189" s="577"/>
      <c r="AD189" s="493" t="s">
        <v>97</v>
      </c>
      <c r="AE189" s="493"/>
      <c r="AF189" s="574" t="s">
        <v>98</v>
      </c>
      <c r="AG189" s="574"/>
      <c r="AH189" s="571" t="s">
        <v>75</v>
      </c>
      <c r="AI189" s="571"/>
      <c r="AJ189" s="571"/>
      <c r="AK189" s="581" t="s">
        <v>159</v>
      </c>
      <c r="AL189" s="329"/>
      <c r="AM189" s="16"/>
    </row>
    <row r="190" spans="1:40">
      <c r="A190" s="20" t="str">
        <f t="shared" si="13"/>
        <v>SI</v>
      </c>
      <c r="B190" s="20"/>
      <c r="C190" s="573"/>
      <c r="D190" s="573"/>
      <c r="E190" s="571"/>
      <c r="F190" s="571"/>
      <c r="G190" s="571"/>
      <c r="H190" s="571"/>
      <c r="I190" s="571"/>
      <c r="J190" s="571"/>
      <c r="K190" s="571"/>
      <c r="L190" s="571"/>
      <c r="M190" s="571"/>
      <c r="N190" s="571"/>
      <c r="O190" s="571"/>
      <c r="P190" s="571"/>
      <c r="Q190" s="571"/>
      <c r="R190" s="571"/>
      <c r="S190" s="571"/>
      <c r="T190" s="571"/>
      <c r="U190" s="227"/>
      <c r="V190" s="574"/>
      <c r="W190" s="574"/>
      <c r="X190" s="574"/>
      <c r="Y190" s="574"/>
      <c r="Z190" s="574"/>
      <c r="AA190" s="578"/>
      <c r="AB190" s="579"/>
      <c r="AC190" s="580"/>
      <c r="AD190" s="493"/>
      <c r="AE190" s="493"/>
      <c r="AF190" s="574"/>
      <c r="AG190" s="574"/>
      <c r="AH190" s="571"/>
      <c r="AI190" s="571"/>
      <c r="AJ190" s="571"/>
      <c r="AK190" s="582"/>
      <c r="AL190" s="330"/>
      <c r="AM190" s="16"/>
    </row>
    <row r="191" spans="1:40" ht="13.4" customHeight="1">
      <c r="A191" s="20" t="str">
        <f t="shared" si="13"/>
        <v>SI</v>
      </c>
      <c r="B191" s="20"/>
      <c r="C191" s="541">
        <v>1</v>
      </c>
      <c r="D191" s="542"/>
      <c r="E191" s="563" t="s">
        <v>440</v>
      </c>
      <c r="F191" s="564"/>
      <c r="G191" s="564"/>
      <c r="H191" s="564"/>
      <c r="I191" s="564"/>
      <c r="J191" s="564"/>
      <c r="K191" s="564"/>
      <c r="L191" s="564"/>
      <c r="M191" s="564"/>
      <c r="N191" s="564"/>
      <c r="O191" s="564"/>
      <c r="P191" s="564"/>
      <c r="Q191" s="564"/>
      <c r="R191" s="564"/>
      <c r="S191" s="564"/>
      <c r="T191" s="565"/>
      <c r="U191" s="219" t="s">
        <v>441</v>
      </c>
      <c r="V191" s="546" t="s">
        <v>101</v>
      </c>
      <c r="W191" s="547"/>
      <c r="X191" s="547"/>
      <c r="Y191" s="547"/>
      <c r="Z191" s="548"/>
      <c r="AA191" s="546" t="s">
        <v>102</v>
      </c>
      <c r="AB191" s="547"/>
      <c r="AC191" s="548"/>
      <c r="AD191" s="414">
        <v>10</v>
      </c>
      <c r="AE191" s="415" t="s">
        <v>103</v>
      </c>
      <c r="AF191" s="541"/>
      <c r="AG191" s="542"/>
      <c r="AH191" s="549"/>
      <c r="AI191" s="550"/>
      <c r="AJ191" s="551"/>
      <c r="AK191" s="335"/>
      <c r="AL191" s="330"/>
      <c r="AM191" s="16"/>
      <c r="AN191" s="3" t="str">
        <f>$J$20</f>
        <v>■</v>
      </c>
    </row>
    <row r="192" spans="1:40" ht="13.4" customHeight="1">
      <c r="A192" s="20" t="str">
        <f t="shared" si="13"/>
        <v>SI</v>
      </c>
      <c r="B192" s="20"/>
      <c r="C192" s="541">
        <v>2</v>
      </c>
      <c r="D192" s="542"/>
      <c r="E192" s="563" t="s">
        <v>442</v>
      </c>
      <c r="F192" s="564"/>
      <c r="G192" s="564"/>
      <c r="H192" s="564"/>
      <c r="I192" s="564"/>
      <c r="J192" s="564"/>
      <c r="K192" s="564"/>
      <c r="L192" s="564"/>
      <c r="M192" s="564"/>
      <c r="N192" s="564"/>
      <c r="O192" s="564"/>
      <c r="P192" s="564"/>
      <c r="Q192" s="564"/>
      <c r="R192" s="564"/>
      <c r="S192" s="564"/>
      <c r="T192" s="565"/>
      <c r="U192" s="219" t="s">
        <v>443</v>
      </c>
      <c r="V192" s="546" t="s">
        <v>101</v>
      </c>
      <c r="W192" s="547"/>
      <c r="X192" s="547"/>
      <c r="Y192" s="547"/>
      <c r="Z192" s="548"/>
      <c r="AA192" s="546" t="s">
        <v>102</v>
      </c>
      <c r="AB192" s="547"/>
      <c r="AC192" s="548"/>
      <c r="AD192" s="414">
        <v>51</v>
      </c>
      <c r="AE192" s="415" t="s">
        <v>103</v>
      </c>
      <c r="AF192" s="541"/>
      <c r="AG192" s="542"/>
      <c r="AH192" s="549"/>
      <c r="AI192" s="550"/>
      <c r="AJ192" s="551"/>
      <c r="AK192" s="335"/>
      <c r="AL192" s="329"/>
      <c r="AM192" s="16"/>
      <c r="AN192" s="3" t="str">
        <f t="shared" ref="AN192:AN247" si="14">$J$20</f>
        <v>■</v>
      </c>
    </row>
    <row r="193" spans="1:40" s="28" customFormat="1" ht="13.4" customHeight="1">
      <c r="A193" s="20" t="str">
        <f t="shared" si="13"/>
        <v>SI</v>
      </c>
      <c r="B193" s="20"/>
      <c r="C193" s="552">
        <v>3</v>
      </c>
      <c r="D193" s="553"/>
      <c r="E193" s="566" t="s">
        <v>106</v>
      </c>
      <c r="F193" s="567"/>
      <c r="G193" s="567"/>
      <c r="H193" s="567"/>
      <c r="I193" s="567"/>
      <c r="J193" s="567"/>
      <c r="K193" s="567"/>
      <c r="L193" s="567"/>
      <c r="M193" s="567"/>
      <c r="N193" s="567"/>
      <c r="O193" s="567"/>
      <c r="P193" s="567"/>
      <c r="Q193" s="567"/>
      <c r="R193" s="567"/>
      <c r="S193" s="567"/>
      <c r="T193" s="568"/>
      <c r="U193" s="220" t="s">
        <v>444</v>
      </c>
      <c r="V193" s="557" t="s">
        <v>107</v>
      </c>
      <c r="W193" s="558"/>
      <c r="X193" s="558"/>
      <c r="Y193" s="558"/>
      <c r="Z193" s="559"/>
      <c r="AA193" s="557" t="s">
        <v>108</v>
      </c>
      <c r="AB193" s="558"/>
      <c r="AC193" s="559"/>
      <c r="AD193" s="401">
        <v>1</v>
      </c>
      <c r="AE193" s="419">
        <v>0</v>
      </c>
      <c r="AF193" s="552" t="s">
        <v>109</v>
      </c>
      <c r="AG193" s="553"/>
      <c r="AH193" s="560"/>
      <c r="AI193" s="561"/>
      <c r="AJ193" s="562"/>
      <c r="AK193" s="321" t="s">
        <v>391</v>
      </c>
      <c r="AL193" s="329"/>
      <c r="AM193" s="331"/>
      <c r="AN193" s="3" t="str">
        <f t="shared" si="14"/>
        <v>■</v>
      </c>
    </row>
    <row r="194" spans="1:40" s="28" customFormat="1" ht="13.4" customHeight="1">
      <c r="A194" s="20" t="str">
        <f t="shared" si="13"/>
        <v>SI</v>
      </c>
      <c r="B194" s="20"/>
      <c r="C194" s="541">
        <v>4</v>
      </c>
      <c r="D194" s="542"/>
      <c r="E194" s="563" t="s">
        <v>110</v>
      </c>
      <c r="F194" s="564"/>
      <c r="G194" s="564"/>
      <c r="H194" s="564"/>
      <c r="I194" s="564"/>
      <c r="J194" s="564"/>
      <c r="K194" s="564"/>
      <c r="L194" s="564"/>
      <c r="M194" s="564"/>
      <c r="N194" s="564"/>
      <c r="O194" s="564"/>
      <c r="P194" s="564"/>
      <c r="Q194" s="564"/>
      <c r="R194" s="564"/>
      <c r="S194" s="564"/>
      <c r="T194" s="565"/>
      <c r="U194" s="221" t="s">
        <v>445</v>
      </c>
      <c r="V194" s="546" t="s">
        <v>107</v>
      </c>
      <c r="W194" s="547"/>
      <c r="X194" s="547"/>
      <c r="Y194" s="547"/>
      <c r="Z194" s="548"/>
      <c r="AA194" s="546" t="s">
        <v>108</v>
      </c>
      <c r="AB194" s="547"/>
      <c r="AC194" s="548"/>
      <c r="AD194" s="405">
        <v>1</v>
      </c>
      <c r="AE194" s="415">
        <v>0</v>
      </c>
      <c r="AF194" s="541"/>
      <c r="AG194" s="542"/>
      <c r="AH194" s="549"/>
      <c r="AI194" s="550"/>
      <c r="AJ194" s="551"/>
      <c r="AK194" s="265"/>
      <c r="AL194" s="329"/>
      <c r="AM194" s="331"/>
      <c r="AN194" s="3" t="str">
        <f t="shared" si="14"/>
        <v>■</v>
      </c>
    </row>
    <row r="195" spans="1:40" ht="13.4" customHeight="1">
      <c r="A195" s="20" t="str">
        <f t="shared" si="13"/>
        <v>SI</v>
      </c>
      <c r="B195" s="20"/>
      <c r="C195" s="541">
        <v>5</v>
      </c>
      <c r="D195" s="542"/>
      <c r="E195" s="543" t="s">
        <v>80</v>
      </c>
      <c r="F195" s="544"/>
      <c r="G195" s="544"/>
      <c r="H195" s="544"/>
      <c r="I195" s="544"/>
      <c r="J195" s="544"/>
      <c r="K195" s="544"/>
      <c r="L195" s="544"/>
      <c r="M195" s="544"/>
      <c r="N195" s="544"/>
      <c r="O195" s="544"/>
      <c r="P195" s="544"/>
      <c r="Q195" s="544"/>
      <c r="R195" s="544"/>
      <c r="S195" s="544"/>
      <c r="T195" s="545"/>
      <c r="U195" s="221" t="s">
        <v>446</v>
      </c>
      <c r="V195" s="546" t="s">
        <v>101</v>
      </c>
      <c r="W195" s="547"/>
      <c r="X195" s="547"/>
      <c r="Y195" s="547"/>
      <c r="Z195" s="548"/>
      <c r="AA195" s="546" t="s">
        <v>102</v>
      </c>
      <c r="AB195" s="547"/>
      <c r="AC195" s="548"/>
      <c r="AD195" s="405">
        <v>2</v>
      </c>
      <c r="AE195" s="415" t="s">
        <v>103</v>
      </c>
      <c r="AF195" s="541"/>
      <c r="AG195" s="542"/>
      <c r="AH195" s="549"/>
      <c r="AI195" s="550"/>
      <c r="AJ195" s="551"/>
      <c r="AK195" s="265"/>
      <c r="AL195" s="329"/>
      <c r="AM195" s="16"/>
      <c r="AN195" s="3" t="str">
        <f t="shared" si="14"/>
        <v>■</v>
      </c>
    </row>
    <row r="196" spans="1:40" ht="13.4" customHeight="1">
      <c r="A196" s="20" t="str">
        <f t="shared" si="13"/>
        <v>SI</v>
      </c>
      <c r="B196" s="20"/>
      <c r="C196" s="541">
        <v>6</v>
      </c>
      <c r="D196" s="542"/>
      <c r="E196" s="543" t="s">
        <v>172</v>
      </c>
      <c r="F196" s="544"/>
      <c r="G196" s="544"/>
      <c r="H196" s="544"/>
      <c r="I196" s="544"/>
      <c r="J196" s="544"/>
      <c r="K196" s="544"/>
      <c r="L196" s="544"/>
      <c r="M196" s="544"/>
      <c r="N196" s="544"/>
      <c r="O196" s="544"/>
      <c r="P196" s="544"/>
      <c r="Q196" s="544"/>
      <c r="R196" s="544"/>
      <c r="S196" s="544"/>
      <c r="T196" s="545"/>
      <c r="U196" s="221" t="s">
        <v>605</v>
      </c>
      <c r="V196" s="546" t="s">
        <v>107</v>
      </c>
      <c r="W196" s="547"/>
      <c r="X196" s="547"/>
      <c r="Y196" s="547"/>
      <c r="Z196" s="548"/>
      <c r="AA196" s="546" t="s">
        <v>102</v>
      </c>
      <c r="AB196" s="547"/>
      <c r="AC196" s="548"/>
      <c r="AD196" s="405">
        <v>2</v>
      </c>
      <c r="AE196" s="415" t="s">
        <v>103</v>
      </c>
      <c r="AF196" s="541"/>
      <c r="AG196" s="542"/>
      <c r="AH196" s="549"/>
      <c r="AI196" s="550"/>
      <c r="AJ196" s="551"/>
      <c r="AK196" s="265"/>
      <c r="AL196" s="329"/>
      <c r="AM196" s="16"/>
      <c r="AN196" s="3" t="str">
        <f t="shared" si="14"/>
        <v>■</v>
      </c>
    </row>
    <row r="197" spans="1:40" ht="13.4" customHeight="1">
      <c r="A197" s="20" t="str">
        <f t="shared" si="13"/>
        <v>SI</v>
      </c>
      <c r="B197" s="20"/>
      <c r="C197" s="541">
        <v>7</v>
      </c>
      <c r="D197" s="542"/>
      <c r="E197" s="543" t="s">
        <v>606</v>
      </c>
      <c r="F197" s="544"/>
      <c r="G197" s="544"/>
      <c r="H197" s="544"/>
      <c r="I197" s="544"/>
      <c r="J197" s="544"/>
      <c r="K197" s="544"/>
      <c r="L197" s="544"/>
      <c r="M197" s="544"/>
      <c r="N197" s="544"/>
      <c r="O197" s="544"/>
      <c r="P197" s="544"/>
      <c r="Q197" s="544"/>
      <c r="R197" s="544"/>
      <c r="S197" s="544"/>
      <c r="T197" s="545"/>
      <c r="U197" s="221" t="s">
        <v>607</v>
      </c>
      <c r="V197" s="546" t="s">
        <v>101</v>
      </c>
      <c r="W197" s="547"/>
      <c r="X197" s="547"/>
      <c r="Y197" s="547"/>
      <c r="Z197" s="548"/>
      <c r="AA197" s="546" t="s">
        <v>102</v>
      </c>
      <c r="AB197" s="547"/>
      <c r="AC197" s="548"/>
      <c r="AD197" s="405">
        <v>1</v>
      </c>
      <c r="AE197" s="415" t="s">
        <v>103</v>
      </c>
      <c r="AF197" s="541"/>
      <c r="AG197" s="542"/>
      <c r="AH197" s="549"/>
      <c r="AI197" s="550"/>
      <c r="AJ197" s="551"/>
      <c r="AK197" s="265"/>
      <c r="AL197" s="329"/>
      <c r="AM197" s="16"/>
      <c r="AN197" s="3" t="str">
        <f t="shared" si="14"/>
        <v>■</v>
      </c>
    </row>
    <row r="198" spans="1:40" ht="13.4" customHeight="1">
      <c r="A198" s="20" t="str">
        <f t="shared" si="13"/>
        <v>SI</v>
      </c>
      <c r="B198" s="20"/>
      <c r="C198" s="541">
        <v>8</v>
      </c>
      <c r="D198" s="542"/>
      <c r="E198" s="543" t="s">
        <v>608</v>
      </c>
      <c r="F198" s="544"/>
      <c r="G198" s="544"/>
      <c r="H198" s="544"/>
      <c r="I198" s="544"/>
      <c r="J198" s="544"/>
      <c r="K198" s="544"/>
      <c r="L198" s="544"/>
      <c r="M198" s="544"/>
      <c r="N198" s="544"/>
      <c r="O198" s="544"/>
      <c r="P198" s="544"/>
      <c r="Q198" s="544"/>
      <c r="R198" s="544"/>
      <c r="S198" s="544"/>
      <c r="T198" s="545"/>
      <c r="U198" s="221" t="s">
        <v>609</v>
      </c>
      <c r="V198" s="546" t="s">
        <v>107</v>
      </c>
      <c r="W198" s="547"/>
      <c r="X198" s="547"/>
      <c r="Y198" s="547"/>
      <c r="Z198" s="548"/>
      <c r="AA198" s="546" t="s">
        <v>102</v>
      </c>
      <c r="AB198" s="547"/>
      <c r="AC198" s="548"/>
      <c r="AD198" s="405">
        <v>9</v>
      </c>
      <c r="AE198" s="415" t="s">
        <v>103</v>
      </c>
      <c r="AF198" s="541"/>
      <c r="AG198" s="542"/>
      <c r="AH198" s="549"/>
      <c r="AI198" s="550"/>
      <c r="AJ198" s="551"/>
      <c r="AK198" s="265"/>
      <c r="AL198" s="329"/>
      <c r="AM198" s="16"/>
      <c r="AN198" s="3" t="str">
        <f t="shared" si="14"/>
        <v>■</v>
      </c>
    </row>
    <row r="199" spans="1:40" ht="13.4" customHeight="1">
      <c r="A199" s="20" t="str">
        <f t="shared" si="13"/>
        <v>SI</v>
      </c>
      <c r="B199" s="20"/>
      <c r="C199" s="541">
        <v>9</v>
      </c>
      <c r="D199" s="542"/>
      <c r="E199" s="543" t="s">
        <v>610</v>
      </c>
      <c r="F199" s="544"/>
      <c r="G199" s="544"/>
      <c r="H199" s="544"/>
      <c r="I199" s="544"/>
      <c r="J199" s="544"/>
      <c r="K199" s="544"/>
      <c r="L199" s="544"/>
      <c r="M199" s="544"/>
      <c r="N199" s="544"/>
      <c r="O199" s="544"/>
      <c r="P199" s="544"/>
      <c r="Q199" s="544"/>
      <c r="R199" s="544"/>
      <c r="S199" s="544"/>
      <c r="T199" s="545"/>
      <c r="U199" s="221" t="s">
        <v>611</v>
      </c>
      <c r="V199" s="546" t="s">
        <v>107</v>
      </c>
      <c r="W199" s="547"/>
      <c r="X199" s="547"/>
      <c r="Y199" s="547"/>
      <c r="Z199" s="548"/>
      <c r="AA199" s="546" t="s">
        <v>108</v>
      </c>
      <c r="AB199" s="547"/>
      <c r="AC199" s="548"/>
      <c r="AD199" s="405">
        <v>8</v>
      </c>
      <c r="AE199" s="415">
        <v>0</v>
      </c>
      <c r="AF199" s="541"/>
      <c r="AG199" s="542"/>
      <c r="AH199" s="549"/>
      <c r="AI199" s="550"/>
      <c r="AJ199" s="551"/>
      <c r="AK199" s="265"/>
      <c r="AL199" s="329"/>
      <c r="AM199" s="16"/>
      <c r="AN199" s="3" t="str">
        <f t="shared" si="14"/>
        <v>■</v>
      </c>
    </row>
    <row r="200" spans="1:40" ht="13.4" customHeight="1">
      <c r="A200" s="20" t="str">
        <f t="shared" si="13"/>
        <v>SI</v>
      </c>
      <c r="B200" s="20"/>
      <c r="C200" s="541">
        <v>10</v>
      </c>
      <c r="D200" s="542"/>
      <c r="E200" s="543" t="s">
        <v>612</v>
      </c>
      <c r="F200" s="544"/>
      <c r="G200" s="544"/>
      <c r="H200" s="544"/>
      <c r="I200" s="544"/>
      <c r="J200" s="544"/>
      <c r="K200" s="544"/>
      <c r="L200" s="544"/>
      <c r="M200" s="544"/>
      <c r="N200" s="544"/>
      <c r="O200" s="544"/>
      <c r="P200" s="544"/>
      <c r="Q200" s="544"/>
      <c r="R200" s="544"/>
      <c r="S200" s="544"/>
      <c r="T200" s="545"/>
      <c r="U200" s="221" t="s">
        <v>613</v>
      </c>
      <c r="V200" s="546" t="s">
        <v>107</v>
      </c>
      <c r="W200" s="547"/>
      <c r="X200" s="547"/>
      <c r="Y200" s="547"/>
      <c r="Z200" s="548"/>
      <c r="AA200" s="546" t="s">
        <v>108</v>
      </c>
      <c r="AB200" s="547"/>
      <c r="AC200" s="548"/>
      <c r="AD200" s="405">
        <v>7</v>
      </c>
      <c r="AE200" s="415">
        <v>0</v>
      </c>
      <c r="AF200" s="541"/>
      <c r="AG200" s="542"/>
      <c r="AH200" s="549"/>
      <c r="AI200" s="550"/>
      <c r="AJ200" s="551"/>
      <c r="AK200" s="265"/>
      <c r="AL200" s="330"/>
      <c r="AM200" s="16"/>
      <c r="AN200" s="3" t="str">
        <f t="shared" si="14"/>
        <v>■</v>
      </c>
    </row>
    <row r="201" spans="1:40" ht="13.4" customHeight="1">
      <c r="A201" s="20" t="str">
        <f t="shared" si="13"/>
        <v>SI</v>
      </c>
      <c r="B201" s="20"/>
      <c r="C201" s="541">
        <v>11</v>
      </c>
      <c r="D201" s="542"/>
      <c r="E201" s="543" t="s">
        <v>614</v>
      </c>
      <c r="F201" s="544"/>
      <c r="G201" s="544"/>
      <c r="H201" s="544"/>
      <c r="I201" s="544"/>
      <c r="J201" s="544"/>
      <c r="K201" s="544"/>
      <c r="L201" s="544"/>
      <c r="M201" s="544"/>
      <c r="N201" s="544"/>
      <c r="O201" s="544"/>
      <c r="P201" s="544"/>
      <c r="Q201" s="544"/>
      <c r="R201" s="544"/>
      <c r="S201" s="544"/>
      <c r="T201" s="545"/>
      <c r="U201" s="221" t="s">
        <v>557</v>
      </c>
      <c r="V201" s="546" t="s">
        <v>107</v>
      </c>
      <c r="W201" s="547"/>
      <c r="X201" s="547"/>
      <c r="Y201" s="547"/>
      <c r="Z201" s="548"/>
      <c r="AA201" s="546" t="s">
        <v>108</v>
      </c>
      <c r="AB201" s="547"/>
      <c r="AC201" s="548"/>
      <c r="AD201" s="405">
        <v>3</v>
      </c>
      <c r="AE201" s="415">
        <v>0</v>
      </c>
      <c r="AF201" s="541"/>
      <c r="AG201" s="542"/>
      <c r="AH201" s="549"/>
      <c r="AI201" s="550"/>
      <c r="AJ201" s="551"/>
      <c r="AK201" s="265"/>
      <c r="AL201" s="330"/>
      <c r="AM201" s="16"/>
      <c r="AN201" s="3" t="str">
        <f t="shared" si="14"/>
        <v>■</v>
      </c>
    </row>
    <row r="202" spans="1:40" ht="13.4" customHeight="1">
      <c r="A202" s="20" t="str">
        <f t="shared" si="13"/>
        <v>SI</v>
      </c>
      <c r="B202" s="20"/>
      <c r="C202" s="541">
        <v>12</v>
      </c>
      <c r="D202" s="542"/>
      <c r="E202" s="543" t="s">
        <v>615</v>
      </c>
      <c r="F202" s="544"/>
      <c r="G202" s="544"/>
      <c r="H202" s="544"/>
      <c r="I202" s="544"/>
      <c r="J202" s="544"/>
      <c r="K202" s="544"/>
      <c r="L202" s="544"/>
      <c r="M202" s="544"/>
      <c r="N202" s="544"/>
      <c r="O202" s="544"/>
      <c r="P202" s="544"/>
      <c r="Q202" s="544"/>
      <c r="R202" s="544"/>
      <c r="S202" s="544"/>
      <c r="T202" s="545"/>
      <c r="U202" s="221" t="s">
        <v>616</v>
      </c>
      <c r="V202" s="546" t="s">
        <v>107</v>
      </c>
      <c r="W202" s="547"/>
      <c r="X202" s="547"/>
      <c r="Y202" s="547"/>
      <c r="Z202" s="548"/>
      <c r="AA202" s="546" t="s">
        <v>102</v>
      </c>
      <c r="AB202" s="547"/>
      <c r="AC202" s="548"/>
      <c r="AD202" s="405">
        <v>9</v>
      </c>
      <c r="AE202" s="415" t="s">
        <v>103</v>
      </c>
      <c r="AF202" s="541"/>
      <c r="AG202" s="542"/>
      <c r="AH202" s="549"/>
      <c r="AI202" s="550"/>
      <c r="AJ202" s="551"/>
      <c r="AK202" s="265"/>
      <c r="AL202" s="330"/>
      <c r="AM202" s="16"/>
      <c r="AN202" s="3" t="str">
        <f t="shared" si="14"/>
        <v>■</v>
      </c>
    </row>
    <row r="203" spans="1:40" s="28" customFormat="1" ht="13.4" customHeight="1">
      <c r="A203" s="20" t="str">
        <f t="shared" si="13"/>
        <v>SI</v>
      </c>
      <c r="B203" s="20"/>
      <c r="C203" s="552">
        <v>13</v>
      </c>
      <c r="D203" s="553"/>
      <c r="E203" s="554" t="s">
        <v>617</v>
      </c>
      <c r="F203" s="555"/>
      <c r="G203" s="555"/>
      <c r="H203" s="555"/>
      <c r="I203" s="555"/>
      <c r="J203" s="555"/>
      <c r="K203" s="555"/>
      <c r="L203" s="555"/>
      <c r="M203" s="555"/>
      <c r="N203" s="555"/>
      <c r="O203" s="555"/>
      <c r="P203" s="555"/>
      <c r="Q203" s="555"/>
      <c r="R203" s="555"/>
      <c r="S203" s="555"/>
      <c r="T203" s="556"/>
      <c r="U203" s="259" t="s">
        <v>618</v>
      </c>
      <c r="V203" s="557" t="s">
        <v>398</v>
      </c>
      <c r="W203" s="558"/>
      <c r="X203" s="558"/>
      <c r="Y203" s="558"/>
      <c r="Z203" s="559"/>
      <c r="AA203" s="557" t="s">
        <v>102</v>
      </c>
      <c r="AB203" s="558"/>
      <c r="AC203" s="559"/>
      <c r="AD203" s="401">
        <v>50</v>
      </c>
      <c r="AE203" s="419" t="s">
        <v>103</v>
      </c>
      <c r="AF203" s="552" t="s">
        <v>109</v>
      </c>
      <c r="AG203" s="553"/>
      <c r="AH203" s="560"/>
      <c r="AI203" s="561"/>
      <c r="AJ203" s="562"/>
      <c r="AK203" s="333" t="s">
        <v>399</v>
      </c>
      <c r="AL203" s="330"/>
      <c r="AM203" s="331"/>
      <c r="AN203" s="3" t="str">
        <f t="shared" si="14"/>
        <v>■</v>
      </c>
    </row>
    <row r="204" spans="1:40" s="28" customFormat="1" ht="13.4" customHeight="1">
      <c r="A204" s="20" t="str">
        <f t="shared" si="13"/>
        <v>SI</v>
      </c>
      <c r="B204" s="20"/>
      <c r="C204" s="541">
        <v>14</v>
      </c>
      <c r="D204" s="542"/>
      <c r="E204" s="543" t="s">
        <v>619</v>
      </c>
      <c r="F204" s="544"/>
      <c r="G204" s="544"/>
      <c r="H204" s="544"/>
      <c r="I204" s="544"/>
      <c r="J204" s="544"/>
      <c r="K204" s="544"/>
      <c r="L204" s="544"/>
      <c r="M204" s="544"/>
      <c r="N204" s="544"/>
      <c r="O204" s="544"/>
      <c r="P204" s="544"/>
      <c r="Q204" s="544"/>
      <c r="R204" s="544"/>
      <c r="S204" s="544"/>
      <c r="T204" s="545"/>
      <c r="U204" s="221" t="s">
        <v>620</v>
      </c>
      <c r="V204" s="546" t="s">
        <v>107</v>
      </c>
      <c r="W204" s="547"/>
      <c r="X204" s="547"/>
      <c r="Y204" s="547"/>
      <c r="Z204" s="548"/>
      <c r="AA204" s="546" t="s">
        <v>102</v>
      </c>
      <c r="AB204" s="547"/>
      <c r="AC204" s="548"/>
      <c r="AD204" s="405">
        <v>9</v>
      </c>
      <c r="AE204" s="415" t="s">
        <v>103</v>
      </c>
      <c r="AF204" s="541"/>
      <c r="AG204" s="542"/>
      <c r="AH204" s="549"/>
      <c r="AI204" s="550"/>
      <c r="AJ204" s="551"/>
      <c r="AK204" s="265"/>
      <c r="AL204" s="330"/>
      <c r="AM204" s="331"/>
      <c r="AN204" s="3" t="str">
        <f t="shared" si="14"/>
        <v>■</v>
      </c>
    </row>
    <row r="205" spans="1:40" s="28" customFormat="1" ht="13.4" customHeight="1">
      <c r="A205" s="20" t="str">
        <f t="shared" si="13"/>
        <v>SI</v>
      </c>
      <c r="B205" s="20"/>
      <c r="C205" s="552">
        <v>15</v>
      </c>
      <c r="D205" s="553"/>
      <c r="E205" s="554" t="s">
        <v>621</v>
      </c>
      <c r="F205" s="555"/>
      <c r="G205" s="555"/>
      <c r="H205" s="555"/>
      <c r="I205" s="555"/>
      <c r="J205" s="555"/>
      <c r="K205" s="555"/>
      <c r="L205" s="555"/>
      <c r="M205" s="555"/>
      <c r="N205" s="555"/>
      <c r="O205" s="555"/>
      <c r="P205" s="555"/>
      <c r="Q205" s="555"/>
      <c r="R205" s="555"/>
      <c r="S205" s="555"/>
      <c r="T205" s="556"/>
      <c r="U205" s="259" t="s">
        <v>622</v>
      </c>
      <c r="V205" s="557" t="s">
        <v>398</v>
      </c>
      <c r="W205" s="558"/>
      <c r="X205" s="558"/>
      <c r="Y205" s="558"/>
      <c r="Z205" s="559"/>
      <c r="AA205" s="557" t="s">
        <v>102</v>
      </c>
      <c r="AB205" s="558"/>
      <c r="AC205" s="559"/>
      <c r="AD205" s="401">
        <v>50</v>
      </c>
      <c r="AE205" s="419" t="s">
        <v>103</v>
      </c>
      <c r="AF205" s="552" t="s">
        <v>109</v>
      </c>
      <c r="AG205" s="553"/>
      <c r="AH205" s="560"/>
      <c r="AI205" s="561"/>
      <c r="AJ205" s="562"/>
      <c r="AK205" s="333" t="s">
        <v>399</v>
      </c>
      <c r="AL205" s="329"/>
      <c r="AM205" s="331"/>
      <c r="AN205" s="3" t="str">
        <f t="shared" si="14"/>
        <v>■</v>
      </c>
    </row>
    <row r="206" spans="1:40" s="28" customFormat="1" ht="13.4" customHeight="1">
      <c r="A206" s="20" t="str">
        <f t="shared" si="13"/>
        <v>SI</v>
      </c>
      <c r="B206" s="20"/>
      <c r="C206" s="541">
        <v>16</v>
      </c>
      <c r="D206" s="542"/>
      <c r="E206" s="543" t="s">
        <v>623</v>
      </c>
      <c r="F206" s="544"/>
      <c r="G206" s="544"/>
      <c r="H206" s="544"/>
      <c r="I206" s="544"/>
      <c r="J206" s="544"/>
      <c r="K206" s="544"/>
      <c r="L206" s="544"/>
      <c r="M206" s="544"/>
      <c r="N206" s="544"/>
      <c r="O206" s="544"/>
      <c r="P206" s="544"/>
      <c r="Q206" s="544"/>
      <c r="R206" s="544"/>
      <c r="S206" s="544"/>
      <c r="T206" s="545"/>
      <c r="U206" s="221" t="s">
        <v>624</v>
      </c>
      <c r="V206" s="546" t="s">
        <v>107</v>
      </c>
      <c r="W206" s="547"/>
      <c r="X206" s="547"/>
      <c r="Y206" s="547"/>
      <c r="Z206" s="548"/>
      <c r="AA206" s="546" t="s">
        <v>102</v>
      </c>
      <c r="AB206" s="547"/>
      <c r="AC206" s="548"/>
      <c r="AD206" s="405">
        <v>9</v>
      </c>
      <c r="AE206" s="415" t="s">
        <v>103</v>
      </c>
      <c r="AF206" s="541"/>
      <c r="AG206" s="542"/>
      <c r="AH206" s="549"/>
      <c r="AI206" s="550"/>
      <c r="AJ206" s="551"/>
      <c r="AK206" s="265"/>
      <c r="AL206" s="329"/>
      <c r="AM206" s="331"/>
      <c r="AN206" s="3" t="str">
        <f t="shared" si="14"/>
        <v>■</v>
      </c>
    </row>
    <row r="207" spans="1:40" s="28" customFormat="1" ht="13.4" customHeight="1">
      <c r="A207" s="20" t="str">
        <f t="shared" si="13"/>
        <v>SI</v>
      </c>
      <c r="B207" s="20"/>
      <c r="C207" s="552">
        <v>17</v>
      </c>
      <c r="D207" s="553"/>
      <c r="E207" s="554" t="s">
        <v>625</v>
      </c>
      <c r="F207" s="555"/>
      <c r="G207" s="555"/>
      <c r="H207" s="555"/>
      <c r="I207" s="555"/>
      <c r="J207" s="555"/>
      <c r="K207" s="555"/>
      <c r="L207" s="555"/>
      <c r="M207" s="555"/>
      <c r="N207" s="555"/>
      <c r="O207" s="555"/>
      <c r="P207" s="555"/>
      <c r="Q207" s="555"/>
      <c r="R207" s="555"/>
      <c r="S207" s="555"/>
      <c r="T207" s="556"/>
      <c r="U207" s="259" t="s">
        <v>626</v>
      </c>
      <c r="V207" s="557" t="s">
        <v>398</v>
      </c>
      <c r="W207" s="558"/>
      <c r="X207" s="558"/>
      <c r="Y207" s="558"/>
      <c r="Z207" s="559"/>
      <c r="AA207" s="557" t="s">
        <v>102</v>
      </c>
      <c r="AB207" s="558"/>
      <c r="AC207" s="559"/>
      <c r="AD207" s="401">
        <v>50</v>
      </c>
      <c r="AE207" s="419" t="s">
        <v>103</v>
      </c>
      <c r="AF207" s="552" t="s">
        <v>109</v>
      </c>
      <c r="AG207" s="553"/>
      <c r="AH207" s="560"/>
      <c r="AI207" s="561"/>
      <c r="AJ207" s="562"/>
      <c r="AK207" s="333" t="s">
        <v>399</v>
      </c>
      <c r="AL207" s="329"/>
      <c r="AM207" s="331"/>
      <c r="AN207" s="3" t="str">
        <f t="shared" si="14"/>
        <v>■</v>
      </c>
    </row>
    <row r="208" spans="1:40" ht="13.4" customHeight="1">
      <c r="A208" s="20" t="str">
        <f t="shared" si="13"/>
        <v>SI</v>
      </c>
      <c r="B208" s="20"/>
      <c r="C208" s="541">
        <v>18</v>
      </c>
      <c r="D208" s="542"/>
      <c r="E208" s="543" t="s">
        <v>627</v>
      </c>
      <c r="F208" s="544"/>
      <c r="G208" s="544"/>
      <c r="H208" s="544"/>
      <c r="I208" s="544"/>
      <c r="J208" s="544"/>
      <c r="K208" s="544"/>
      <c r="L208" s="544"/>
      <c r="M208" s="544"/>
      <c r="N208" s="544"/>
      <c r="O208" s="544"/>
      <c r="P208" s="544"/>
      <c r="Q208" s="544"/>
      <c r="R208" s="544"/>
      <c r="S208" s="544"/>
      <c r="T208" s="545"/>
      <c r="U208" s="221" t="s">
        <v>628</v>
      </c>
      <c r="V208" s="546" t="s">
        <v>107</v>
      </c>
      <c r="W208" s="547"/>
      <c r="X208" s="547"/>
      <c r="Y208" s="547"/>
      <c r="Z208" s="548"/>
      <c r="AA208" s="546" t="s">
        <v>108</v>
      </c>
      <c r="AB208" s="547"/>
      <c r="AC208" s="548"/>
      <c r="AD208" s="405">
        <v>3</v>
      </c>
      <c r="AE208" s="415">
        <v>0</v>
      </c>
      <c r="AF208" s="541"/>
      <c r="AG208" s="542"/>
      <c r="AH208" s="549"/>
      <c r="AI208" s="550"/>
      <c r="AJ208" s="551"/>
      <c r="AK208" s="265"/>
      <c r="AL208" s="329"/>
      <c r="AM208" s="16"/>
      <c r="AN208" s="3" t="str">
        <f t="shared" si="14"/>
        <v>■</v>
      </c>
    </row>
    <row r="209" spans="1:40" ht="13.4" customHeight="1">
      <c r="A209" s="20" t="str">
        <f t="shared" si="13"/>
        <v>SI</v>
      </c>
      <c r="B209" s="20"/>
      <c r="C209" s="541">
        <v>19</v>
      </c>
      <c r="D209" s="542"/>
      <c r="E209" s="543" t="s">
        <v>629</v>
      </c>
      <c r="F209" s="544"/>
      <c r="G209" s="544"/>
      <c r="H209" s="544"/>
      <c r="I209" s="544"/>
      <c r="J209" s="544"/>
      <c r="K209" s="544"/>
      <c r="L209" s="544"/>
      <c r="M209" s="544"/>
      <c r="N209" s="544"/>
      <c r="O209" s="544"/>
      <c r="P209" s="544"/>
      <c r="Q209" s="544"/>
      <c r="R209" s="544"/>
      <c r="S209" s="544"/>
      <c r="T209" s="545"/>
      <c r="U209" s="221" t="s">
        <v>630</v>
      </c>
      <c r="V209" s="546" t="s">
        <v>107</v>
      </c>
      <c r="W209" s="547"/>
      <c r="X209" s="547"/>
      <c r="Y209" s="547"/>
      <c r="Z209" s="548"/>
      <c r="AA209" s="546" t="s">
        <v>108</v>
      </c>
      <c r="AB209" s="547"/>
      <c r="AC209" s="548"/>
      <c r="AD209" s="405">
        <v>3</v>
      </c>
      <c r="AE209" s="415">
        <v>0</v>
      </c>
      <c r="AF209" s="541"/>
      <c r="AG209" s="542"/>
      <c r="AH209" s="549"/>
      <c r="AI209" s="550"/>
      <c r="AJ209" s="551"/>
      <c r="AK209" s="265"/>
      <c r="AL209" s="329"/>
      <c r="AM209" s="16"/>
      <c r="AN209" s="3" t="str">
        <f t="shared" si="14"/>
        <v>■</v>
      </c>
    </row>
    <row r="210" spans="1:40" ht="13.4" customHeight="1">
      <c r="A210" s="20" t="str">
        <f t="shared" si="13"/>
        <v>SI</v>
      </c>
      <c r="B210" s="20"/>
      <c r="C210" s="541">
        <v>20</v>
      </c>
      <c r="D210" s="542"/>
      <c r="E210" s="543" t="s">
        <v>631</v>
      </c>
      <c r="F210" s="544"/>
      <c r="G210" s="544"/>
      <c r="H210" s="544"/>
      <c r="I210" s="544"/>
      <c r="J210" s="544"/>
      <c r="K210" s="544"/>
      <c r="L210" s="544"/>
      <c r="M210" s="544"/>
      <c r="N210" s="544"/>
      <c r="O210" s="544"/>
      <c r="P210" s="544"/>
      <c r="Q210" s="544"/>
      <c r="R210" s="544"/>
      <c r="S210" s="544"/>
      <c r="T210" s="545"/>
      <c r="U210" s="221" t="s">
        <v>632</v>
      </c>
      <c r="V210" s="546" t="s">
        <v>107</v>
      </c>
      <c r="W210" s="547"/>
      <c r="X210" s="547"/>
      <c r="Y210" s="547"/>
      <c r="Z210" s="548"/>
      <c r="AA210" s="546" t="s">
        <v>108</v>
      </c>
      <c r="AB210" s="547"/>
      <c r="AC210" s="548"/>
      <c r="AD210" s="405">
        <v>3</v>
      </c>
      <c r="AE210" s="415">
        <v>0</v>
      </c>
      <c r="AF210" s="541"/>
      <c r="AG210" s="542"/>
      <c r="AH210" s="549"/>
      <c r="AI210" s="550"/>
      <c r="AJ210" s="551"/>
      <c r="AK210" s="265"/>
      <c r="AL210" s="329"/>
      <c r="AM210" s="16"/>
      <c r="AN210" s="3" t="str">
        <f t="shared" si="14"/>
        <v>■</v>
      </c>
    </row>
    <row r="211" spans="1:40" ht="13.4" customHeight="1">
      <c r="A211" s="20" t="str">
        <f t="shared" si="13"/>
        <v>SI</v>
      </c>
      <c r="B211" s="20"/>
      <c r="C211" s="541">
        <v>21</v>
      </c>
      <c r="D211" s="542"/>
      <c r="E211" s="543" t="s">
        <v>633</v>
      </c>
      <c r="F211" s="544"/>
      <c r="G211" s="544"/>
      <c r="H211" s="544"/>
      <c r="I211" s="544"/>
      <c r="J211" s="544"/>
      <c r="K211" s="544"/>
      <c r="L211" s="544"/>
      <c r="M211" s="544"/>
      <c r="N211" s="544"/>
      <c r="O211" s="544"/>
      <c r="P211" s="544"/>
      <c r="Q211" s="544"/>
      <c r="R211" s="544"/>
      <c r="S211" s="544"/>
      <c r="T211" s="545"/>
      <c r="U211" s="221" t="s">
        <v>634</v>
      </c>
      <c r="V211" s="546" t="s">
        <v>107</v>
      </c>
      <c r="W211" s="547"/>
      <c r="X211" s="547"/>
      <c r="Y211" s="547"/>
      <c r="Z211" s="548"/>
      <c r="AA211" s="546" t="s">
        <v>108</v>
      </c>
      <c r="AB211" s="547"/>
      <c r="AC211" s="548"/>
      <c r="AD211" s="405">
        <v>3</v>
      </c>
      <c r="AE211" s="415">
        <v>0</v>
      </c>
      <c r="AF211" s="541"/>
      <c r="AG211" s="542"/>
      <c r="AH211" s="549"/>
      <c r="AI211" s="550"/>
      <c r="AJ211" s="551"/>
      <c r="AK211" s="265"/>
      <c r="AL211" s="329"/>
      <c r="AM211" s="16"/>
      <c r="AN211" s="3" t="str">
        <f t="shared" si="14"/>
        <v>■</v>
      </c>
    </row>
    <row r="212" spans="1:40" ht="13.4" customHeight="1">
      <c r="A212" s="20" t="str">
        <f t="shared" si="13"/>
        <v>SI</v>
      </c>
      <c r="B212" s="20"/>
      <c r="C212" s="541">
        <v>22</v>
      </c>
      <c r="D212" s="542"/>
      <c r="E212" s="543" t="s">
        <v>635</v>
      </c>
      <c r="F212" s="544"/>
      <c r="G212" s="544"/>
      <c r="H212" s="544"/>
      <c r="I212" s="544"/>
      <c r="J212" s="544"/>
      <c r="K212" s="544"/>
      <c r="L212" s="544"/>
      <c r="M212" s="544"/>
      <c r="N212" s="544"/>
      <c r="O212" s="544"/>
      <c r="P212" s="544"/>
      <c r="Q212" s="544"/>
      <c r="R212" s="544"/>
      <c r="S212" s="544"/>
      <c r="T212" s="545"/>
      <c r="U212" s="221" t="s">
        <v>636</v>
      </c>
      <c r="V212" s="546" t="s">
        <v>107</v>
      </c>
      <c r="W212" s="547"/>
      <c r="X212" s="547"/>
      <c r="Y212" s="547"/>
      <c r="Z212" s="548"/>
      <c r="AA212" s="546" t="s">
        <v>108</v>
      </c>
      <c r="AB212" s="547"/>
      <c r="AC212" s="548"/>
      <c r="AD212" s="405">
        <v>3</v>
      </c>
      <c r="AE212" s="415">
        <v>0</v>
      </c>
      <c r="AF212" s="541"/>
      <c r="AG212" s="542"/>
      <c r="AH212" s="549"/>
      <c r="AI212" s="550"/>
      <c r="AJ212" s="551"/>
      <c r="AK212" s="265"/>
      <c r="AL212" s="329"/>
      <c r="AM212" s="16"/>
      <c r="AN212" s="3" t="str">
        <f t="shared" si="14"/>
        <v>■</v>
      </c>
    </row>
    <row r="213" spans="1:40" ht="13.4" customHeight="1">
      <c r="A213" s="20" t="str">
        <f t="shared" si="13"/>
        <v>SI</v>
      </c>
      <c r="B213" s="20"/>
      <c r="C213" s="541">
        <v>23</v>
      </c>
      <c r="D213" s="542"/>
      <c r="E213" s="543" t="s">
        <v>637</v>
      </c>
      <c r="F213" s="544"/>
      <c r="G213" s="544"/>
      <c r="H213" s="544"/>
      <c r="I213" s="544"/>
      <c r="J213" s="544"/>
      <c r="K213" s="544"/>
      <c r="L213" s="544"/>
      <c r="M213" s="544"/>
      <c r="N213" s="544"/>
      <c r="O213" s="544"/>
      <c r="P213" s="544"/>
      <c r="Q213" s="544"/>
      <c r="R213" s="544"/>
      <c r="S213" s="544"/>
      <c r="T213" s="545"/>
      <c r="U213" s="221" t="s">
        <v>638</v>
      </c>
      <c r="V213" s="546" t="s">
        <v>107</v>
      </c>
      <c r="W213" s="547"/>
      <c r="X213" s="547"/>
      <c r="Y213" s="547"/>
      <c r="Z213" s="548"/>
      <c r="AA213" s="546" t="s">
        <v>108</v>
      </c>
      <c r="AB213" s="547"/>
      <c r="AC213" s="548"/>
      <c r="AD213" s="405">
        <v>3</v>
      </c>
      <c r="AE213" s="415">
        <v>0</v>
      </c>
      <c r="AF213" s="541"/>
      <c r="AG213" s="542"/>
      <c r="AH213" s="549"/>
      <c r="AI213" s="550"/>
      <c r="AJ213" s="551"/>
      <c r="AK213" s="265"/>
      <c r="AL213" s="329"/>
      <c r="AM213" s="16"/>
      <c r="AN213" s="3" t="str">
        <f t="shared" si="14"/>
        <v>■</v>
      </c>
    </row>
    <row r="214" spans="1:40" ht="13.4" customHeight="1">
      <c r="A214" s="20" t="str">
        <f t="shared" si="13"/>
        <v>SI</v>
      </c>
      <c r="B214" s="20"/>
      <c r="C214" s="541">
        <v>24</v>
      </c>
      <c r="D214" s="542"/>
      <c r="E214" s="543" t="s">
        <v>639</v>
      </c>
      <c r="F214" s="544"/>
      <c r="G214" s="544"/>
      <c r="H214" s="544"/>
      <c r="I214" s="544"/>
      <c r="J214" s="544"/>
      <c r="K214" s="544"/>
      <c r="L214" s="544"/>
      <c r="M214" s="544"/>
      <c r="N214" s="544"/>
      <c r="O214" s="544"/>
      <c r="P214" s="544"/>
      <c r="Q214" s="544"/>
      <c r="R214" s="544"/>
      <c r="S214" s="544"/>
      <c r="T214" s="545"/>
      <c r="U214" s="221" t="s">
        <v>640</v>
      </c>
      <c r="V214" s="546" t="s">
        <v>107</v>
      </c>
      <c r="W214" s="547"/>
      <c r="X214" s="547"/>
      <c r="Y214" s="547"/>
      <c r="Z214" s="548"/>
      <c r="AA214" s="546" t="s">
        <v>108</v>
      </c>
      <c r="AB214" s="547"/>
      <c r="AC214" s="548"/>
      <c r="AD214" s="405">
        <v>3</v>
      </c>
      <c r="AE214" s="415">
        <v>0</v>
      </c>
      <c r="AF214" s="541"/>
      <c r="AG214" s="542"/>
      <c r="AH214" s="549"/>
      <c r="AI214" s="550"/>
      <c r="AJ214" s="551"/>
      <c r="AK214" s="265"/>
      <c r="AL214" s="329"/>
      <c r="AM214" s="16"/>
      <c r="AN214" s="3" t="str">
        <f t="shared" si="14"/>
        <v>■</v>
      </c>
    </row>
    <row r="215" spans="1:40" ht="13.4" customHeight="1">
      <c r="A215" s="20" t="str">
        <f t="shared" si="13"/>
        <v>SI</v>
      </c>
      <c r="B215" s="20"/>
      <c r="C215" s="541">
        <v>25</v>
      </c>
      <c r="D215" s="542"/>
      <c r="E215" s="543" t="s">
        <v>641</v>
      </c>
      <c r="F215" s="544"/>
      <c r="G215" s="544"/>
      <c r="H215" s="544"/>
      <c r="I215" s="544"/>
      <c r="J215" s="544"/>
      <c r="K215" s="544"/>
      <c r="L215" s="544"/>
      <c r="M215" s="544"/>
      <c r="N215" s="544"/>
      <c r="O215" s="544"/>
      <c r="P215" s="544"/>
      <c r="Q215" s="544"/>
      <c r="R215" s="544"/>
      <c r="S215" s="544"/>
      <c r="T215" s="545"/>
      <c r="U215" s="221" t="s">
        <v>642</v>
      </c>
      <c r="V215" s="546" t="s">
        <v>107</v>
      </c>
      <c r="W215" s="547"/>
      <c r="X215" s="547"/>
      <c r="Y215" s="547"/>
      <c r="Z215" s="548"/>
      <c r="AA215" s="546" t="s">
        <v>108</v>
      </c>
      <c r="AB215" s="547"/>
      <c r="AC215" s="548"/>
      <c r="AD215" s="405">
        <v>3</v>
      </c>
      <c r="AE215" s="415">
        <v>0</v>
      </c>
      <c r="AF215" s="541"/>
      <c r="AG215" s="542"/>
      <c r="AH215" s="549"/>
      <c r="AI215" s="550"/>
      <c r="AJ215" s="551"/>
      <c r="AK215" s="265"/>
      <c r="AL215" s="329"/>
      <c r="AM215" s="16"/>
      <c r="AN215" s="3" t="str">
        <f t="shared" si="14"/>
        <v>■</v>
      </c>
    </row>
    <row r="216" spans="1:40" ht="13.4" customHeight="1">
      <c r="A216" s="20" t="str">
        <f t="shared" si="13"/>
        <v>SI</v>
      </c>
      <c r="B216" s="20"/>
      <c r="C216" s="541">
        <v>26</v>
      </c>
      <c r="D216" s="542"/>
      <c r="E216" s="543" t="s">
        <v>643</v>
      </c>
      <c r="F216" s="544"/>
      <c r="G216" s="544"/>
      <c r="H216" s="544"/>
      <c r="I216" s="544"/>
      <c r="J216" s="544"/>
      <c r="K216" s="544"/>
      <c r="L216" s="544"/>
      <c r="M216" s="544"/>
      <c r="N216" s="544"/>
      <c r="O216" s="544"/>
      <c r="P216" s="544"/>
      <c r="Q216" s="544"/>
      <c r="R216" s="544"/>
      <c r="S216" s="544"/>
      <c r="T216" s="545"/>
      <c r="U216" s="221" t="s">
        <v>644</v>
      </c>
      <c r="V216" s="546" t="s">
        <v>107</v>
      </c>
      <c r="W216" s="547"/>
      <c r="X216" s="547"/>
      <c r="Y216" s="547"/>
      <c r="Z216" s="548"/>
      <c r="AA216" s="546" t="s">
        <v>108</v>
      </c>
      <c r="AB216" s="547"/>
      <c r="AC216" s="548"/>
      <c r="AD216" s="405">
        <v>3</v>
      </c>
      <c r="AE216" s="415">
        <v>0</v>
      </c>
      <c r="AF216" s="541"/>
      <c r="AG216" s="542"/>
      <c r="AH216" s="549"/>
      <c r="AI216" s="550"/>
      <c r="AJ216" s="551"/>
      <c r="AK216" s="265"/>
      <c r="AL216" s="329"/>
      <c r="AM216" s="16"/>
      <c r="AN216" s="3" t="str">
        <f t="shared" si="14"/>
        <v>■</v>
      </c>
    </row>
    <row r="217" spans="1:40" ht="13.4" customHeight="1">
      <c r="A217" s="20" t="str">
        <f t="shared" si="13"/>
        <v>SI</v>
      </c>
      <c r="B217" s="20"/>
      <c r="C217" s="541">
        <v>27</v>
      </c>
      <c r="D217" s="542"/>
      <c r="E217" s="543" t="s">
        <v>645</v>
      </c>
      <c r="F217" s="544"/>
      <c r="G217" s="544"/>
      <c r="H217" s="544"/>
      <c r="I217" s="544"/>
      <c r="J217" s="544"/>
      <c r="K217" s="544"/>
      <c r="L217" s="544"/>
      <c r="M217" s="544"/>
      <c r="N217" s="544"/>
      <c r="O217" s="544"/>
      <c r="P217" s="544"/>
      <c r="Q217" s="544"/>
      <c r="R217" s="544"/>
      <c r="S217" s="544"/>
      <c r="T217" s="545"/>
      <c r="U217" s="221" t="s">
        <v>646</v>
      </c>
      <c r="V217" s="546" t="s">
        <v>107</v>
      </c>
      <c r="W217" s="547"/>
      <c r="X217" s="547"/>
      <c r="Y217" s="547"/>
      <c r="Z217" s="548"/>
      <c r="AA217" s="546" t="s">
        <v>108</v>
      </c>
      <c r="AB217" s="547"/>
      <c r="AC217" s="548"/>
      <c r="AD217" s="405">
        <v>3</v>
      </c>
      <c r="AE217" s="415">
        <v>0</v>
      </c>
      <c r="AF217" s="541"/>
      <c r="AG217" s="542"/>
      <c r="AH217" s="549"/>
      <c r="AI217" s="550"/>
      <c r="AJ217" s="551"/>
      <c r="AK217" s="265"/>
      <c r="AL217" s="329"/>
      <c r="AM217" s="16"/>
      <c r="AN217" s="3" t="str">
        <f t="shared" si="14"/>
        <v>■</v>
      </c>
    </row>
    <row r="218" spans="1:40" ht="13.4" customHeight="1">
      <c r="A218" s="20" t="str">
        <f t="shared" si="13"/>
        <v>SI</v>
      </c>
      <c r="B218" s="20"/>
      <c r="C218" s="541">
        <v>28</v>
      </c>
      <c r="D218" s="542"/>
      <c r="E218" s="543" t="s">
        <v>647</v>
      </c>
      <c r="F218" s="544"/>
      <c r="G218" s="544"/>
      <c r="H218" s="544"/>
      <c r="I218" s="544"/>
      <c r="J218" s="544"/>
      <c r="K218" s="544"/>
      <c r="L218" s="544"/>
      <c r="M218" s="544"/>
      <c r="N218" s="544"/>
      <c r="O218" s="544"/>
      <c r="P218" s="544"/>
      <c r="Q218" s="544"/>
      <c r="R218" s="544"/>
      <c r="S218" s="544"/>
      <c r="T218" s="545"/>
      <c r="U218" s="221" t="s">
        <v>648</v>
      </c>
      <c r="V218" s="546" t="s">
        <v>107</v>
      </c>
      <c r="W218" s="547"/>
      <c r="X218" s="547"/>
      <c r="Y218" s="547"/>
      <c r="Z218" s="548"/>
      <c r="AA218" s="546" t="s">
        <v>108</v>
      </c>
      <c r="AB218" s="547"/>
      <c r="AC218" s="548"/>
      <c r="AD218" s="405">
        <v>3</v>
      </c>
      <c r="AE218" s="415">
        <v>0</v>
      </c>
      <c r="AF218" s="541"/>
      <c r="AG218" s="542"/>
      <c r="AH218" s="549"/>
      <c r="AI218" s="550"/>
      <c r="AJ218" s="551"/>
      <c r="AK218" s="265"/>
      <c r="AL218" s="329"/>
      <c r="AM218" s="16"/>
      <c r="AN218" s="3" t="str">
        <f t="shared" si="14"/>
        <v>■</v>
      </c>
    </row>
    <row r="219" spans="1:40" ht="13.4" customHeight="1">
      <c r="A219" s="20" t="str">
        <f t="shared" si="13"/>
        <v>SI</v>
      </c>
      <c r="B219" s="20"/>
      <c r="C219" s="541">
        <v>29</v>
      </c>
      <c r="D219" s="542"/>
      <c r="E219" s="543" t="s">
        <v>649</v>
      </c>
      <c r="F219" s="544"/>
      <c r="G219" s="544"/>
      <c r="H219" s="544"/>
      <c r="I219" s="544"/>
      <c r="J219" s="544"/>
      <c r="K219" s="544"/>
      <c r="L219" s="544"/>
      <c r="M219" s="544"/>
      <c r="N219" s="544"/>
      <c r="O219" s="544"/>
      <c r="P219" s="544"/>
      <c r="Q219" s="544"/>
      <c r="R219" s="544"/>
      <c r="S219" s="544"/>
      <c r="T219" s="545"/>
      <c r="U219" s="221" t="s">
        <v>650</v>
      </c>
      <c r="V219" s="546" t="s">
        <v>107</v>
      </c>
      <c r="W219" s="547"/>
      <c r="X219" s="547"/>
      <c r="Y219" s="547"/>
      <c r="Z219" s="548"/>
      <c r="AA219" s="546" t="s">
        <v>108</v>
      </c>
      <c r="AB219" s="547"/>
      <c r="AC219" s="548"/>
      <c r="AD219" s="405">
        <v>3</v>
      </c>
      <c r="AE219" s="415">
        <v>0</v>
      </c>
      <c r="AF219" s="541"/>
      <c r="AG219" s="542"/>
      <c r="AH219" s="549"/>
      <c r="AI219" s="550"/>
      <c r="AJ219" s="551"/>
      <c r="AK219" s="265"/>
      <c r="AL219" s="329"/>
      <c r="AM219" s="16"/>
      <c r="AN219" s="3" t="str">
        <f t="shared" si="14"/>
        <v>■</v>
      </c>
    </row>
    <row r="220" spans="1:40" ht="13.4" customHeight="1">
      <c r="A220" s="20" t="str">
        <f t="shared" si="13"/>
        <v>SI</v>
      </c>
      <c r="B220" s="20"/>
      <c r="C220" s="541">
        <v>30</v>
      </c>
      <c r="D220" s="542"/>
      <c r="E220" s="543" t="s">
        <v>651</v>
      </c>
      <c r="F220" s="544"/>
      <c r="G220" s="544"/>
      <c r="H220" s="544"/>
      <c r="I220" s="544"/>
      <c r="J220" s="544"/>
      <c r="K220" s="544"/>
      <c r="L220" s="544"/>
      <c r="M220" s="544"/>
      <c r="N220" s="544"/>
      <c r="O220" s="544"/>
      <c r="P220" s="544"/>
      <c r="Q220" s="544"/>
      <c r="R220" s="544"/>
      <c r="S220" s="544"/>
      <c r="T220" s="545"/>
      <c r="U220" s="221" t="s">
        <v>652</v>
      </c>
      <c r="V220" s="546" t="s">
        <v>107</v>
      </c>
      <c r="W220" s="547"/>
      <c r="X220" s="547"/>
      <c r="Y220" s="547"/>
      <c r="Z220" s="548"/>
      <c r="AA220" s="546" t="s">
        <v>108</v>
      </c>
      <c r="AB220" s="547"/>
      <c r="AC220" s="548"/>
      <c r="AD220" s="405">
        <v>3</v>
      </c>
      <c r="AE220" s="415">
        <v>0</v>
      </c>
      <c r="AF220" s="541"/>
      <c r="AG220" s="542"/>
      <c r="AH220" s="549"/>
      <c r="AI220" s="550"/>
      <c r="AJ220" s="551"/>
      <c r="AK220" s="265"/>
      <c r="AL220" s="329"/>
      <c r="AM220" s="16"/>
      <c r="AN220" s="3" t="str">
        <f t="shared" si="14"/>
        <v>■</v>
      </c>
    </row>
    <row r="221" spans="1:40" ht="13.4" customHeight="1">
      <c r="A221" s="20" t="str">
        <f t="shared" si="13"/>
        <v>SI</v>
      </c>
      <c r="B221" s="20"/>
      <c r="C221" s="541">
        <v>31</v>
      </c>
      <c r="D221" s="542"/>
      <c r="E221" s="543" t="s">
        <v>653</v>
      </c>
      <c r="F221" s="544"/>
      <c r="G221" s="544"/>
      <c r="H221" s="544"/>
      <c r="I221" s="544"/>
      <c r="J221" s="544"/>
      <c r="K221" s="544"/>
      <c r="L221" s="544"/>
      <c r="M221" s="544"/>
      <c r="N221" s="544"/>
      <c r="O221" s="544"/>
      <c r="P221" s="544"/>
      <c r="Q221" s="544"/>
      <c r="R221" s="544"/>
      <c r="S221" s="544"/>
      <c r="T221" s="545"/>
      <c r="U221" s="221" t="s">
        <v>654</v>
      </c>
      <c r="V221" s="546" t="s">
        <v>107</v>
      </c>
      <c r="W221" s="547"/>
      <c r="X221" s="547"/>
      <c r="Y221" s="547"/>
      <c r="Z221" s="548"/>
      <c r="AA221" s="546" t="s">
        <v>108</v>
      </c>
      <c r="AB221" s="547"/>
      <c r="AC221" s="548"/>
      <c r="AD221" s="405">
        <v>3</v>
      </c>
      <c r="AE221" s="415">
        <v>0</v>
      </c>
      <c r="AF221" s="541"/>
      <c r="AG221" s="542"/>
      <c r="AH221" s="549"/>
      <c r="AI221" s="550"/>
      <c r="AJ221" s="551"/>
      <c r="AK221" s="265"/>
      <c r="AL221" s="329"/>
      <c r="AM221" s="16"/>
      <c r="AN221" s="3" t="str">
        <f t="shared" si="14"/>
        <v>■</v>
      </c>
    </row>
    <row r="222" spans="1:40" ht="13.4" customHeight="1">
      <c r="A222" s="20" t="str">
        <f t="shared" si="13"/>
        <v>SI</v>
      </c>
      <c r="B222" s="20"/>
      <c r="C222" s="541">
        <v>32</v>
      </c>
      <c r="D222" s="542"/>
      <c r="E222" s="543" t="s">
        <v>655</v>
      </c>
      <c r="F222" s="544"/>
      <c r="G222" s="544"/>
      <c r="H222" s="544"/>
      <c r="I222" s="544"/>
      <c r="J222" s="544"/>
      <c r="K222" s="544"/>
      <c r="L222" s="544"/>
      <c r="M222" s="544"/>
      <c r="N222" s="544"/>
      <c r="O222" s="544"/>
      <c r="P222" s="544"/>
      <c r="Q222" s="544"/>
      <c r="R222" s="544"/>
      <c r="S222" s="544"/>
      <c r="T222" s="545"/>
      <c r="U222" s="221" t="s">
        <v>656</v>
      </c>
      <c r="V222" s="546" t="s">
        <v>107</v>
      </c>
      <c r="W222" s="547"/>
      <c r="X222" s="547"/>
      <c r="Y222" s="547"/>
      <c r="Z222" s="548"/>
      <c r="AA222" s="546" t="s">
        <v>108</v>
      </c>
      <c r="AB222" s="547"/>
      <c r="AC222" s="548"/>
      <c r="AD222" s="405">
        <v>3</v>
      </c>
      <c r="AE222" s="415">
        <v>0</v>
      </c>
      <c r="AF222" s="541"/>
      <c r="AG222" s="542"/>
      <c r="AH222" s="549"/>
      <c r="AI222" s="550"/>
      <c r="AJ222" s="551"/>
      <c r="AK222" s="265"/>
      <c r="AL222" s="329"/>
      <c r="AM222" s="16"/>
      <c r="AN222" s="3" t="str">
        <f t="shared" si="14"/>
        <v>■</v>
      </c>
    </row>
    <row r="223" spans="1:40" ht="13.4" customHeight="1">
      <c r="A223" s="20" t="str">
        <f t="shared" si="13"/>
        <v>SI</v>
      </c>
      <c r="B223" s="20"/>
      <c r="C223" s="541">
        <v>33</v>
      </c>
      <c r="D223" s="542"/>
      <c r="E223" s="543" t="s">
        <v>657</v>
      </c>
      <c r="F223" s="544"/>
      <c r="G223" s="544"/>
      <c r="H223" s="544"/>
      <c r="I223" s="544"/>
      <c r="J223" s="544"/>
      <c r="K223" s="544"/>
      <c r="L223" s="544"/>
      <c r="M223" s="544"/>
      <c r="N223" s="544"/>
      <c r="O223" s="544"/>
      <c r="P223" s="544"/>
      <c r="Q223" s="544"/>
      <c r="R223" s="544"/>
      <c r="S223" s="544"/>
      <c r="T223" s="545"/>
      <c r="U223" s="221" t="s">
        <v>658</v>
      </c>
      <c r="V223" s="546" t="s">
        <v>107</v>
      </c>
      <c r="W223" s="547"/>
      <c r="X223" s="547"/>
      <c r="Y223" s="547"/>
      <c r="Z223" s="548"/>
      <c r="AA223" s="546" t="s">
        <v>108</v>
      </c>
      <c r="AB223" s="547"/>
      <c r="AC223" s="548"/>
      <c r="AD223" s="405">
        <v>3</v>
      </c>
      <c r="AE223" s="415">
        <v>0</v>
      </c>
      <c r="AF223" s="541"/>
      <c r="AG223" s="542"/>
      <c r="AH223" s="549"/>
      <c r="AI223" s="550"/>
      <c r="AJ223" s="551"/>
      <c r="AK223" s="265"/>
      <c r="AL223" s="329"/>
      <c r="AM223" s="16"/>
      <c r="AN223" s="3" t="str">
        <f t="shared" si="14"/>
        <v>■</v>
      </c>
    </row>
    <row r="224" spans="1:40" ht="13.4" customHeight="1">
      <c r="A224" s="20" t="str">
        <f t="shared" si="13"/>
        <v>SI</v>
      </c>
      <c r="B224" s="20"/>
      <c r="C224" s="541">
        <v>34</v>
      </c>
      <c r="D224" s="542"/>
      <c r="E224" s="543" t="s">
        <v>659</v>
      </c>
      <c r="F224" s="544"/>
      <c r="G224" s="544"/>
      <c r="H224" s="544"/>
      <c r="I224" s="544"/>
      <c r="J224" s="544"/>
      <c r="K224" s="544"/>
      <c r="L224" s="544"/>
      <c r="M224" s="544"/>
      <c r="N224" s="544"/>
      <c r="O224" s="544"/>
      <c r="P224" s="544"/>
      <c r="Q224" s="544"/>
      <c r="R224" s="544"/>
      <c r="S224" s="544"/>
      <c r="T224" s="545"/>
      <c r="U224" s="221" t="s">
        <v>660</v>
      </c>
      <c r="V224" s="546" t="s">
        <v>107</v>
      </c>
      <c r="W224" s="547"/>
      <c r="X224" s="547"/>
      <c r="Y224" s="547"/>
      <c r="Z224" s="548"/>
      <c r="AA224" s="546" t="s">
        <v>108</v>
      </c>
      <c r="AB224" s="547"/>
      <c r="AC224" s="548"/>
      <c r="AD224" s="405">
        <v>3</v>
      </c>
      <c r="AE224" s="415">
        <v>0</v>
      </c>
      <c r="AF224" s="541"/>
      <c r="AG224" s="542"/>
      <c r="AH224" s="549"/>
      <c r="AI224" s="550"/>
      <c r="AJ224" s="551"/>
      <c r="AK224" s="265"/>
      <c r="AL224" s="329"/>
      <c r="AM224" s="16"/>
      <c r="AN224" s="3" t="str">
        <f t="shared" si="14"/>
        <v>■</v>
      </c>
    </row>
    <row r="225" spans="1:40" ht="13.4" customHeight="1">
      <c r="A225" s="20" t="str">
        <f t="shared" si="13"/>
        <v>SI</v>
      </c>
      <c r="B225" s="20"/>
      <c r="C225" s="541">
        <v>35</v>
      </c>
      <c r="D225" s="542"/>
      <c r="E225" s="543" t="s">
        <v>661</v>
      </c>
      <c r="F225" s="544"/>
      <c r="G225" s="544"/>
      <c r="H225" s="544"/>
      <c r="I225" s="544"/>
      <c r="J225" s="544"/>
      <c r="K225" s="544"/>
      <c r="L225" s="544"/>
      <c r="M225" s="544"/>
      <c r="N225" s="544"/>
      <c r="O225" s="544"/>
      <c r="P225" s="544"/>
      <c r="Q225" s="544"/>
      <c r="R225" s="544"/>
      <c r="S225" s="544"/>
      <c r="T225" s="545"/>
      <c r="U225" s="221" t="s">
        <v>662</v>
      </c>
      <c r="V225" s="546" t="s">
        <v>107</v>
      </c>
      <c r="W225" s="547"/>
      <c r="X225" s="547"/>
      <c r="Y225" s="547"/>
      <c r="Z225" s="548"/>
      <c r="AA225" s="546" t="s">
        <v>108</v>
      </c>
      <c r="AB225" s="547"/>
      <c r="AC225" s="548"/>
      <c r="AD225" s="405">
        <v>3</v>
      </c>
      <c r="AE225" s="415">
        <v>0</v>
      </c>
      <c r="AF225" s="541"/>
      <c r="AG225" s="542"/>
      <c r="AH225" s="549"/>
      <c r="AI225" s="550"/>
      <c r="AJ225" s="551"/>
      <c r="AK225" s="265"/>
      <c r="AL225" s="329"/>
      <c r="AM225" s="16"/>
      <c r="AN225" s="3" t="str">
        <f t="shared" si="14"/>
        <v>■</v>
      </c>
    </row>
    <row r="226" spans="1:40" ht="13.4" customHeight="1">
      <c r="A226" s="20" t="str">
        <f t="shared" si="13"/>
        <v>SI</v>
      </c>
      <c r="B226" s="20"/>
      <c r="C226" s="541">
        <v>36</v>
      </c>
      <c r="D226" s="542"/>
      <c r="E226" s="543" t="s">
        <v>663</v>
      </c>
      <c r="F226" s="544"/>
      <c r="G226" s="544"/>
      <c r="H226" s="544"/>
      <c r="I226" s="544"/>
      <c r="J226" s="544"/>
      <c r="K226" s="544"/>
      <c r="L226" s="544"/>
      <c r="M226" s="544"/>
      <c r="N226" s="544"/>
      <c r="O226" s="544"/>
      <c r="P226" s="544"/>
      <c r="Q226" s="544"/>
      <c r="R226" s="544"/>
      <c r="S226" s="544"/>
      <c r="T226" s="545"/>
      <c r="U226" s="221" t="s">
        <v>664</v>
      </c>
      <c r="V226" s="546" t="s">
        <v>107</v>
      </c>
      <c r="W226" s="547"/>
      <c r="X226" s="547"/>
      <c r="Y226" s="547"/>
      <c r="Z226" s="548"/>
      <c r="AA226" s="546" t="s">
        <v>108</v>
      </c>
      <c r="AB226" s="547"/>
      <c r="AC226" s="548"/>
      <c r="AD226" s="405">
        <v>3</v>
      </c>
      <c r="AE226" s="415">
        <v>0</v>
      </c>
      <c r="AF226" s="541"/>
      <c r="AG226" s="542"/>
      <c r="AH226" s="549"/>
      <c r="AI226" s="550"/>
      <c r="AJ226" s="551"/>
      <c r="AK226" s="265"/>
      <c r="AL226" s="329"/>
      <c r="AM226" s="16"/>
      <c r="AN226" s="3" t="str">
        <f t="shared" si="14"/>
        <v>■</v>
      </c>
    </row>
    <row r="227" spans="1:40" ht="13.4" customHeight="1">
      <c r="A227" s="20" t="str">
        <f t="shared" si="13"/>
        <v>SI</v>
      </c>
      <c r="B227" s="20"/>
      <c r="C227" s="541">
        <v>37</v>
      </c>
      <c r="D227" s="542"/>
      <c r="E227" s="543" t="s">
        <v>665</v>
      </c>
      <c r="F227" s="544"/>
      <c r="G227" s="544"/>
      <c r="H227" s="544"/>
      <c r="I227" s="544"/>
      <c r="J227" s="544"/>
      <c r="K227" s="544"/>
      <c r="L227" s="544"/>
      <c r="M227" s="544"/>
      <c r="N227" s="544"/>
      <c r="O227" s="544"/>
      <c r="P227" s="544"/>
      <c r="Q227" s="544"/>
      <c r="R227" s="544"/>
      <c r="S227" s="544"/>
      <c r="T227" s="545"/>
      <c r="U227" s="221" t="s">
        <v>666</v>
      </c>
      <c r="V227" s="546" t="s">
        <v>107</v>
      </c>
      <c r="W227" s="547"/>
      <c r="X227" s="547"/>
      <c r="Y227" s="547"/>
      <c r="Z227" s="548"/>
      <c r="AA227" s="546" t="s">
        <v>108</v>
      </c>
      <c r="AB227" s="547"/>
      <c r="AC227" s="548"/>
      <c r="AD227" s="405">
        <v>3</v>
      </c>
      <c r="AE227" s="415">
        <v>0</v>
      </c>
      <c r="AF227" s="541"/>
      <c r="AG227" s="542"/>
      <c r="AH227" s="549"/>
      <c r="AI227" s="550"/>
      <c r="AJ227" s="551"/>
      <c r="AK227" s="265"/>
      <c r="AL227" s="329"/>
      <c r="AM227" s="16"/>
      <c r="AN227" s="3" t="str">
        <f t="shared" si="14"/>
        <v>■</v>
      </c>
    </row>
    <row r="228" spans="1:40" ht="13.4" customHeight="1">
      <c r="A228" s="20" t="str">
        <f t="shared" si="13"/>
        <v>SI</v>
      </c>
      <c r="B228" s="20"/>
      <c r="C228" s="541">
        <v>38</v>
      </c>
      <c r="D228" s="542"/>
      <c r="E228" s="543" t="s">
        <v>667</v>
      </c>
      <c r="F228" s="544"/>
      <c r="G228" s="544"/>
      <c r="H228" s="544"/>
      <c r="I228" s="544"/>
      <c r="J228" s="544"/>
      <c r="K228" s="544"/>
      <c r="L228" s="544"/>
      <c r="M228" s="544"/>
      <c r="N228" s="544"/>
      <c r="O228" s="544"/>
      <c r="P228" s="544"/>
      <c r="Q228" s="544"/>
      <c r="R228" s="544"/>
      <c r="S228" s="544"/>
      <c r="T228" s="545"/>
      <c r="U228" s="221" t="s">
        <v>668</v>
      </c>
      <c r="V228" s="546" t="s">
        <v>107</v>
      </c>
      <c r="W228" s="547"/>
      <c r="X228" s="547"/>
      <c r="Y228" s="547"/>
      <c r="Z228" s="548"/>
      <c r="AA228" s="546" t="s">
        <v>108</v>
      </c>
      <c r="AB228" s="547"/>
      <c r="AC228" s="548"/>
      <c r="AD228" s="405">
        <v>3</v>
      </c>
      <c r="AE228" s="415">
        <v>0</v>
      </c>
      <c r="AF228" s="541"/>
      <c r="AG228" s="542"/>
      <c r="AH228" s="549"/>
      <c r="AI228" s="550"/>
      <c r="AJ228" s="551"/>
      <c r="AK228" s="265"/>
      <c r="AL228" s="329"/>
      <c r="AM228" s="16"/>
      <c r="AN228" s="3" t="str">
        <f t="shared" si="14"/>
        <v>■</v>
      </c>
    </row>
    <row r="229" spans="1:40" ht="13.4" customHeight="1">
      <c r="A229" s="20" t="str">
        <f t="shared" si="13"/>
        <v>SI</v>
      </c>
      <c r="B229" s="20"/>
      <c r="C229" s="541">
        <v>39</v>
      </c>
      <c r="D229" s="542"/>
      <c r="E229" s="543" t="s">
        <v>669</v>
      </c>
      <c r="F229" s="544"/>
      <c r="G229" s="544"/>
      <c r="H229" s="544"/>
      <c r="I229" s="544"/>
      <c r="J229" s="544"/>
      <c r="K229" s="544"/>
      <c r="L229" s="544"/>
      <c r="M229" s="544"/>
      <c r="N229" s="544"/>
      <c r="O229" s="544"/>
      <c r="P229" s="544"/>
      <c r="Q229" s="544"/>
      <c r="R229" s="544"/>
      <c r="S229" s="544"/>
      <c r="T229" s="545"/>
      <c r="U229" s="221" t="s">
        <v>670</v>
      </c>
      <c r="V229" s="546" t="s">
        <v>107</v>
      </c>
      <c r="W229" s="547"/>
      <c r="X229" s="547"/>
      <c r="Y229" s="547"/>
      <c r="Z229" s="548"/>
      <c r="AA229" s="546" t="s">
        <v>108</v>
      </c>
      <c r="AB229" s="547"/>
      <c r="AC229" s="548"/>
      <c r="AD229" s="405">
        <v>3</v>
      </c>
      <c r="AE229" s="415">
        <v>0</v>
      </c>
      <c r="AF229" s="541"/>
      <c r="AG229" s="542"/>
      <c r="AH229" s="549"/>
      <c r="AI229" s="550"/>
      <c r="AJ229" s="551"/>
      <c r="AK229" s="265"/>
      <c r="AL229" s="329"/>
      <c r="AM229" s="16"/>
      <c r="AN229" s="3" t="str">
        <f t="shared" si="14"/>
        <v>■</v>
      </c>
    </row>
    <row r="230" spans="1:40" ht="13.4" customHeight="1">
      <c r="A230" s="20" t="str">
        <f t="shared" si="13"/>
        <v>SI</v>
      </c>
      <c r="B230" s="20"/>
      <c r="C230" s="541">
        <v>40</v>
      </c>
      <c r="D230" s="542"/>
      <c r="E230" s="543" t="s">
        <v>671</v>
      </c>
      <c r="F230" s="544"/>
      <c r="G230" s="544"/>
      <c r="H230" s="544"/>
      <c r="I230" s="544"/>
      <c r="J230" s="544"/>
      <c r="K230" s="544"/>
      <c r="L230" s="544"/>
      <c r="M230" s="544"/>
      <c r="N230" s="544"/>
      <c r="O230" s="544"/>
      <c r="P230" s="544"/>
      <c r="Q230" s="544"/>
      <c r="R230" s="544"/>
      <c r="S230" s="544"/>
      <c r="T230" s="545"/>
      <c r="U230" s="221" t="s">
        <v>672</v>
      </c>
      <c r="V230" s="546" t="s">
        <v>107</v>
      </c>
      <c r="W230" s="547"/>
      <c r="X230" s="547"/>
      <c r="Y230" s="547"/>
      <c r="Z230" s="548"/>
      <c r="AA230" s="546" t="s">
        <v>108</v>
      </c>
      <c r="AB230" s="547"/>
      <c r="AC230" s="548"/>
      <c r="AD230" s="405">
        <v>3</v>
      </c>
      <c r="AE230" s="415">
        <v>0</v>
      </c>
      <c r="AF230" s="541"/>
      <c r="AG230" s="542"/>
      <c r="AH230" s="549"/>
      <c r="AI230" s="550"/>
      <c r="AJ230" s="551"/>
      <c r="AK230" s="265"/>
      <c r="AL230" s="329"/>
      <c r="AM230" s="16"/>
      <c r="AN230" s="3" t="str">
        <f t="shared" si="14"/>
        <v>■</v>
      </c>
    </row>
    <row r="231" spans="1:40" ht="13.4" customHeight="1">
      <c r="A231" s="20" t="str">
        <f t="shared" si="13"/>
        <v>SI</v>
      </c>
      <c r="B231" s="20"/>
      <c r="C231" s="541">
        <v>41</v>
      </c>
      <c r="D231" s="542"/>
      <c r="E231" s="543" t="s">
        <v>673</v>
      </c>
      <c r="F231" s="544"/>
      <c r="G231" s="544"/>
      <c r="H231" s="544"/>
      <c r="I231" s="544"/>
      <c r="J231" s="544"/>
      <c r="K231" s="544"/>
      <c r="L231" s="544"/>
      <c r="M231" s="544"/>
      <c r="N231" s="544"/>
      <c r="O231" s="544"/>
      <c r="P231" s="544"/>
      <c r="Q231" s="544"/>
      <c r="R231" s="544"/>
      <c r="S231" s="544"/>
      <c r="T231" s="545"/>
      <c r="U231" s="221" t="s">
        <v>674</v>
      </c>
      <c r="V231" s="546" t="s">
        <v>107</v>
      </c>
      <c r="W231" s="547"/>
      <c r="X231" s="547"/>
      <c r="Y231" s="547"/>
      <c r="Z231" s="548"/>
      <c r="AA231" s="546" t="s">
        <v>108</v>
      </c>
      <c r="AB231" s="547"/>
      <c r="AC231" s="548"/>
      <c r="AD231" s="405">
        <v>3</v>
      </c>
      <c r="AE231" s="415">
        <v>0</v>
      </c>
      <c r="AF231" s="541"/>
      <c r="AG231" s="542"/>
      <c r="AH231" s="549"/>
      <c r="AI231" s="550"/>
      <c r="AJ231" s="551"/>
      <c r="AK231" s="265"/>
      <c r="AL231" s="329"/>
      <c r="AM231" s="16"/>
      <c r="AN231" s="3" t="str">
        <f t="shared" si="14"/>
        <v>■</v>
      </c>
    </row>
    <row r="232" spans="1:40" ht="13.4" customHeight="1">
      <c r="A232" s="20" t="str">
        <f t="shared" si="13"/>
        <v>SI</v>
      </c>
      <c r="B232" s="20"/>
      <c r="C232" s="541">
        <v>42</v>
      </c>
      <c r="D232" s="542"/>
      <c r="E232" s="543" t="s">
        <v>675</v>
      </c>
      <c r="F232" s="544"/>
      <c r="G232" s="544"/>
      <c r="H232" s="544"/>
      <c r="I232" s="544"/>
      <c r="J232" s="544"/>
      <c r="K232" s="544"/>
      <c r="L232" s="544"/>
      <c r="M232" s="544"/>
      <c r="N232" s="544"/>
      <c r="O232" s="544"/>
      <c r="P232" s="544"/>
      <c r="Q232" s="544"/>
      <c r="R232" s="544"/>
      <c r="S232" s="544"/>
      <c r="T232" s="545"/>
      <c r="U232" s="221" t="s">
        <v>676</v>
      </c>
      <c r="V232" s="546" t="s">
        <v>107</v>
      </c>
      <c r="W232" s="547"/>
      <c r="X232" s="547"/>
      <c r="Y232" s="547"/>
      <c r="Z232" s="548"/>
      <c r="AA232" s="546" t="s">
        <v>108</v>
      </c>
      <c r="AB232" s="547"/>
      <c r="AC232" s="548"/>
      <c r="AD232" s="405">
        <v>3</v>
      </c>
      <c r="AE232" s="415">
        <v>0</v>
      </c>
      <c r="AF232" s="541"/>
      <c r="AG232" s="542"/>
      <c r="AH232" s="549"/>
      <c r="AI232" s="550"/>
      <c r="AJ232" s="551"/>
      <c r="AK232" s="265"/>
      <c r="AL232" s="329"/>
      <c r="AM232" s="16"/>
      <c r="AN232" s="3" t="str">
        <f t="shared" si="14"/>
        <v>■</v>
      </c>
    </row>
    <row r="233" spans="1:40" ht="13.4" customHeight="1">
      <c r="A233" s="20" t="str">
        <f t="shared" si="13"/>
        <v>SI</v>
      </c>
      <c r="B233" s="20"/>
      <c r="C233" s="541">
        <v>43</v>
      </c>
      <c r="D233" s="542"/>
      <c r="E233" s="543" t="s">
        <v>677</v>
      </c>
      <c r="F233" s="544"/>
      <c r="G233" s="544"/>
      <c r="H233" s="544"/>
      <c r="I233" s="544"/>
      <c r="J233" s="544"/>
      <c r="K233" s="544"/>
      <c r="L233" s="544"/>
      <c r="M233" s="544"/>
      <c r="N233" s="544"/>
      <c r="O233" s="544"/>
      <c r="P233" s="544"/>
      <c r="Q233" s="544"/>
      <c r="R233" s="544"/>
      <c r="S233" s="544"/>
      <c r="T233" s="545"/>
      <c r="U233" s="221" t="s">
        <v>678</v>
      </c>
      <c r="V233" s="546" t="s">
        <v>107</v>
      </c>
      <c r="W233" s="547"/>
      <c r="X233" s="547"/>
      <c r="Y233" s="547"/>
      <c r="Z233" s="548"/>
      <c r="AA233" s="546" t="s">
        <v>108</v>
      </c>
      <c r="AB233" s="547"/>
      <c r="AC233" s="548"/>
      <c r="AD233" s="405">
        <v>3</v>
      </c>
      <c r="AE233" s="415">
        <v>0</v>
      </c>
      <c r="AF233" s="541"/>
      <c r="AG233" s="542"/>
      <c r="AH233" s="549"/>
      <c r="AI233" s="550"/>
      <c r="AJ233" s="551"/>
      <c r="AK233" s="265"/>
      <c r="AL233" s="329"/>
      <c r="AM233" s="16"/>
      <c r="AN233" s="3" t="str">
        <f t="shared" si="14"/>
        <v>■</v>
      </c>
    </row>
    <row r="234" spans="1:40" ht="13.4" customHeight="1">
      <c r="A234" s="20" t="str">
        <f t="shared" si="13"/>
        <v>SI</v>
      </c>
      <c r="B234" s="20"/>
      <c r="C234" s="541">
        <v>44</v>
      </c>
      <c r="D234" s="542"/>
      <c r="E234" s="543" t="s">
        <v>679</v>
      </c>
      <c r="F234" s="544"/>
      <c r="G234" s="544"/>
      <c r="H234" s="544"/>
      <c r="I234" s="544"/>
      <c r="J234" s="544"/>
      <c r="K234" s="544"/>
      <c r="L234" s="544"/>
      <c r="M234" s="544"/>
      <c r="N234" s="544"/>
      <c r="O234" s="544"/>
      <c r="P234" s="544"/>
      <c r="Q234" s="544"/>
      <c r="R234" s="544"/>
      <c r="S234" s="544"/>
      <c r="T234" s="545"/>
      <c r="U234" s="221" t="s">
        <v>680</v>
      </c>
      <c r="V234" s="546" t="s">
        <v>107</v>
      </c>
      <c r="W234" s="547"/>
      <c r="X234" s="547"/>
      <c r="Y234" s="547"/>
      <c r="Z234" s="548"/>
      <c r="AA234" s="546" t="s">
        <v>108</v>
      </c>
      <c r="AB234" s="547"/>
      <c r="AC234" s="548"/>
      <c r="AD234" s="405">
        <v>3</v>
      </c>
      <c r="AE234" s="415">
        <v>0</v>
      </c>
      <c r="AF234" s="541"/>
      <c r="AG234" s="542"/>
      <c r="AH234" s="549"/>
      <c r="AI234" s="550"/>
      <c r="AJ234" s="551"/>
      <c r="AK234" s="265"/>
      <c r="AL234" s="329"/>
      <c r="AM234" s="16"/>
      <c r="AN234" s="3" t="str">
        <f t="shared" si="14"/>
        <v>■</v>
      </c>
    </row>
    <row r="235" spans="1:40" ht="13.4" customHeight="1">
      <c r="A235" s="20" t="str">
        <f t="shared" si="13"/>
        <v>SI</v>
      </c>
      <c r="B235" s="20"/>
      <c r="C235" s="541">
        <v>45</v>
      </c>
      <c r="D235" s="542"/>
      <c r="E235" s="543" t="s">
        <v>681</v>
      </c>
      <c r="F235" s="544"/>
      <c r="G235" s="544"/>
      <c r="H235" s="544"/>
      <c r="I235" s="544"/>
      <c r="J235" s="544"/>
      <c r="K235" s="544"/>
      <c r="L235" s="544"/>
      <c r="M235" s="544"/>
      <c r="N235" s="544"/>
      <c r="O235" s="544"/>
      <c r="P235" s="544"/>
      <c r="Q235" s="544"/>
      <c r="R235" s="544"/>
      <c r="S235" s="544"/>
      <c r="T235" s="545"/>
      <c r="U235" s="221" t="s">
        <v>682</v>
      </c>
      <c r="V235" s="546" t="s">
        <v>107</v>
      </c>
      <c r="W235" s="547"/>
      <c r="X235" s="547"/>
      <c r="Y235" s="547"/>
      <c r="Z235" s="548"/>
      <c r="AA235" s="546" t="s">
        <v>108</v>
      </c>
      <c r="AB235" s="547"/>
      <c r="AC235" s="548"/>
      <c r="AD235" s="405">
        <v>3</v>
      </c>
      <c r="AE235" s="415">
        <v>0</v>
      </c>
      <c r="AF235" s="541"/>
      <c r="AG235" s="542"/>
      <c r="AH235" s="549"/>
      <c r="AI235" s="550"/>
      <c r="AJ235" s="551"/>
      <c r="AK235" s="265"/>
      <c r="AL235" s="329"/>
      <c r="AM235" s="16"/>
      <c r="AN235" s="3" t="str">
        <f t="shared" si="14"/>
        <v>■</v>
      </c>
    </row>
    <row r="236" spans="1:40" ht="13.4" customHeight="1">
      <c r="A236" s="20" t="str">
        <f t="shared" si="13"/>
        <v>SI</v>
      </c>
      <c r="B236" s="20"/>
      <c r="C236" s="541">
        <v>46</v>
      </c>
      <c r="D236" s="542"/>
      <c r="E236" s="543" t="s">
        <v>683</v>
      </c>
      <c r="F236" s="544"/>
      <c r="G236" s="544"/>
      <c r="H236" s="544"/>
      <c r="I236" s="544"/>
      <c r="J236" s="544"/>
      <c r="K236" s="544"/>
      <c r="L236" s="544"/>
      <c r="M236" s="544"/>
      <c r="N236" s="544"/>
      <c r="O236" s="544"/>
      <c r="P236" s="544"/>
      <c r="Q236" s="544"/>
      <c r="R236" s="544"/>
      <c r="S236" s="544"/>
      <c r="T236" s="545"/>
      <c r="U236" s="221" t="s">
        <v>684</v>
      </c>
      <c r="V236" s="546" t="s">
        <v>107</v>
      </c>
      <c r="W236" s="547"/>
      <c r="X236" s="547"/>
      <c r="Y236" s="547"/>
      <c r="Z236" s="548"/>
      <c r="AA236" s="546" t="s">
        <v>108</v>
      </c>
      <c r="AB236" s="547"/>
      <c r="AC236" s="548"/>
      <c r="AD236" s="405">
        <v>3</v>
      </c>
      <c r="AE236" s="415">
        <v>0</v>
      </c>
      <c r="AF236" s="541"/>
      <c r="AG236" s="542"/>
      <c r="AH236" s="549"/>
      <c r="AI236" s="550"/>
      <c r="AJ236" s="551"/>
      <c r="AK236" s="265"/>
      <c r="AL236" s="329"/>
      <c r="AM236" s="16"/>
      <c r="AN236" s="3" t="str">
        <f t="shared" si="14"/>
        <v>■</v>
      </c>
    </row>
    <row r="237" spans="1:40" ht="13.4" customHeight="1">
      <c r="A237" s="20" t="str">
        <f t="shared" si="13"/>
        <v>SI</v>
      </c>
      <c r="B237" s="20"/>
      <c r="C237" s="541">
        <v>47</v>
      </c>
      <c r="D237" s="542"/>
      <c r="E237" s="543" t="s">
        <v>685</v>
      </c>
      <c r="F237" s="544"/>
      <c r="G237" s="544"/>
      <c r="H237" s="544"/>
      <c r="I237" s="544"/>
      <c r="J237" s="544"/>
      <c r="K237" s="544"/>
      <c r="L237" s="544"/>
      <c r="M237" s="544"/>
      <c r="N237" s="544"/>
      <c r="O237" s="544"/>
      <c r="P237" s="544"/>
      <c r="Q237" s="544"/>
      <c r="R237" s="544"/>
      <c r="S237" s="544"/>
      <c r="T237" s="545"/>
      <c r="U237" s="221" t="s">
        <v>686</v>
      </c>
      <c r="V237" s="546" t="s">
        <v>107</v>
      </c>
      <c r="W237" s="547"/>
      <c r="X237" s="547"/>
      <c r="Y237" s="547"/>
      <c r="Z237" s="548"/>
      <c r="AA237" s="546" t="s">
        <v>108</v>
      </c>
      <c r="AB237" s="547"/>
      <c r="AC237" s="548"/>
      <c r="AD237" s="405">
        <v>3</v>
      </c>
      <c r="AE237" s="415">
        <v>0</v>
      </c>
      <c r="AF237" s="541"/>
      <c r="AG237" s="542"/>
      <c r="AH237" s="549"/>
      <c r="AI237" s="550"/>
      <c r="AJ237" s="551"/>
      <c r="AK237" s="265"/>
      <c r="AL237" s="329"/>
      <c r="AM237" s="16"/>
      <c r="AN237" s="3" t="str">
        <f t="shared" si="14"/>
        <v>■</v>
      </c>
    </row>
    <row r="238" spans="1:40" ht="13.4" customHeight="1">
      <c r="A238" s="20" t="str">
        <f t="shared" si="13"/>
        <v>SI</v>
      </c>
      <c r="B238" s="20"/>
      <c r="C238" s="541">
        <v>48</v>
      </c>
      <c r="D238" s="542"/>
      <c r="E238" s="543" t="s">
        <v>687</v>
      </c>
      <c r="F238" s="544"/>
      <c r="G238" s="544"/>
      <c r="H238" s="544"/>
      <c r="I238" s="544"/>
      <c r="J238" s="544"/>
      <c r="K238" s="544"/>
      <c r="L238" s="544"/>
      <c r="M238" s="544"/>
      <c r="N238" s="544"/>
      <c r="O238" s="544"/>
      <c r="P238" s="544"/>
      <c r="Q238" s="544"/>
      <c r="R238" s="544"/>
      <c r="S238" s="544"/>
      <c r="T238" s="545"/>
      <c r="U238" s="221" t="s">
        <v>688</v>
      </c>
      <c r="V238" s="546" t="s">
        <v>107</v>
      </c>
      <c r="W238" s="547"/>
      <c r="X238" s="547"/>
      <c r="Y238" s="547"/>
      <c r="Z238" s="548"/>
      <c r="AA238" s="546" t="s">
        <v>108</v>
      </c>
      <c r="AB238" s="547"/>
      <c r="AC238" s="548"/>
      <c r="AD238" s="405">
        <v>3</v>
      </c>
      <c r="AE238" s="415">
        <v>0</v>
      </c>
      <c r="AF238" s="541"/>
      <c r="AG238" s="542"/>
      <c r="AH238" s="549"/>
      <c r="AI238" s="550"/>
      <c r="AJ238" s="551"/>
      <c r="AK238" s="265"/>
      <c r="AL238" s="329"/>
      <c r="AM238" s="16"/>
      <c r="AN238" s="3" t="str">
        <f t="shared" si="14"/>
        <v>■</v>
      </c>
    </row>
    <row r="239" spans="1:40" ht="13.4" customHeight="1">
      <c r="A239" s="20" t="str">
        <f t="shared" si="13"/>
        <v>SI</v>
      </c>
      <c r="B239" s="20"/>
      <c r="C239" s="541">
        <v>49</v>
      </c>
      <c r="D239" s="542"/>
      <c r="E239" s="543" t="s">
        <v>689</v>
      </c>
      <c r="F239" s="544"/>
      <c r="G239" s="544"/>
      <c r="H239" s="544"/>
      <c r="I239" s="544"/>
      <c r="J239" s="544"/>
      <c r="K239" s="544"/>
      <c r="L239" s="544"/>
      <c r="M239" s="544"/>
      <c r="N239" s="544"/>
      <c r="O239" s="544"/>
      <c r="P239" s="544"/>
      <c r="Q239" s="544"/>
      <c r="R239" s="544"/>
      <c r="S239" s="544"/>
      <c r="T239" s="545"/>
      <c r="U239" s="221" t="s">
        <v>690</v>
      </c>
      <c r="V239" s="546" t="s">
        <v>107</v>
      </c>
      <c r="W239" s="547"/>
      <c r="X239" s="547"/>
      <c r="Y239" s="547"/>
      <c r="Z239" s="548"/>
      <c r="AA239" s="546" t="s">
        <v>102</v>
      </c>
      <c r="AB239" s="547"/>
      <c r="AC239" s="548"/>
      <c r="AD239" s="405">
        <v>2</v>
      </c>
      <c r="AE239" s="415" t="s">
        <v>103</v>
      </c>
      <c r="AF239" s="541"/>
      <c r="AG239" s="542"/>
      <c r="AH239" s="549"/>
      <c r="AI239" s="550"/>
      <c r="AJ239" s="551"/>
      <c r="AK239" s="265"/>
      <c r="AL239" s="329"/>
      <c r="AM239" s="16"/>
      <c r="AN239" s="3" t="str">
        <f t="shared" si="14"/>
        <v>■</v>
      </c>
    </row>
    <row r="240" spans="1:40" ht="13.4" customHeight="1">
      <c r="A240" s="20" t="str">
        <f t="shared" si="13"/>
        <v>SI</v>
      </c>
      <c r="B240" s="20"/>
      <c r="C240" s="541">
        <v>50</v>
      </c>
      <c r="D240" s="542"/>
      <c r="E240" s="543" t="s">
        <v>691</v>
      </c>
      <c r="F240" s="544"/>
      <c r="G240" s="544"/>
      <c r="H240" s="544"/>
      <c r="I240" s="544"/>
      <c r="J240" s="544"/>
      <c r="K240" s="544"/>
      <c r="L240" s="544"/>
      <c r="M240" s="544"/>
      <c r="N240" s="544"/>
      <c r="O240" s="544"/>
      <c r="P240" s="544"/>
      <c r="Q240" s="544"/>
      <c r="R240" s="544"/>
      <c r="S240" s="544"/>
      <c r="T240" s="545"/>
      <c r="U240" s="221" t="s">
        <v>692</v>
      </c>
      <c r="V240" s="546" t="s">
        <v>107</v>
      </c>
      <c r="W240" s="547"/>
      <c r="X240" s="547"/>
      <c r="Y240" s="547"/>
      <c r="Z240" s="548"/>
      <c r="AA240" s="546" t="s">
        <v>108</v>
      </c>
      <c r="AB240" s="547"/>
      <c r="AC240" s="548"/>
      <c r="AD240" s="405">
        <v>5</v>
      </c>
      <c r="AE240" s="415">
        <v>0</v>
      </c>
      <c r="AF240" s="541"/>
      <c r="AG240" s="542"/>
      <c r="AH240" s="549"/>
      <c r="AI240" s="550"/>
      <c r="AJ240" s="551"/>
      <c r="AK240" s="265"/>
      <c r="AL240" s="329"/>
      <c r="AM240" s="16"/>
      <c r="AN240" s="3" t="str">
        <f t="shared" si="14"/>
        <v>■</v>
      </c>
    </row>
    <row r="241" spans="1:40" ht="13.4" customHeight="1">
      <c r="A241" s="20" t="str">
        <f t="shared" si="13"/>
        <v>SI</v>
      </c>
      <c r="B241" s="20"/>
      <c r="C241" s="541">
        <v>51</v>
      </c>
      <c r="D241" s="542"/>
      <c r="E241" s="543" t="s">
        <v>693</v>
      </c>
      <c r="F241" s="544"/>
      <c r="G241" s="544"/>
      <c r="H241" s="544"/>
      <c r="I241" s="544"/>
      <c r="J241" s="544"/>
      <c r="K241" s="544"/>
      <c r="L241" s="544"/>
      <c r="M241" s="544"/>
      <c r="N241" s="544"/>
      <c r="O241" s="544"/>
      <c r="P241" s="544"/>
      <c r="Q241" s="544"/>
      <c r="R241" s="544"/>
      <c r="S241" s="544"/>
      <c r="T241" s="545"/>
      <c r="U241" s="221" t="s">
        <v>694</v>
      </c>
      <c r="V241" s="546" t="s">
        <v>107</v>
      </c>
      <c r="W241" s="547"/>
      <c r="X241" s="547"/>
      <c r="Y241" s="547"/>
      <c r="Z241" s="548"/>
      <c r="AA241" s="546" t="s">
        <v>108</v>
      </c>
      <c r="AB241" s="547"/>
      <c r="AC241" s="548"/>
      <c r="AD241" s="405">
        <v>5</v>
      </c>
      <c r="AE241" s="415">
        <v>0</v>
      </c>
      <c r="AF241" s="541"/>
      <c r="AG241" s="542"/>
      <c r="AH241" s="549"/>
      <c r="AI241" s="550"/>
      <c r="AJ241" s="551"/>
      <c r="AK241" s="265"/>
      <c r="AL241" s="329"/>
      <c r="AM241" s="16"/>
      <c r="AN241" s="3" t="str">
        <f t="shared" si="14"/>
        <v>■</v>
      </c>
    </row>
    <row r="242" spans="1:40" ht="13.4" customHeight="1">
      <c r="A242" s="20" t="str">
        <f t="shared" si="13"/>
        <v>SI</v>
      </c>
      <c r="B242" s="20"/>
      <c r="C242" s="541">
        <v>52</v>
      </c>
      <c r="D242" s="542"/>
      <c r="E242" s="543" t="s">
        <v>695</v>
      </c>
      <c r="F242" s="544"/>
      <c r="G242" s="544"/>
      <c r="H242" s="544"/>
      <c r="I242" s="544"/>
      <c r="J242" s="544"/>
      <c r="K242" s="544"/>
      <c r="L242" s="544"/>
      <c r="M242" s="544"/>
      <c r="N242" s="544"/>
      <c r="O242" s="544"/>
      <c r="P242" s="544"/>
      <c r="Q242" s="544"/>
      <c r="R242" s="544"/>
      <c r="S242" s="544"/>
      <c r="T242" s="545"/>
      <c r="U242" s="221" t="s">
        <v>696</v>
      </c>
      <c r="V242" s="546" t="s">
        <v>107</v>
      </c>
      <c r="W242" s="547"/>
      <c r="X242" s="547"/>
      <c r="Y242" s="547"/>
      <c r="Z242" s="548"/>
      <c r="AA242" s="546" t="s">
        <v>108</v>
      </c>
      <c r="AB242" s="547"/>
      <c r="AC242" s="548"/>
      <c r="AD242" s="405">
        <v>7</v>
      </c>
      <c r="AE242" s="415">
        <v>0</v>
      </c>
      <c r="AF242" s="541"/>
      <c r="AG242" s="542"/>
      <c r="AH242" s="549"/>
      <c r="AI242" s="550"/>
      <c r="AJ242" s="551"/>
      <c r="AK242" s="265" t="s">
        <v>697</v>
      </c>
      <c r="AL242" s="329"/>
      <c r="AM242" s="16"/>
      <c r="AN242" s="3" t="str">
        <f t="shared" si="14"/>
        <v>■</v>
      </c>
    </row>
    <row r="243" spans="1:40" ht="13.4" customHeight="1">
      <c r="A243" s="20" t="str">
        <f t="shared" si="13"/>
        <v>SI</v>
      </c>
      <c r="B243" s="20"/>
      <c r="C243" s="541">
        <v>53</v>
      </c>
      <c r="D243" s="542"/>
      <c r="E243" s="543" t="s">
        <v>698</v>
      </c>
      <c r="F243" s="544"/>
      <c r="G243" s="544"/>
      <c r="H243" s="544"/>
      <c r="I243" s="544"/>
      <c r="J243" s="544"/>
      <c r="K243" s="544"/>
      <c r="L243" s="544"/>
      <c r="M243" s="544"/>
      <c r="N243" s="544"/>
      <c r="O243" s="544"/>
      <c r="P243" s="544"/>
      <c r="Q243" s="544"/>
      <c r="R243" s="544"/>
      <c r="S243" s="544"/>
      <c r="T243" s="545"/>
      <c r="U243" s="221" t="s">
        <v>699</v>
      </c>
      <c r="V243" s="546" t="s">
        <v>101</v>
      </c>
      <c r="W243" s="547"/>
      <c r="X243" s="547"/>
      <c r="Y243" s="547"/>
      <c r="Z243" s="548"/>
      <c r="AA243" s="546" t="s">
        <v>102</v>
      </c>
      <c r="AB243" s="547"/>
      <c r="AC243" s="548"/>
      <c r="AD243" s="405">
        <v>6</v>
      </c>
      <c r="AE243" s="415" t="s">
        <v>103</v>
      </c>
      <c r="AF243" s="541"/>
      <c r="AG243" s="542"/>
      <c r="AH243" s="549"/>
      <c r="AI243" s="550"/>
      <c r="AJ243" s="551"/>
      <c r="AK243" s="265" t="s">
        <v>697</v>
      </c>
      <c r="AL243" s="329"/>
      <c r="AM243" s="16"/>
      <c r="AN243" s="3" t="str">
        <f t="shared" si="14"/>
        <v>■</v>
      </c>
    </row>
    <row r="244" spans="1:40" ht="13.4" customHeight="1">
      <c r="A244" s="20" t="str">
        <f t="shared" si="13"/>
        <v>SI</v>
      </c>
      <c r="B244" s="20"/>
      <c r="C244" s="541">
        <v>54</v>
      </c>
      <c r="D244" s="542"/>
      <c r="E244" s="543" t="s">
        <v>700</v>
      </c>
      <c r="F244" s="544"/>
      <c r="G244" s="544"/>
      <c r="H244" s="544"/>
      <c r="I244" s="544"/>
      <c r="J244" s="544"/>
      <c r="K244" s="544"/>
      <c r="L244" s="544"/>
      <c r="M244" s="544"/>
      <c r="N244" s="544"/>
      <c r="O244" s="544"/>
      <c r="P244" s="544"/>
      <c r="Q244" s="544"/>
      <c r="R244" s="544"/>
      <c r="S244" s="544"/>
      <c r="T244" s="545"/>
      <c r="U244" s="221" t="s">
        <v>701</v>
      </c>
      <c r="V244" s="546" t="s">
        <v>107</v>
      </c>
      <c r="W244" s="547"/>
      <c r="X244" s="547"/>
      <c r="Y244" s="547"/>
      <c r="Z244" s="548"/>
      <c r="AA244" s="546" t="s">
        <v>108</v>
      </c>
      <c r="AB244" s="547"/>
      <c r="AC244" s="548"/>
      <c r="AD244" s="405">
        <v>3</v>
      </c>
      <c r="AE244" s="415">
        <v>0</v>
      </c>
      <c r="AF244" s="541"/>
      <c r="AG244" s="542"/>
      <c r="AH244" s="549"/>
      <c r="AI244" s="550"/>
      <c r="AJ244" s="551"/>
      <c r="AK244" s="265"/>
      <c r="AL244" s="329"/>
      <c r="AM244" s="16"/>
      <c r="AN244" s="3" t="str">
        <f t="shared" si="14"/>
        <v>■</v>
      </c>
    </row>
    <row r="245" spans="1:40" ht="13.4" customHeight="1">
      <c r="A245" s="20" t="str">
        <f t="shared" si="13"/>
        <v>SI</v>
      </c>
      <c r="B245" s="20"/>
      <c r="C245" s="541">
        <v>55</v>
      </c>
      <c r="D245" s="542"/>
      <c r="E245" s="543" t="s">
        <v>702</v>
      </c>
      <c r="F245" s="544"/>
      <c r="G245" s="544"/>
      <c r="H245" s="544"/>
      <c r="I245" s="544"/>
      <c r="J245" s="544"/>
      <c r="K245" s="544"/>
      <c r="L245" s="544"/>
      <c r="M245" s="544"/>
      <c r="N245" s="544"/>
      <c r="O245" s="544"/>
      <c r="P245" s="544"/>
      <c r="Q245" s="544"/>
      <c r="R245" s="544"/>
      <c r="S245" s="544"/>
      <c r="T245" s="545"/>
      <c r="U245" s="221" t="s">
        <v>703</v>
      </c>
      <c r="V245" s="546" t="s">
        <v>101</v>
      </c>
      <c r="W245" s="547"/>
      <c r="X245" s="547"/>
      <c r="Y245" s="547"/>
      <c r="Z245" s="548"/>
      <c r="AA245" s="546" t="s">
        <v>102</v>
      </c>
      <c r="AB245" s="547"/>
      <c r="AC245" s="548"/>
      <c r="AD245" s="405">
        <v>6</v>
      </c>
      <c r="AE245" s="415" t="s">
        <v>103</v>
      </c>
      <c r="AF245" s="541"/>
      <c r="AG245" s="542"/>
      <c r="AH245" s="549"/>
      <c r="AI245" s="550"/>
      <c r="AJ245" s="551"/>
      <c r="AK245" s="265"/>
      <c r="AL245" s="329"/>
      <c r="AM245" s="16"/>
      <c r="AN245" s="3" t="str">
        <f t="shared" si="14"/>
        <v>■</v>
      </c>
    </row>
    <row r="246" spans="1:40" ht="13.4" customHeight="1">
      <c r="A246" s="20" t="str">
        <f t="shared" si="13"/>
        <v>SI</v>
      </c>
      <c r="B246" s="20"/>
      <c r="C246" s="541">
        <v>56</v>
      </c>
      <c r="D246" s="542"/>
      <c r="E246" s="543" t="s">
        <v>409</v>
      </c>
      <c r="F246" s="544"/>
      <c r="G246" s="544"/>
      <c r="H246" s="544"/>
      <c r="I246" s="544"/>
      <c r="J246" s="544"/>
      <c r="K246" s="544"/>
      <c r="L246" s="544"/>
      <c r="M246" s="544"/>
      <c r="N246" s="544"/>
      <c r="O246" s="544"/>
      <c r="P246" s="544"/>
      <c r="Q246" s="544"/>
      <c r="R246" s="544"/>
      <c r="S246" s="544"/>
      <c r="T246" s="545"/>
      <c r="U246" s="221" t="s">
        <v>453</v>
      </c>
      <c r="V246" s="546" t="s">
        <v>107</v>
      </c>
      <c r="W246" s="547"/>
      <c r="X246" s="547"/>
      <c r="Y246" s="547"/>
      <c r="Z246" s="548"/>
      <c r="AA246" s="546" t="s">
        <v>102</v>
      </c>
      <c r="AB246" s="547"/>
      <c r="AC246" s="548"/>
      <c r="AD246" s="405">
        <v>6</v>
      </c>
      <c r="AE246" s="415" t="s">
        <v>103</v>
      </c>
      <c r="AF246" s="541"/>
      <c r="AG246" s="542"/>
      <c r="AH246" s="549"/>
      <c r="AI246" s="550"/>
      <c r="AJ246" s="551"/>
      <c r="AK246" s="265"/>
      <c r="AL246" s="329"/>
      <c r="AM246" s="16"/>
      <c r="AN246" s="3" t="str">
        <f t="shared" si="14"/>
        <v>■</v>
      </c>
    </row>
    <row r="247" spans="1:40" ht="13.4" customHeight="1">
      <c r="A247" s="20" t="str">
        <f t="shared" si="13"/>
        <v>SI</v>
      </c>
      <c r="B247" s="20"/>
      <c r="C247" s="541">
        <v>57</v>
      </c>
      <c r="D247" s="542"/>
      <c r="E247" s="543" t="s">
        <v>411</v>
      </c>
      <c r="F247" s="544"/>
      <c r="G247" s="544"/>
      <c r="H247" s="544"/>
      <c r="I247" s="544"/>
      <c r="J247" s="544"/>
      <c r="K247" s="544"/>
      <c r="L247" s="544"/>
      <c r="M247" s="544"/>
      <c r="N247" s="544"/>
      <c r="O247" s="544"/>
      <c r="P247" s="544"/>
      <c r="Q247" s="544"/>
      <c r="R247" s="544"/>
      <c r="S247" s="544"/>
      <c r="T247" s="545"/>
      <c r="U247" s="221" t="s">
        <v>516</v>
      </c>
      <c r="V247" s="546" t="s">
        <v>107</v>
      </c>
      <c r="W247" s="547"/>
      <c r="X247" s="547"/>
      <c r="Y247" s="547"/>
      <c r="Z247" s="548"/>
      <c r="AA247" s="546" t="s">
        <v>102</v>
      </c>
      <c r="AB247" s="547"/>
      <c r="AC247" s="548"/>
      <c r="AD247" s="403">
        <v>6</v>
      </c>
      <c r="AE247" s="415" t="s">
        <v>103</v>
      </c>
      <c r="AF247" s="541"/>
      <c r="AG247" s="542"/>
      <c r="AH247" s="549"/>
      <c r="AI247" s="550"/>
      <c r="AJ247" s="551"/>
      <c r="AK247" s="265"/>
      <c r="AL247" s="334"/>
      <c r="AM247" s="16"/>
      <c r="AN247" s="3" t="str">
        <f t="shared" si="14"/>
        <v>■</v>
      </c>
    </row>
    <row r="248" spans="1:40">
      <c r="A248" s="20" t="str">
        <f>IF(LEN(J248)&gt;0,MID(J248,FIND("（",J248,1)+1,2),A243)</f>
        <v>SI</v>
      </c>
      <c r="B248" s="20"/>
      <c r="V248" s="238"/>
      <c r="W248" s="238"/>
      <c r="X248" s="238"/>
      <c r="Y248" s="238"/>
      <c r="Z248" s="238"/>
      <c r="AA248" s="238"/>
      <c r="AB248" s="238"/>
      <c r="AC248" s="238"/>
      <c r="AD248" s="122"/>
      <c r="AE248" s="122"/>
      <c r="AF248" s="238"/>
      <c r="AG248" s="238"/>
      <c r="AH248" s="238"/>
      <c r="AI248" s="238"/>
      <c r="AJ248" s="238"/>
      <c r="AK248" s="55"/>
      <c r="AL248" s="329"/>
      <c r="AM248" s="16"/>
    </row>
    <row r="249" spans="1:40" s="1" customFormat="1">
      <c r="A249" s="20" t="str">
        <f t="shared" ref="A249:A307" si="15">IF(LEN(J249)&gt;0,MID(J249,FIND("（",J249,1)+1,2),A248)</f>
        <v>IY</v>
      </c>
      <c r="B249" s="20"/>
      <c r="C249" s="52" t="s">
        <v>380</v>
      </c>
      <c r="D249" s="16"/>
      <c r="E249" s="26"/>
      <c r="F249" s="26"/>
      <c r="G249" s="26"/>
      <c r="H249" s="26"/>
      <c r="I249" s="26"/>
      <c r="J249" s="26" t="s">
        <v>704</v>
      </c>
      <c r="K249" s="26"/>
      <c r="L249" s="26"/>
      <c r="M249" s="26"/>
      <c r="N249" s="26"/>
      <c r="O249" s="26"/>
      <c r="P249" s="26"/>
      <c r="Q249" s="26"/>
      <c r="R249" s="26"/>
      <c r="S249" s="26"/>
      <c r="T249" s="26"/>
      <c r="U249" s="26" t="s">
        <v>705</v>
      </c>
      <c r="V249" s="122"/>
      <c r="W249" s="122"/>
      <c r="X249" s="122"/>
      <c r="Y249" s="122"/>
      <c r="Z249" s="122"/>
      <c r="AA249" s="122"/>
      <c r="AB249" s="122"/>
      <c r="AC249" s="122"/>
      <c r="AD249" s="122"/>
      <c r="AE249" s="122"/>
      <c r="AF249" s="122"/>
      <c r="AG249" s="122"/>
      <c r="AH249" s="122"/>
      <c r="AI249" s="122"/>
      <c r="AJ249" s="122"/>
      <c r="AK249" s="26"/>
      <c r="AL249" s="329"/>
      <c r="AM249" s="26"/>
    </row>
    <row r="250" spans="1:40" ht="13.5" customHeight="1">
      <c r="A250" s="20" t="str">
        <f t="shared" si="15"/>
        <v>IY</v>
      </c>
      <c r="B250" s="20"/>
      <c r="C250" s="571" t="s">
        <v>73</v>
      </c>
      <c r="D250" s="573"/>
      <c r="E250" s="571" t="s">
        <v>94</v>
      </c>
      <c r="F250" s="571"/>
      <c r="G250" s="571"/>
      <c r="H250" s="571"/>
      <c r="I250" s="571"/>
      <c r="J250" s="571"/>
      <c r="K250" s="571"/>
      <c r="L250" s="571"/>
      <c r="M250" s="571"/>
      <c r="N250" s="571"/>
      <c r="O250" s="571"/>
      <c r="P250" s="571"/>
      <c r="Q250" s="571"/>
      <c r="R250" s="571"/>
      <c r="S250" s="571"/>
      <c r="T250" s="571"/>
      <c r="U250" s="226" t="s">
        <v>383</v>
      </c>
      <c r="V250" s="574" t="s">
        <v>138</v>
      </c>
      <c r="W250" s="574"/>
      <c r="X250" s="574"/>
      <c r="Y250" s="574"/>
      <c r="Z250" s="574"/>
      <c r="AA250" s="575" t="s">
        <v>415</v>
      </c>
      <c r="AB250" s="576"/>
      <c r="AC250" s="577"/>
      <c r="AD250" s="493" t="s">
        <v>97</v>
      </c>
      <c r="AE250" s="493"/>
      <c r="AF250" s="574" t="s">
        <v>98</v>
      </c>
      <c r="AG250" s="574"/>
      <c r="AH250" s="571" t="s">
        <v>75</v>
      </c>
      <c r="AI250" s="571"/>
      <c r="AJ250" s="571"/>
      <c r="AK250" s="581" t="s">
        <v>159</v>
      </c>
      <c r="AL250" s="329"/>
      <c r="AM250" s="16"/>
    </row>
    <row r="251" spans="1:40">
      <c r="A251" s="20" t="str">
        <f t="shared" si="15"/>
        <v>IY</v>
      </c>
      <c r="B251" s="20"/>
      <c r="C251" s="573"/>
      <c r="D251" s="573"/>
      <c r="E251" s="571"/>
      <c r="F251" s="571"/>
      <c r="G251" s="571"/>
      <c r="H251" s="571"/>
      <c r="I251" s="571"/>
      <c r="J251" s="571"/>
      <c r="K251" s="571"/>
      <c r="L251" s="571"/>
      <c r="M251" s="571"/>
      <c r="N251" s="571"/>
      <c r="O251" s="571"/>
      <c r="P251" s="571"/>
      <c r="Q251" s="571"/>
      <c r="R251" s="571"/>
      <c r="S251" s="571"/>
      <c r="T251" s="571"/>
      <c r="U251" s="227"/>
      <c r="V251" s="574"/>
      <c r="W251" s="574"/>
      <c r="X251" s="574"/>
      <c r="Y251" s="574"/>
      <c r="Z251" s="574"/>
      <c r="AA251" s="578"/>
      <c r="AB251" s="579"/>
      <c r="AC251" s="580"/>
      <c r="AD251" s="493"/>
      <c r="AE251" s="493"/>
      <c r="AF251" s="574"/>
      <c r="AG251" s="574"/>
      <c r="AH251" s="571"/>
      <c r="AI251" s="571"/>
      <c r="AJ251" s="571"/>
      <c r="AK251" s="582"/>
      <c r="AL251" s="330"/>
      <c r="AM251" s="16"/>
    </row>
    <row r="252" spans="1:40" ht="13.4" customHeight="1">
      <c r="A252" s="20" t="str">
        <f t="shared" si="15"/>
        <v>IY</v>
      </c>
      <c r="B252" s="20"/>
      <c r="C252" s="541">
        <v>1</v>
      </c>
      <c r="D252" s="542"/>
      <c r="E252" s="563" t="s">
        <v>440</v>
      </c>
      <c r="F252" s="564"/>
      <c r="G252" s="564"/>
      <c r="H252" s="564"/>
      <c r="I252" s="564"/>
      <c r="J252" s="564"/>
      <c r="K252" s="564"/>
      <c r="L252" s="564"/>
      <c r="M252" s="564"/>
      <c r="N252" s="564"/>
      <c r="O252" s="564"/>
      <c r="P252" s="564"/>
      <c r="Q252" s="564"/>
      <c r="R252" s="564"/>
      <c r="S252" s="564"/>
      <c r="T252" s="565"/>
      <c r="U252" s="219" t="s">
        <v>441</v>
      </c>
      <c r="V252" s="546" t="s">
        <v>101</v>
      </c>
      <c r="W252" s="547"/>
      <c r="X252" s="547"/>
      <c r="Y252" s="547"/>
      <c r="Z252" s="548"/>
      <c r="AA252" s="546" t="s">
        <v>102</v>
      </c>
      <c r="AB252" s="547"/>
      <c r="AC252" s="548"/>
      <c r="AD252" s="415">
        <v>10</v>
      </c>
      <c r="AE252" s="415" t="s">
        <v>103</v>
      </c>
      <c r="AF252" s="541"/>
      <c r="AG252" s="542"/>
      <c r="AH252" s="549"/>
      <c r="AI252" s="550"/>
      <c r="AJ252" s="551"/>
      <c r="AK252" s="335"/>
      <c r="AL252" s="330"/>
      <c r="AM252" s="16"/>
      <c r="AN252" s="3" t="str">
        <f>$M$20</f>
        <v>■</v>
      </c>
    </row>
    <row r="253" spans="1:40" ht="13.4" customHeight="1">
      <c r="A253" s="20" t="str">
        <f t="shared" si="15"/>
        <v>IY</v>
      </c>
      <c r="B253" s="20"/>
      <c r="C253" s="541">
        <v>2</v>
      </c>
      <c r="D253" s="542"/>
      <c r="E253" s="563" t="s">
        <v>442</v>
      </c>
      <c r="F253" s="564"/>
      <c r="G253" s="564"/>
      <c r="H253" s="564"/>
      <c r="I253" s="564"/>
      <c r="J253" s="564"/>
      <c r="K253" s="564"/>
      <c r="L253" s="564"/>
      <c r="M253" s="564"/>
      <c r="N253" s="564"/>
      <c r="O253" s="564"/>
      <c r="P253" s="564"/>
      <c r="Q253" s="564"/>
      <c r="R253" s="564"/>
      <c r="S253" s="564"/>
      <c r="T253" s="565"/>
      <c r="U253" s="219" t="s">
        <v>443</v>
      </c>
      <c r="V253" s="546" t="s">
        <v>101</v>
      </c>
      <c r="W253" s="547"/>
      <c r="X253" s="547"/>
      <c r="Y253" s="547"/>
      <c r="Z253" s="548"/>
      <c r="AA253" s="546" t="s">
        <v>102</v>
      </c>
      <c r="AB253" s="547"/>
      <c r="AC253" s="548"/>
      <c r="AD253" s="415">
        <v>51</v>
      </c>
      <c r="AE253" s="415" t="s">
        <v>103</v>
      </c>
      <c r="AF253" s="541"/>
      <c r="AG253" s="542"/>
      <c r="AH253" s="549"/>
      <c r="AI253" s="550"/>
      <c r="AJ253" s="551"/>
      <c r="AK253" s="335"/>
      <c r="AL253" s="329"/>
      <c r="AM253" s="16"/>
      <c r="AN253" s="3" t="str">
        <f t="shared" ref="AN253:AN308" si="16">$M$20</f>
        <v>■</v>
      </c>
    </row>
    <row r="254" spans="1:40" s="28" customFormat="1" ht="13.4" customHeight="1">
      <c r="A254" s="20" t="str">
        <f t="shared" si="15"/>
        <v>IY</v>
      </c>
      <c r="B254" s="20"/>
      <c r="C254" s="552">
        <v>3</v>
      </c>
      <c r="D254" s="553"/>
      <c r="E254" s="566" t="s">
        <v>106</v>
      </c>
      <c r="F254" s="567"/>
      <c r="G254" s="567"/>
      <c r="H254" s="567"/>
      <c r="I254" s="567"/>
      <c r="J254" s="567"/>
      <c r="K254" s="567"/>
      <c r="L254" s="567"/>
      <c r="M254" s="567"/>
      <c r="N254" s="567"/>
      <c r="O254" s="567"/>
      <c r="P254" s="567"/>
      <c r="Q254" s="567"/>
      <c r="R254" s="567"/>
      <c r="S254" s="567"/>
      <c r="T254" s="568"/>
      <c r="U254" s="220" t="s">
        <v>444</v>
      </c>
      <c r="V254" s="557" t="s">
        <v>107</v>
      </c>
      <c r="W254" s="558"/>
      <c r="X254" s="558"/>
      <c r="Y254" s="558"/>
      <c r="Z254" s="559"/>
      <c r="AA254" s="557" t="s">
        <v>108</v>
      </c>
      <c r="AB254" s="558"/>
      <c r="AC254" s="559"/>
      <c r="AD254" s="419">
        <v>1</v>
      </c>
      <c r="AE254" s="419">
        <v>0</v>
      </c>
      <c r="AF254" s="552" t="s">
        <v>109</v>
      </c>
      <c r="AG254" s="553"/>
      <c r="AH254" s="560"/>
      <c r="AI254" s="561"/>
      <c r="AJ254" s="562"/>
      <c r="AK254" s="321" t="s">
        <v>391</v>
      </c>
      <c r="AL254" s="329"/>
      <c r="AM254" s="331"/>
      <c r="AN254" s="3" t="str">
        <f t="shared" si="16"/>
        <v>■</v>
      </c>
    </row>
    <row r="255" spans="1:40" s="28" customFormat="1" ht="13.4" customHeight="1">
      <c r="A255" s="20" t="str">
        <f t="shared" si="15"/>
        <v>IY</v>
      </c>
      <c r="B255" s="20"/>
      <c r="C255" s="541">
        <v>4</v>
      </c>
      <c r="D255" s="542"/>
      <c r="E255" s="563" t="s">
        <v>110</v>
      </c>
      <c r="F255" s="564"/>
      <c r="G255" s="564"/>
      <c r="H255" s="564"/>
      <c r="I255" s="564"/>
      <c r="J255" s="564"/>
      <c r="K255" s="564"/>
      <c r="L255" s="564"/>
      <c r="M255" s="564"/>
      <c r="N255" s="564"/>
      <c r="O255" s="564"/>
      <c r="P255" s="564"/>
      <c r="Q255" s="564"/>
      <c r="R255" s="564"/>
      <c r="S255" s="564"/>
      <c r="T255" s="565"/>
      <c r="U255" s="221" t="s">
        <v>445</v>
      </c>
      <c r="V255" s="546" t="s">
        <v>107</v>
      </c>
      <c r="W255" s="547"/>
      <c r="X255" s="547"/>
      <c r="Y255" s="547"/>
      <c r="Z255" s="548"/>
      <c r="AA255" s="546" t="s">
        <v>108</v>
      </c>
      <c r="AB255" s="547"/>
      <c r="AC255" s="548"/>
      <c r="AD255" s="415">
        <v>1</v>
      </c>
      <c r="AE255" s="415">
        <v>0</v>
      </c>
      <c r="AF255" s="541"/>
      <c r="AG255" s="542"/>
      <c r="AH255" s="549"/>
      <c r="AI255" s="550"/>
      <c r="AJ255" s="551"/>
      <c r="AK255" s="265"/>
      <c r="AL255" s="329"/>
      <c r="AM255" s="331"/>
      <c r="AN255" s="3" t="str">
        <f t="shared" si="16"/>
        <v>■</v>
      </c>
    </row>
    <row r="256" spans="1:40" ht="13.4" customHeight="1">
      <c r="A256" s="20" t="str">
        <f t="shared" si="15"/>
        <v>IY</v>
      </c>
      <c r="B256" s="20"/>
      <c r="C256" s="541">
        <v>5</v>
      </c>
      <c r="D256" s="542"/>
      <c r="E256" s="543" t="s">
        <v>80</v>
      </c>
      <c r="F256" s="544"/>
      <c r="G256" s="544"/>
      <c r="H256" s="544"/>
      <c r="I256" s="544"/>
      <c r="J256" s="544"/>
      <c r="K256" s="544"/>
      <c r="L256" s="544"/>
      <c r="M256" s="544"/>
      <c r="N256" s="544"/>
      <c r="O256" s="544"/>
      <c r="P256" s="544"/>
      <c r="Q256" s="544"/>
      <c r="R256" s="544"/>
      <c r="S256" s="544"/>
      <c r="T256" s="545"/>
      <c r="U256" s="221" t="s">
        <v>446</v>
      </c>
      <c r="V256" s="546" t="s">
        <v>101</v>
      </c>
      <c r="W256" s="547"/>
      <c r="X256" s="547"/>
      <c r="Y256" s="547"/>
      <c r="Z256" s="548"/>
      <c r="AA256" s="546" t="s">
        <v>102</v>
      </c>
      <c r="AB256" s="547"/>
      <c r="AC256" s="548"/>
      <c r="AD256" s="415">
        <v>2</v>
      </c>
      <c r="AE256" s="415" t="s">
        <v>103</v>
      </c>
      <c r="AF256" s="541"/>
      <c r="AG256" s="542"/>
      <c r="AH256" s="549"/>
      <c r="AI256" s="550"/>
      <c r="AJ256" s="551"/>
      <c r="AK256" s="265"/>
      <c r="AL256" s="329"/>
      <c r="AM256" s="16"/>
      <c r="AN256" s="3" t="str">
        <f t="shared" si="16"/>
        <v>■</v>
      </c>
    </row>
    <row r="257" spans="1:40" ht="13.4" customHeight="1">
      <c r="A257" s="20" t="str">
        <f t="shared" si="15"/>
        <v>IY</v>
      </c>
      <c r="B257" s="20"/>
      <c r="C257" s="541">
        <v>6</v>
      </c>
      <c r="D257" s="542"/>
      <c r="E257" s="543" t="s">
        <v>172</v>
      </c>
      <c r="F257" s="544"/>
      <c r="G257" s="544"/>
      <c r="H257" s="544"/>
      <c r="I257" s="544"/>
      <c r="J257" s="544"/>
      <c r="K257" s="544"/>
      <c r="L257" s="544"/>
      <c r="M257" s="544"/>
      <c r="N257" s="544"/>
      <c r="O257" s="544"/>
      <c r="P257" s="544"/>
      <c r="Q257" s="544"/>
      <c r="R257" s="544"/>
      <c r="S257" s="544"/>
      <c r="T257" s="545"/>
      <c r="U257" s="221" t="s">
        <v>605</v>
      </c>
      <c r="V257" s="546" t="s">
        <v>107</v>
      </c>
      <c r="W257" s="547"/>
      <c r="X257" s="547"/>
      <c r="Y257" s="547"/>
      <c r="Z257" s="548"/>
      <c r="AA257" s="546" t="s">
        <v>102</v>
      </c>
      <c r="AB257" s="547"/>
      <c r="AC257" s="548"/>
      <c r="AD257" s="415">
        <v>2</v>
      </c>
      <c r="AE257" s="415" t="s">
        <v>103</v>
      </c>
      <c r="AF257" s="541"/>
      <c r="AG257" s="542"/>
      <c r="AH257" s="549"/>
      <c r="AI257" s="550"/>
      <c r="AJ257" s="551"/>
      <c r="AK257" s="265"/>
      <c r="AL257" s="329"/>
      <c r="AM257" s="16"/>
      <c r="AN257" s="3" t="str">
        <f t="shared" si="16"/>
        <v>■</v>
      </c>
    </row>
    <row r="258" spans="1:40" ht="13.4" customHeight="1">
      <c r="A258" s="20" t="str">
        <f t="shared" si="15"/>
        <v>IY</v>
      </c>
      <c r="B258" s="20"/>
      <c r="C258" s="541">
        <v>7</v>
      </c>
      <c r="D258" s="542"/>
      <c r="E258" s="543" t="s">
        <v>606</v>
      </c>
      <c r="F258" s="544"/>
      <c r="G258" s="544"/>
      <c r="H258" s="544"/>
      <c r="I258" s="544"/>
      <c r="J258" s="544"/>
      <c r="K258" s="544"/>
      <c r="L258" s="544"/>
      <c r="M258" s="544"/>
      <c r="N258" s="544"/>
      <c r="O258" s="544"/>
      <c r="P258" s="544"/>
      <c r="Q258" s="544"/>
      <c r="R258" s="544"/>
      <c r="S258" s="544"/>
      <c r="T258" s="545"/>
      <c r="U258" s="221" t="s">
        <v>607</v>
      </c>
      <c r="V258" s="546" t="s">
        <v>101</v>
      </c>
      <c r="W258" s="547"/>
      <c r="X258" s="547"/>
      <c r="Y258" s="547"/>
      <c r="Z258" s="548"/>
      <c r="AA258" s="546" t="s">
        <v>102</v>
      </c>
      <c r="AB258" s="547"/>
      <c r="AC258" s="548"/>
      <c r="AD258" s="415">
        <v>1</v>
      </c>
      <c r="AE258" s="415" t="s">
        <v>103</v>
      </c>
      <c r="AF258" s="541"/>
      <c r="AG258" s="542"/>
      <c r="AH258" s="549"/>
      <c r="AI258" s="550"/>
      <c r="AJ258" s="551"/>
      <c r="AK258" s="265"/>
      <c r="AL258" s="329"/>
      <c r="AM258" s="16"/>
      <c r="AN258" s="3" t="str">
        <f t="shared" si="16"/>
        <v>■</v>
      </c>
    </row>
    <row r="259" spans="1:40" ht="13.4" customHeight="1">
      <c r="A259" s="20" t="str">
        <f t="shared" si="15"/>
        <v>IY</v>
      </c>
      <c r="B259" s="20"/>
      <c r="C259" s="541">
        <v>8</v>
      </c>
      <c r="D259" s="542"/>
      <c r="E259" s="543" t="s">
        <v>706</v>
      </c>
      <c r="F259" s="544"/>
      <c r="G259" s="544"/>
      <c r="H259" s="544"/>
      <c r="I259" s="544"/>
      <c r="J259" s="544"/>
      <c r="K259" s="544"/>
      <c r="L259" s="544"/>
      <c r="M259" s="544"/>
      <c r="N259" s="544"/>
      <c r="O259" s="544"/>
      <c r="P259" s="544"/>
      <c r="Q259" s="544"/>
      <c r="R259" s="544"/>
      <c r="S259" s="544"/>
      <c r="T259" s="545"/>
      <c r="U259" s="221" t="s">
        <v>707</v>
      </c>
      <c r="V259" s="546" t="s">
        <v>107</v>
      </c>
      <c r="W259" s="547"/>
      <c r="X259" s="547"/>
      <c r="Y259" s="547"/>
      <c r="Z259" s="548"/>
      <c r="AA259" s="546" t="s">
        <v>102</v>
      </c>
      <c r="AB259" s="547"/>
      <c r="AC259" s="548"/>
      <c r="AD259" s="415">
        <v>9</v>
      </c>
      <c r="AE259" s="415" t="s">
        <v>103</v>
      </c>
      <c r="AF259" s="541"/>
      <c r="AG259" s="542"/>
      <c r="AH259" s="549"/>
      <c r="AI259" s="550"/>
      <c r="AJ259" s="551"/>
      <c r="AK259" s="265"/>
      <c r="AL259" s="329"/>
      <c r="AM259" s="16"/>
      <c r="AN259" s="3" t="str">
        <f t="shared" si="16"/>
        <v>■</v>
      </c>
    </row>
    <row r="260" spans="1:40" ht="13.4" customHeight="1">
      <c r="A260" s="20" t="str">
        <f t="shared" si="15"/>
        <v>IY</v>
      </c>
      <c r="B260" s="20"/>
      <c r="C260" s="541">
        <v>9</v>
      </c>
      <c r="D260" s="542"/>
      <c r="E260" s="543" t="s">
        <v>708</v>
      </c>
      <c r="F260" s="544"/>
      <c r="G260" s="544"/>
      <c r="H260" s="544"/>
      <c r="I260" s="544"/>
      <c r="J260" s="544"/>
      <c r="K260" s="544"/>
      <c r="L260" s="544"/>
      <c r="M260" s="544"/>
      <c r="N260" s="544"/>
      <c r="O260" s="544"/>
      <c r="P260" s="544"/>
      <c r="Q260" s="544"/>
      <c r="R260" s="544"/>
      <c r="S260" s="544"/>
      <c r="T260" s="545"/>
      <c r="U260" s="221" t="s">
        <v>709</v>
      </c>
      <c r="V260" s="546" t="s">
        <v>107</v>
      </c>
      <c r="W260" s="547"/>
      <c r="X260" s="547"/>
      <c r="Y260" s="547"/>
      <c r="Z260" s="548"/>
      <c r="AA260" s="546" t="s">
        <v>710</v>
      </c>
      <c r="AB260" s="547"/>
      <c r="AC260" s="548"/>
      <c r="AD260" s="415">
        <v>5</v>
      </c>
      <c r="AE260" s="415">
        <v>5</v>
      </c>
      <c r="AF260" s="541"/>
      <c r="AG260" s="542"/>
      <c r="AH260" s="549"/>
      <c r="AI260" s="550"/>
      <c r="AJ260" s="551"/>
      <c r="AK260" s="265"/>
      <c r="AL260" s="329"/>
      <c r="AM260" s="16"/>
      <c r="AN260" s="3" t="str">
        <f t="shared" si="16"/>
        <v>■</v>
      </c>
    </row>
    <row r="261" spans="1:40" ht="13.4" customHeight="1">
      <c r="A261" s="20" t="str">
        <f t="shared" si="15"/>
        <v>IY</v>
      </c>
      <c r="B261" s="20"/>
      <c r="C261" s="541">
        <v>10</v>
      </c>
      <c r="D261" s="542"/>
      <c r="E261" s="543" t="s">
        <v>612</v>
      </c>
      <c r="F261" s="544"/>
      <c r="G261" s="544"/>
      <c r="H261" s="544"/>
      <c r="I261" s="544"/>
      <c r="J261" s="544"/>
      <c r="K261" s="544"/>
      <c r="L261" s="544"/>
      <c r="M261" s="544"/>
      <c r="N261" s="544"/>
      <c r="O261" s="544"/>
      <c r="P261" s="544"/>
      <c r="Q261" s="544"/>
      <c r="R261" s="544"/>
      <c r="S261" s="544"/>
      <c r="T261" s="545"/>
      <c r="U261" s="221" t="s">
        <v>613</v>
      </c>
      <c r="V261" s="546" t="s">
        <v>107</v>
      </c>
      <c r="W261" s="547"/>
      <c r="X261" s="547"/>
      <c r="Y261" s="547"/>
      <c r="Z261" s="548"/>
      <c r="AA261" s="546" t="s">
        <v>108</v>
      </c>
      <c r="AB261" s="547"/>
      <c r="AC261" s="548"/>
      <c r="AD261" s="415">
        <v>7</v>
      </c>
      <c r="AE261" s="415">
        <v>0</v>
      </c>
      <c r="AF261" s="541"/>
      <c r="AG261" s="542"/>
      <c r="AH261" s="549"/>
      <c r="AI261" s="550"/>
      <c r="AJ261" s="551"/>
      <c r="AK261" s="265"/>
      <c r="AL261" s="330"/>
      <c r="AM261" s="16"/>
      <c r="AN261" s="3" t="str">
        <f t="shared" si="16"/>
        <v>■</v>
      </c>
    </row>
    <row r="262" spans="1:40" ht="13.4" customHeight="1">
      <c r="A262" s="20" t="str">
        <f t="shared" si="15"/>
        <v>IY</v>
      </c>
      <c r="B262" s="20"/>
      <c r="C262" s="541">
        <v>11</v>
      </c>
      <c r="D262" s="542"/>
      <c r="E262" s="543" t="s">
        <v>614</v>
      </c>
      <c r="F262" s="544"/>
      <c r="G262" s="544"/>
      <c r="H262" s="544"/>
      <c r="I262" s="544"/>
      <c r="J262" s="544"/>
      <c r="K262" s="544"/>
      <c r="L262" s="544"/>
      <c r="M262" s="544"/>
      <c r="N262" s="544"/>
      <c r="O262" s="544"/>
      <c r="P262" s="544"/>
      <c r="Q262" s="544"/>
      <c r="R262" s="544"/>
      <c r="S262" s="544"/>
      <c r="T262" s="545"/>
      <c r="U262" s="221" t="s">
        <v>557</v>
      </c>
      <c r="V262" s="546" t="s">
        <v>107</v>
      </c>
      <c r="W262" s="547"/>
      <c r="X262" s="547"/>
      <c r="Y262" s="547"/>
      <c r="Z262" s="548"/>
      <c r="AA262" s="546" t="s">
        <v>108</v>
      </c>
      <c r="AB262" s="547"/>
      <c r="AC262" s="548"/>
      <c r="AD262" s="415">
        <v>3</v>
      </c>
      <c r="AE262" s="415">
        <v>0</v>
      </c>
      <c r="AF262" s="541"/>
      <c r="AG262" s="542"/>
      <c r="AH262" s="549"/>
      <c r="AI262" s="550"/>
      <c r="AJ262" s="551"/>
      <c r="AK262" s="265"/>
      <c r="AL262" s="330"/>
      <c r="AM262" s="16"/>
      <c r="AN262" s="3" t="str">
        <f t="shared" si="16"/>
        <v>■</v>
      </c>
    </row>
    <row r="263" spans="1:40" ht="13.4" customHeight="1">
      <c r="A263" s="20" t="str">
        <f t="shared" si="15"/>
        <v>IY</v>
      </c>
      <c r="B263" s="20"/>
      <c r="C263" s="541">
        <v>12</v>
      </c>
      <c r="D263" s="542"/>
      <c r="E263" s="543" t="s">
        <v>615</v>
      </c>
      <c r="F263" s="544"/>
      <c r="G263" s="544"/>
      <c r="H263" s="544"/>
      <c r="I263" s="544"/>
      <c r="J263" s="544"/>
      <c r="K263" s="544"/>
      <c r="L263" s="544"/>
      <c r="M263" s="544"/>
      <c r="N263" s="544"/>
      <c r="O263" s="544"/>
      <c r="P263" s="544"/>
      <c r="Q263" s="544"/>
      <c r="R263" s="544"/>
      <c r="S263" s="544"/>
      <c r="T263" s="545"/>
      <c r="U263" s="221" t="s">
        <v>616</v>
      </c>
      <c r="V263" s="546" t="s">
        <v>107</v>
      </c>
      <c r="W263" s="547"/>
      <c r="X263" s="547"/>
      <c r="Y263" s="547"/>
      <c r="Z263" s="548"/>
      <c r="AA263" s="546" t="s">
        <v>102</v>
      </c>
      <c r="AB263" s="547"/>
      <c r="AC263" s="548"/>
      <c r="AD263" s="415">
        <v>9</v>
      </c>
      <c r="AE263" s="415" t="s">
        <v>103</v>
      </c>
      <c r="AF263" s="541"/>
      <c r="AG263" s="542"/>
      <c r="AH263" s="549"/>
      <c r="AI263" s="550"/>
      <c r="AJ263" s="551"/>
      <c r="AK263" s="265"/>
      <c r="AL263" s="330"/>
      <c r="AM263" s="16"/>
      <c r="AN263" s="3" t="str">
        <f t="shared" si="16"/>
        <v>■</v>
      </c>
    </row>
    <row r="264" spans="1:40" s="28" customFormat="1" ht="13.4" customHeight="1">
      <c r="A264" s="20" t="str">
        <f t="shared" si="15"/>
        <v>IY</v>
      </c>
      <c r="B264" s="20"/>
      <c r="C264" s="552">
        <v>13</v>
      </c>
      <c r="D264" s="553"/>
      <c r="E264" s="554" t="s">
        <v>711</v>
      </c>
      <c r="F264" s="555"/>
      <c r="G264" s="555"/>
      <c r="H264" s="555"/>
      <c r="I264" s="555"/>
      <c r="J264" s="555"/>
      <c r="K264" s="555"/>
      <c r="L264" s="555"/>
      <c r="M264" s="555"/>
      <c r="N264" s="555"/>
      <c r="O264" s="555"/>
      <c r="P264" s="555"/>
      <c r="Q264" s="555"/>
      <c r="R264" s="555"/>
      <c r="S264" s="555"/>
      <c r="T264" s="556"/>
      <c r="U264" s="259" t="s">
        <v>618</v>
      </c>
      <c r="V264" s="557" t="s">
        <v>398</v>
      </c>
      <c r="W264" s="558"/>
      <c r="X264" s="558"/>
      <c r="Y264" s="558"/>
      <c r="Z264" s="559"/>
      <c r="AA264" s="557" t="s">
        <v>102</v>
      </c>
      <c r="AB264" s="558"/>
      <c r="AC264" s="559"/>
      <c r="AD264" s="419">
        <v>50</v>
      </c>
      <c r="AE264" s="419" t="s">
        <v>103</v>
      </c>
      <c r="AF264" s="552" t="s">
        <v>109</v>
      </c>
      <c r="AG264" s="553"/>
      <c r="AH264" s="560"/>
      <c r="AI264" s="561"/>
      <c r="AJ264" s="562"/>
      <c r="AK264" s="333" t="s">
        <v>399</v>
      </c>
      <c r="AL264" s="330"/>
      <c r="AM264" s="331"/>
      <c r="AN264" s="3" t="str">
        <f t="shared" si="16"/>
        <v>■</v>
      </c>
    </row>
    <row r="265" spans="1:40" s="28" customFormat="1" ht="13.4" customHeight="1">
      <c r="A265" s="20" t="str">
        <f t="shared" si="15"/>
        <v>IY</v>
      </c>
      <c r="B265" s="20"/>
      <c r="C265" s="541">
        <v>14</v>
      </c>
      <c r="D265" s="542"/>
      <c r="E265" s="543" t="s">
        <v>619</v>
      </c>
      <c r="F265" s="544"/>
      <c r="G265" s="544"/>
      <c r="H265" s="544"/>
      <c r="I265" s="544"/>
      <c r="J265" s="544"/>
      <c r="K265" s="544"/>
      <c r="L265" s="544"/>
      <c r="M265" s="544"/>
      <c r="N265" s="544"/>
      <c r="O265" s="544"/>
      <c r="P265" s="544"/>
      <c r="Q265" s="544"/>
      <c r="R265" s="544"/>
      <c r="S265" s="544"/>
      <c r="T265" s="545"/>
      <c r="U265" s="221" t="s">
        <v>620</v>
      </c>
      <c r="V265" s="546" t="s">
        <v>107</v>
      </c>
      <c r="W265" s="547"/>
      <c r="X265" s="547"/>
      <c r="Y265" s="547"/>
      <c r="Z265" s="548"/>
      <c r="AA265" s="546" t="s">
        <v>102</v>
      </c>
      <c r="AB265" s="547"/>
      <c r="AC265" s="548"/>
      <c r="AD265" s="415">
        <v>9</v>
      </c>
      <c r="AE265" s="415" t="s">
        <v>103</v>
      </c>
      <c r="AF265" s="541"/>
      <c r="AG265" s="542"/>
      <c r="AH265" s="549"/>
      <c r="AI265" s="550"/>
      <c r="AJ265" s="551"/>
      <c r="AK265" s="265"/>
      <c r="AL265" s="330"/>
      <c r="AM265" s="331"/>
      <c r="AN265" s="3" t="str">
        <f t="shared" si="16"/>
        <v>■</v>
      </c>
    </row>
    <row r="266" spans="1:40" s="28" customFormat="1" ht="13.4" customHeight="1">
      <c r="A266" s="20" t="str">
        <f t="shared" si="15"/>
        <v>IY</v>
      </c>
      <c r="B266" s="20"/>
      <c r="C266" s="552">
        <v>15</v>
      </c>
      <c r="D266" s="553"/>
      <c r="E266" s="554" t="s">
        <v>712</v>
      </c>
      <c r="F266" s="555"/>
      <c r="G266" s="555"/>
      <c r="H266" s="555"/>
      <c r="I266" s="555"/>
      <c r="J266" s="555"/>
      <c r="K266" s="555"/>
      <c r="L266" s="555"/>
      <c r="M266" s="555"/>
      <c r="N266" s="555"/>
      <c r="O266" s="555"/>
      <c r="P266" s="555"/>
      <c r="Q266" s="555"/>
      <c r="R266" s="555"/>
      <c r="S266" s="555"/>
      <c r="T266" s="556"/>
      <c r="U266" s="259" t="s">
        <v>622</v>
      </c>
      <c r="V266" s="557" t="s">
        <v>398</v>
      </c>
      <c r="W266" s="558"/>
      <c r="X266" s="558"/>
      <c r="Y266" s="558"/>
      <c r="Z266" s="559"/>
      <c r="AA266" s="557" t="s">
        <v>102</v>
      </c>
      <c r="AB266" s="558"/>
      <c r="AC266" s="559"/>
      <c r="AD266" s="419">
        <v>50</v>
      </c>
      <c r="AE266" s="419" t="s">
        <v>103</v>
      </c>
      <c r="AF266" s="552" t="s">
        <v>109</v>
      </c>
      <c r="AG266" s="553"/>
      <c r="AH266" s="560"/>
      <c r="AI266" s="561"/>
      <c r="AJ266" s="562"/>
      <c r="AK266" s="333" t="s">
        <v>399</v>
      </c>
      <c r="AL266" s="329"/>
      <c r="AM266" s="331"/>
      <c r="AN266" s="3" t="str">
        <f t="shared" si="16"/>
        <v>■</v>
      </c>
    </row>
    <row r="267" spans="1:40" s="28" customFormat="1" ht="13.4" customHeight="1">
      <c r="A267" s="20" t="str">
        <f t="shared" si="15"/>
        <v>IY</v>
      </c>
      <c r="B267" s="20"/>
      <c r="C267" s="541">
        <v>16</v>
      </c>
      <c r="D267" s="542"/>
      <c r="E267" s="543" t="s">
        <v>623</v>
      </c>
      <c r="F267" s="544"/>
      <c r="G267" s="544"/>
      <c r="H267" s="544"/>
      <c r="I267" s="544"/>
      <c r="J267" s="544"/>
      <c r="K267" s="544"/>
      <c r="L267" s="544"/>
      <c r="M267" s="544"/>
      <c r="N267" s="544"/>
      <c r="O267" s="544"/>
      <c r="P267" s="544"/>
      <c r="Q267" s="544"/>
      <c r="R267" s="544"/>
      <c r="S267" s="544"/>
      <c r="T267" s="545"/>
      <c r="U267" s="221" t="s">
        <v>624</v>
      </c>
      <c r="V267" s="546" t="s">
        <v>107</v>
      </c>
      <c r="W267" s="547"/>
      <c r="X267" s="547"/>
      <c r="Y267" s="547"/>
      <c r="Z267" s="548"/>
      <c r="AA267" s="546" t="s">
        <v>102</v>
      </c>
      <c r="AB267" s="547"/>
      <c r="AC267" s="548"/>
      <c r="AD267" s="415">
        <v>9</v>
      </c>
      <c r="AE267" s="415" t="s">
        <v>103</v>
      </c>
      <c r="AF267" s="541"/>
      <c r="AG267" s="542"/>
      <c r="AH267" s="549"/>
      <c r="AI267" s="550"/>
      <c r="AJ267" s="551"/>
      <c r="AK267" s="265"/>
      <c r="AL267" s="329"/>
      <c r="AM267" s="331"/>
      <c r="AN267" s="3" t="str">
        <f t="shared" si="16"/>
        <v>■</v>
      </c>
    </row>
    <row r="268" spans="1:40" s="28" customFormat="1" ht="13.4" customHeight="1">
      <c r="A268" s="20" t="str">
        <f t="shared" si="15"/>
        <v>IY</v>
      </c>
      <c r="B268" s="20"/>
      <c r="C268" s="552">
        <v>17</v>
      </c>
      <c r="D268" s="553"/>
      <c r="E268" s="554" t="s">
        <v>625</v>
      </c>
      <c r="F268" s="555"/>
      <c r="G268" s="555"/>
      <c r="H268" s="555"/>
      <c r="I268" s="555"/>
      <c r="J268" s="555"/>
      <c r="K268" s="555"/>
      <c r="L268" s="555"/>
      <c r="M268" s="555"/>
      <c r="N268" s="555"/>
      <c r="O268" s="555"/>
      <c r="P268" s="555"/>
      <c r="Q268" s="555"/>
      <c r="R268" s="555"/>
      <c r="S268" s="555"/>
      <c r="T268" s="556"/>
      <c r="U268" s="259" t="s">
        <v>626</v>
      </c>
      <c r="V268" s="557" t="s">
        <v>398</v>
      </c>
      <c r="W268" s="558"/>
      <c r="X268" s="558"/>
      <c r="Y268" s="558"/>
      <c r="Z268" s="559"/>
      <c r="AA268" s="557" t="s">
        <v>102</v>
      </c>
      <c r="AB268" s="558"/>
      <c r="AC268" s="559"/>
      <c r="AD268" s="419">
        <v>50</v>
      </c>
      <c r="AE268" s="419" t="s">
        <v>103</v>
      </c>
      <c r="AF268" s="552" t="s">
        <v>109</v>
      </c>
      <c r="AG268" s="553"/>
      <c r="AH268" s="560"/>
      <c r="AI268" s="561"/>
      <c r="AJ268" s="562"/>
      <c r="AK268" s="333" t="s">
        <v>399</v>
      </c>
      <c r="AL268" s="329"/>
      <c r="AM268" s="331"/>
      <c r="AN268" s="3" t="str">
        <f t="shared" si="16"/>
        <v>■</v>
      </c>
    </row>
    <row r="269" spans="1:40" ht="13.4" customHeight="1">
      <c r="A269" s="20" t="str">
        <f t="shared" si="15"/>
        <v>IY</v>
      </c>
      <c r="B269" s="20"/>
      <c r="C269" s="541">
        <v>18</v>
      </c>
      <c r="D269" s="542"/>
      <c r="E269" s="543" t="s">
        <v>627</v>
      </c>
      <c r="F269" s="544"/>
      <c r="G269" s="544"/>
      <c r="H269" s="544"/>
      <c r="I269" s="544"/>
      <c r="J269" s="544"/>
      <c r="K269" s="544"/>
      <c r="L269" s="544"/>
      <c r="M269" s="544"/>
      <c r="N269" s="544"/>
      <c r="O269" s="544"/>
      <c r="P269" s="544"/>
      <c r="Q269" s="544"/>
      <c r="R269" s="544"/>
      <c r="S269" s="544"/>
      <c r="T269" s="545"/>
      <c r="U269" s="221" t="s">
        <v>628</v>
      </c>
      <c r="V269" s="546" t="s">
        <v>107</v>
      </c>
      <c r="W269" s="547"/>
      <c r="X269" s="547"/>
      <c r="Y269" s="547"/>
      <c r="Z269" s="548"/>
      <c r="AA269" s="546" t="s">
        <v>108</v>
      </c>
      <c r="AB269" s="547"/>
      <c r="AC269" s="548"/>
      <c r="AD269" s="415">
        <v>3</v>
      </c>
      <c r="AE269" s="415">
        <v>0</v>
      </c>
      <c r="AF269" s="541"/>
      <c r="AG269" s="542"/>
      <c r="AH269" s="549"/>
      <c r="AI269" s="550"/>
      <c r="AJ269" s="551"/>
      <c r="AK269" s="265"/>
      <c r="AL269" s="329"/>
      <c r="AM269" s="16"/>
      <c r="AN269" s="3" t="str">
        <f t="shared" si="16"/>
        <v>■</v>
      </c>
    </row>
    <row r="270" spans="1:40" ht="13.4" customHeight="1">
      <c r="A270" s="20" t="str">
        <f t="shared" si="15"/>
        <v>IY</v>
      </c>
      <c r="B270" s="20"/>
      <c r="C270" s="541">
        <v>19</v>
      </c>
      <c r="D270" s="542"/>
      <c r="E270" s="543" t="s">
        <v>629</v>
      </c>
      <c r="F270" s="544"/>
      <c r="G270" s="544"/>
      <c r="H270" s="544"/>
      <c r="I270" s="544"/>
      <c r="J270" s="544"/>
      <c r="K270" s="544"/>
      <c r="L270" s="544"/>
      <c r="M270" s="544"/>
      <c r="N270" s="544"/>
      <c r="O270" s="544"/>
      <c r="P270" s="544"/>
      <c r="Q270" s="544"/>
      <c r="R270" s="544"/>
      <c r="S270" s="544"/>
      <c r="T270" s="545"/>
      <c r="U270" s="221" t="s">
        <v>630</v>
      </c>
      <c r="V270" s="546" t="s">
        <v>107</v>
      </c>
      <c r="W270" s="547"/>
      <c r="X270" s="547"/>
      <c r="Y270" s="547"/>
      <c r="Z270" s="548"/>
      <c r="AA270" s="546" t="s">
        <v>108</v>
      </c>
      <c r="AB270" s="547"/>
      <c r="AC270" s="548"/>
      <c r="AD270" s="415">
        <v>3</v>
      </c>
      <c r="AE270" s="415">
        <v>0</v>
      </c>
      <c r="AF270" s="541"/>
      <c r="AG270" s="542"/>
      <c r="AH270" s="549"/>
      <c r="AI270" s="550"/>
      <c r="AJ270" s="551"/>
      <c r="AK270" s="265"/>
      <c r="AL270" s="329"/>
      <c r="AM270" s="16"/>
      <c r="AN270" s="3" t="str">
        <f t="shared" si="16"/>
        <v>■</v>
      </c>
    </row>
    <row r="271" spans="1:40" ht="13.4" customHeight="1">
      <c r="A271" s="20" t="str">
        <f t="shared" si="15"/>
        <v>IY</v>
      </c>
      <c r="B271" s="20"/>
      <c r="C271" s="541">
        <v>20</v>
      </c>
      <c r="D271" s="542"/>
      <c r="E271" s="543" t="s">
        <v>631</v>
      </c>
      <c r="F271" s="544"/>
      <c r="G271" s="544"/>
      <c r="H271" s="544"/>
      <c r="I271" s="544"/>
      <c r="J271" s="544"/>
      <c r="K271" s="544"/>
      <c r="L271" s="544"/>
      <c r="M271" s="544"/>
      <c r="N271" s="544"/>
      <c r="O271" s="544"/>
      <c r="P271" s="544"/>
      <c r="Q271" s="544"/>
      <c r="R271" s="544"/>
      <c r="S271" s="544"/>
      <c r="T271" s="545"/>
      <c r="U271" s="221" t="s">
        <v>632</v>
      </c>
      <c r="V271" s="546" t="s">
        <v>107</v>
      </c>
      <c r="W271" s="547"/>
      <c r="X271" s="547"/>
      <c r="Y271" s="547"/>
      <c r="Z271" s="548"/>
      <c r="AA271" s="546" t="s">
        <v>108</v>
      </c>
      <c r="AB271" s="547"/>
      <c r="AC271" s="548"/>
      <c r="AD271" s="415">
        <v>3</v>
      </c>
      <c r="AE271" s="415">
        <v>0</v>
      </c>
      <c r="AF271" s="541"/>
      <c r="AG271" s="542"/>
      <c r="AH271" s="549"/>
      <c r="AI271" s="550"/>
      <c r="AJ271" s="551"/>
      <c r="AK271" s="265"/>
      <c r="AL271" s="329"/>
      <c r="AM271" s="16"/>
      <c r="AN271" s="3" t="str">
        <f t="shared" si="16"/>
        <v>■</v>
      </c>
    </row>
    <row r="272" spans="1:40" ht="13.4" customHeight="1">
      <c r="A272" s="20" t="str">
        <f t="shared" si="15"/>
        <v>IY</v>
      </c>
      <c r="B272" s="20"/>
      <c r="C272" s="541">
        <v>21</v>
      </c>
      <c r="D272" s="542"/>
      <c r="E272" s="543" t="s">
        <v>633</v>
      </c>
      <c r="F272" s="544"/>
      <c r="G272" s="544"/>
      <c r="H272" s="544"/>
      <c r="I272" s="544"/>
      <c r="J272" s="544"/>
      <c r="K272" s="544"/>
      <c r="L272" s="544"/>
      <c r="M272" s="544"/>
      <c r="N272" s="544"/>
      <c r="O272" s="544"/>
      <c r="P272" s="544"/>
      <c r="Q272" s="544"/>
      <c r="R272" s="544"/>
      <c r="S272" s="544"/>
      <c r="T272" s="545"/>
      <c r="U272" s="221" t="s">
        <v>634</v>
      </c>
      <c r="V272" s="546" t="s">
        <v>107</v>
      </c>
      <c r="W272" s="547"/>
      <c r="X272" s="547"/>
      <c r="Y272" s="547"/>
      <c r="Z272" s="548"/>
      <c r="AA272" s="546" t="s">
        <v>108</v>
      </c>
      <c r="AB272" s="547"/>
      <c r="AC272" s="548"/>
      <c r="AD272" s="415">
        <v>3</v>
      </c>
      <c r="AE272" s="415">
        <v>0</v>
      </c>
      <c r="AF272" s="541"/>
      <c r="AG272" s="542"/>
      <c r="AH272" s="549"/>
      <c r="AI272" s="550"/>
      <c r="AJ272" s="551"/>
      <c r="AK272" s="265"/>
      <c r="AL272" s="329"/>
      <c r="AM272" s="16"/>
      <c r="AN272" s="3" t="str">
        <f t="shared" si="16"/>
        <v>■</v>
      </c>
    </row>
    <row r="273" spans="1:40" ht="13.4" customHeight="1">
      <c r="A273" s="20" t="str">
        <f t="shared" si="15"/>
        <v>IY</v>
      </c>
      <c r="B273" s="20"/>
      <c r="C273" s="541">
        <v>22</v>
      </c>
      <c r="D273" s="542"/>
      <c r="E273" s="543" t="s">
        <v>635</v>
      </c>
      <c r="F273" s="544"/>
      <c r="G273" s="544"/>
      <c r="H273" s="544"/>
      <c r="I273" s="544"/>
      <c r="J273" s="544"/>
      <c r="K273" s="544"/>
      <c r="L273" s="544"/>
      <c r="M273" s="544"/>
      <c r="N273" s="544"/>
      <c r="O273" s="544"/>
      <c r="P273" s="544"/>
      <c r="Q273" s="544"/>
      <c r="R273" s="544"/>
      <c r="S273" s="544"/>
      <c r="T273" s="545"/>
      <c r="U273" s="221" t="s">
        <v>636</v>
      </c>
      <c r="V273" s="546" t="s">
        <v>107</v>
      </c>
      <c r="W273" s="547"/>
      <c r="X273" s="547"/>
      <c r="Y273" s="547"/>
      <c r="Z273" s="548"/>
      <c r="AA273" s="546" t="s">
        <v>108</v>
      </c>
      <c r="AB273" s="547"/>
      <c r="AC273" s="548"/>
      <c r="AD273" s="415">
        <v>3</v>
      </c>
      <c r="AE273" s="415">
        <v>0</v>
      </c>
      <c r="AF273" s="541"/>
      <c r="AG273" s="542"/>
      <c r="AH273" s="549"/>
      <c r="AI273" s="550"/>
      <c r="AJ273" s="551"/>
      <c r="AK273" s="265"/>
      <c r="AL273" s="329"/>
      <c r="AM273" s="16"/>
      <c r="AN273" s="3" t="str">
        <f t="shared" si="16"/>
        <v>■</v>
      </c>
    </row>
    <row r="274" spans="1:40" ht="13.4" customHeight="1">
      <c r="A274" s="20" t="str">
        <f t="shared" si="15"/>
        <v>IY</v>
      </c>
      <c r="B274" s="20"/>
      <c r="C274" s="541">
        <v>23</v>
      </c>
      <c r="D274" s="542"/>
      <c r="E274" s="543" t="s">
        <v>637</v>
      </c>
      <c r="F274" s="544"/>
      <c r="G274" s="544"/>
      <c r="H274" s="544"/>
      <c r="I274" s="544"/>
      <c r="J274" s="544"/>
      <c r="K274" s="544"/>
      <c r="L274" s="544"/>
      <c r="M274" s="544"/>
      <c r="N274" s="544"/>
      <c r="O274" s="544"/>
      <c r="P274" s="544"/>
      <c r="Q274" s="544"/>
      <c r="R274" s="544"/>
      <c r="S274" s="544"/>
      <c r="T274" s="545"/>
      <c r="U274" s="221" t="s">
        <v>638</v>
      </c>
      <c r="V274" s="546" t="s">
        <v>107</v>
      </c>
      <c r="W274" s="547"/>
      <c r="X274" s="547"/>
      <c r="Y274" s="547"/>
      <c r="Z274" s="548"/>
      <c r="AA274" s="546" t="s">
        <v>108</v>
      </c>
      <c r="AB274" s="547"/>
      <c r="AC274" s="548"/>
      <c r="AD274" s="415">
        <v>3</v>
      </c>
      <c r="AE274" s="415">
        <v>0</v>
      </c>
      <c r="AF274" s="541"/>
      <c r="AG274" s="542"/>
      <c r="AH274" s="549"/>
      <c r="AI274" s="550"/>
      <c r="AJ274" s="551"/>
      <c r="AK274" s="265"/>
      <c r="AL274" s="329"/>
      <c r="AM274" s="16"/>
      <c r="AN274" s="3" t="str">
        <f t="shared" si="16"/>
        <v>■</v>
      </c>
    </row>
    <row r="275" spans="1:40" ht="13.4" customHeight="1">
      <c r="A275" s="20" t="str">
        <f t="shared" si="15"/>
        <v>IY</v>
      </c>
      <c r="B275" s="20"/>
      <c r="C275" s="541">
        <v>24</v>
      </c>
      <c r="D275" s="542"/>
      <c r="E275" s="543" t="s">
        <v>639</v>
      </c>
      <c r="F275" s="544"/>
      <c r="G275" s="544"/>
      <c r="H275" s="544"/>
      <c r="I275" s="544"/>
      <c r="J275" s="544"/>
      <c r="K275" s="544"/>
      <c r="L275" s="544"/>
      <c r="M275" s="544"/>
      <c r="N275" s="544"/>
      <c r="O275" s="544"/>
      <c r="P275" s="544"/>
      <c r="Q275" s="544"/>
      <c r="R275" s="544"/>
      <c r="S275" s="544"/>
      <c r="T275" s="545"/>
      <c r="U275" s="221" t="s">
        <v>640</v>
      </c>
      <c r="V275" s="546" t="s">
        <v>107</v>
      </c>
      <c r="W275" s="547"/>
      <c r="X275" s="547"/>
      <c r="Y275" s="547"/>
      <c r="Z275" s="548"/>
      <c r="AA275" s="546" t="s">
        <v>108</v>
      </c>
      <c r="AB275" s="547"/>
      <c r="AC275" s="548"/>
      <c r="AD275" s="415">
        <v>3</v>
      </c>
      <c r="AE275" s="415">
        <v>0</v>
      </c>
      <c r="AF275" s="541"/>
      <c r="AG275" s="542"/>
      <c r="AH275" s="549"/>
      <c r="AI275" s="550"/>
      <c r="AJ275" s="551"/>
      <c r="AK275" s="265"/>
      <c r="AL275" s="329"/>
      <c r="AM275" s="16"/>
      <c r="AN275" s="3" t="str">
        <f t="shared" si="16"/>
        <v>■</v>
      </c>
    </row>
    <row r="276" spans="1:40" ht="13.4" customHeight="1">
      <c r="A276" s="20" t="str">
        <f t="shared" si="15"/>
        <v>IY</v>
      </c>
      <c r="B276" s="20"/>
      <c r="C276" s="541">
        <v>25</v>
      </c>
      <c r="D276" s="542"/>
      <c r="E276" s="543" t="s">
        <v>641</v>
      </c>
      <c r="F276" s="544"/>
      <c r="G276" s="544"/>
      <c r="H276" s="544"/>
      <c r="I276" s="544"/>
      <c r="J276" s="544"/>
      <c r="K276" s="544"/>
      <c r="L276" s="544"/>
      <c r="M276" s="544"/>
      <c r="N276" s="544"/>
      <c r="O276" s="544"/>
      <c r="P276" s="544"/>
      <c r="Q276" s="544"/>
      <c r="R276" s="544"/>
      <c r="S276" s="544"/>
      <c r="T276" s="545"/>
      <c r="U276" s="221" t="s">
        <v>642</v>
      </c>
      <c r="V276" s="546" t="s">
        <v>107</v>
      </c>
      <c r="W276" s="547"/>
      <c r="X276" s="547"/>
      <c r="Y276" s="547"/>
      <c r="Z276" s="548"/>
      <c r="AA276" s="546" t="s">
        <v>108</v>
      </c>
      <c r="AB276" s="547"/>
      <c r="AC276" s="548"/>
      <c r="AD276" s="415">
        <v>3</v>
      </c>
      <c r="AE276" s="415">
        <v>0</v>
      </c>
      <c r="AF276" s="541"/>
      <c r="AG276" s="542"/>
      <c r="AH276" s="549"/>
      <c r="AI276" s="550"/>
      <c r="AJ276" s="551"/>
      <c r="AK276" s="265"/>
      <c r="AL276" s="329"/>
      <c r="AM276" s="16"/>
      <c r="AN276" s="3" t="str">
        <f t="shared" si="16"/>
        <v>■</v>
      </c>
    </row>
    <row r="277" spans="1:40" ht="13.4" customHeight="1">
      <c r="A277" s="20" t="str">
        <f t="shared" si="15"/>
        <v>IY</v>
      </c>
      <c r="B277" s="20"/>
      <c r="C277" s="541">
        <v>26</v>
      </c>
      <c r="D277" s="542"/>
      <c r="E277" s="543" t="s">
        <v>643</v>
      </c>
      <c r="F277" s="544"/>
      <c r="G277" s="544"/>
      <c r="H277" s="544"/>
      <c r="I277" s="544"/>
      <c r="J277" s="544"/>
      <c r="K277" s="544"/>
      <c r="L277" s="544"/>
      <c r="M277" s="544"/>
      <c r="N277" s="544"/>
      <c r="O277" s="544"/>
      <c r="P277" s="544"/>
      <c r="Q277" s="544"/>
      <c r="R277" s="544"/>
      <c r="S277" s="544"/>
      <c r="T277" s="545"/>
      <c r="U277" s="221" t="s">
        <v>644</v>
      </c>
      <c r="V277" s="546" t="s">
        <v>107</v>
      </c>
      <c r="W277" s="547"/>
      <c r="X277" s="547"/>
      <c r="Y277" s="547"/>
      <c r="Z277" s="548"/>
      <c r="AA277" s="546" t="s">
        <v>108</v>
      </c>
      <c r="AB277" s="547"/>
      <c r="AC277" s="548"/>
      <c r="AD277" s="415">
        <v>3</v>
      </c>
      <c r="AE277" s="415">
        <v>0</v>
      </c>
      <c r="AF277" s="541"/>
      <c r="AG277" s="542"/>
      <c r="AH277" s="549"/>
      <c r="AI277" s="550"/>
      <c r="AJ277" s="551"/>
      <c r="AK277" s="265"/>
      <c r="AL277" s="329"/>
      <c r="AM277" s="16"/>
      <c r="AN277" s="3" t="str">
        <f t="shared" si="16"/>
        <v>■</v>
      </c>
    </row>
    <row r="278" spans="1:40" ht="13.4" customHeight="1">
      <c r="A278" s="20" t="str">
        <f t="shared" si="15"/>
        <v>IY</v>
      </c>
      <c r="B278" s="20"/>
      <c r="C278" s="541">
        <v>27</v>
      </c>
      <c r="D278" s="542"/>
      <c r="E278" s="543" t="s">
        <v>645</v>
      </c>
      <c r="F278" s="544"/>
      <c r="G278" s="544"/>
      <c r="H278" s="544"/>
      <c r="I278" s="544"/>
      <c r="J278" s="544"/>
      <c r="K278" s="544"/>
      <c r="L278" s="544"/>
      <c r="M278" s="544"/>
      <c r="N278" s="544"/>
      <c r="O278" s="544"/>
      <c r="P278" s="544"/>
      <c r="Q278" s="544"/>
      <c r="R278" s="544"/>
      <c r="S278" s="544"/>
      <c r="T278" s="545"/>
      <c r="U278" s="221" t="s">
        <v>646</v>
      </c>
      <c r="V278" s="546" t="s">
        <v>107</v>
      </c>
      <c r="W278" s="547"/>
      <c r="X278" s="547"/>
      <c r="Y278" s="547"/>
      <c r="Z278" s="548"/>
      <c r="AA278" s="546" t="s">
        <v>108</v>
      </c>
      <c r="AB278" s="547"/>
      <c r="AC278" s="548"/>
      <c r="AD278" s="415">
        <v>3</v>
      </c>
      <c r="AE278" s="415">
        <v>0</v>
      </c>
      <c r="AF278" s="541"/>
      <c r="AG278" s="542"/>
      <c r="AH278" s="549"/>
      <c r="AI278" s="550"/>
      <c r="AJ278" s="551"/>
      <c r="AK278" s="265"/>
      <c r="AL278" s="329"/>
      <c r="AM278" s="16"/>
      <c r="AN278" s="3" t="str">
        <f t="shared" si="16"/>
        <v>■</v>
      </c>
    </row>
    <row r="279" spans="1:40" ht="13.4" customHeight="1">
      <c r="A279" s="20" t="str">
        <f t="shared" si="15"/>
        <v>IY</v>
      </c>
      <c r="B279" s="20"/>
      <c r="C279" s="541">
        <v>28</v>
      </c>
      <c r="D279" s="542"/>
      <c r="E279" s="543" t="s">
        <v>647</v>
      </c>
      <c r="F279" s="544"/>
      <c r="G279" s="544"/>
      <c r="H279" s="544"/>
      <c r="I279" s="544"/>
      <c r="J279" s="544"/>
      <c r="K279" s="544"/>
      <c r="L279" s="544"/>
      <c r="M279" s="544"/>
      <c r="N279" s="544"/>
      <c r="O279" s="544"/>
      <c r="P279" s="544"/>
      <c r="Q279" s="544"/>
      <c r="R279" s="544"/>
      <c r="S279" s="544"/>
      <c r="T279" s="545"/>
      <c r="U279" s="221" t="s">
        <v>648</v>
      </c>
      <c r="V279" s="546" t="s">
        <v>107</v>
      </c>
      <c r="W279" s="547"/>
      <c r="X279" s="547"/>
      <c r="Y279" s="547"/>
      <c r="Z279" s="548"/>
      <c r="AA279" s="546" t="s">
        <v>108</v>
      </c>
      <c r="AB279" s="547"/>
      <c r="AC279" s="548"/>
      <c r="AD279" s="415">
        <v>3</v>
      </c>
      <c r="AE279" s="415">
        <v>0</v>
      </c>
      <c r="AF279" s="541"/>
      <c r="AG279" s="542"/>
      <c r="AH279" s="549"/>
      <c r="AI279" s="550"/>
      <c r="AJ279" s="551"/>
      <c r="AK279" s="265"/>
      <c r="AL279" s="329"/>
      <c r="AM279" s="16"/>
      <c r="AN279" s="3" t="str">
        <f t="shared" si="16"/>
        <v>■</v>
      </c>
    </row>
    <row r="280" spans="1:40" ht="13.4" customHeight="1">
      <c r="A280" s="20" t="str">
        <f t="shared" si="15"/>
        <v>IY</v>
      </c>
      <c r="B280" s="20"/>
      <c r="C280" s="541">
        <v>29</v>
      </c>
      <c r="D280" s="542"/>
      <c r="E280" s="543" t="s">
        <v>649</v>
      </c>
      <c r="F280" s="544"/>
      <c r="G280" s="544"/>
      <c r="H280" s="544"/>
      <c r="I280" s="544"/>
      <c r="J280" s="544"/>
      <c r="K280" s="544"/>
      <c r="L280" s="544"/>
      <c r="M280" s="544"/>
      <c r="N280" s="544"/>
      <c r="O280" s="544"/>
      <c r="P280" s="544"/>
      <c r="Q280" s="544"/>
      <c r="R280" s="544"/>
      <c r="S280" s="544"/>
      <c r="T280" s="545"/>
      <c r="U280" s="221" t="s">
        <v>650</v>
      </c>
      <c r="V280" s="546" t="s">
        <v>107</v>
      </c>
      <c r="W280" s="547"/>
      <c r="X280" s="547"/>
      <c r="Y280" s="547"/>
      <c r="Z280" s="548"/>
      <c r="AA280" s="546" t="s">
        <v>108</v>
      </c>
      <c r="AB280" s="547"/>
      <c r="AC280" s="548"/>
      <c r="AD280" s="415">
        <v>3</v>
      </c>
      <c r="AE280" s="415">
        <v>0</v>
      </c>
      <c r="AF280" s="541"/>
      <c r="AG280" s="542"/>
      <c r="AH280" s="549"/>
      <c r="AI280" s="550"/>
      <c r="AJ280" s="551"/>
      <c r="AK280" s="265"/>
      <c r="AL280" s="329"/>
      <c r="AM280" s="16"/>
      <c r="AN280" s="3" t="str">
        <f t="shared" si="16"/>
        <v>■</v>
      </c>
    </row>
    <row r="281" spans="1:40" ht="13.4" customHeight="1">
      <c r="A281" s="20" t="str">
        <f t="shared" si="15"/>
        <v>IY</v>
      </c>
      <c r="B281" s="20"/>
      <c r="C281" s="541">
        <v>30</v>
      </c>
      <c r="D281" s="542"/>
      <c r="E281" s="543" t="s">
        <v>651</v>
      </c>
      <c r="F281" s="544"/>
      <c r="G281" s="544"/>
      <c r="H281" s="544"/>
      <c r="I281" s="544"/>
      <c r="J281" s="544"/>
      <c r="K281" s="544"/>
      <c r="L281" s="544"/>
      <c r="M281" s="544"/>
      <c r="N281" s="544"/>
      <c r="O281" s="544"/>
      <c r="P281" s="544"/>
      <c r="Q281" s="544"/>
      <c r="R281" s="544"/>
      <c r="S281" s="544"/>
      <c r="T281" s="545"/>
      <c r="U281" s="221" t="s">
        <v>652</v>
      </c>
      <c r="V281" s="546" t="s">
        <v>107</v>
      </c>
      <c r="W281" s="547"/>
      <c r="X281" s="547"/>
      <c r="Y281" s="547"/>
      <c r="Z281" s="548"/>
      <c r="AA281" s="546" t="s">
        <v>108</v>
      </c>
      <c r="AB281" s="547"/>
      <c r="AC281" s="548"/>
      <c r="AD281" s="415">
        <v>3</v>
      </c>
      <c r="AE281" s="415">
        <v>0</v>
      </c>
      <c r="AF281" s="541"/>
      <c r="AG281" s="542"/>
      <c r="AH281" s="549"/>
      <c r="AI281" s="550"/>
      <c r="AJ281" s="551"/>
      <c r="AK281" s="265"/>
      <c r="AL281" s="329"/>
      <c r="AM281" s="16"/>
      <c r="AN281" s="3" t="str">
        <f t="shared" si="16"/>
        <v>■</v>
      </c>
    </row>
    <row r="282" spans="1:40" ht="13.4" customHeight="1">
      <c r="A282" s="20" t="str">
        <f t="shared" si="15"/>
        <v>IY</v>
      </c>
      <c r="B282" s="20"/>
      <c r="C282" s="541">
        <v>31</v>
      </c>
      <c r="D282" s="542"/>
      <c r="E282" s="543" t="s">
        <v>653</v>
      </c>
      <c r="F282" s="544"/>
      <c r="G282" s="544"/>
      <c r="H282" s="544"/>
      <c r="I282" s="544"/>
      <c r="J282" s="544"/>
      <c r="K282" s="544"/>
      <c r="L282" s="544"/>
      <c r="M282" s="544"/>
      <c r="N282" s="544"/>
      <c r="O282" s="544"/>
      <c r="P282" s="544"/>
      <c r="Q282" s="544"/>
      <c r="R282" s="544"/>
      <c r="S282" s="544"/>
      <c r="T282" s="545"/>
      <c r="U282" s="221" t="s">
        <v>654</v>
      </c>
      <c r="V282" s="546" t="s">
        <v>107</v>
      </c>
      <c r="W282" s="547"/>
      <c r="X282" s="547"/>
      <c r="Y282" s="547"/>
      <c r="Z282" s="548"/>
      <c r="AA282" s="546" t="s">
        <v>108</v>
      </c>
      <c r="AB282" s="547"/>
      <c r="AC282" s="548"/>
      <c r="AD282" s="415">
        <v>3</v>
      </c>
      <c r="AE282" s="415">
        <v>0</v>
      </c>
      <c r="AF282" s="541"/>
      <c r="AG282" s="542"/>
      <c r="AH282" s="549"/>
      <c r="AI282" s="550"/>
      <c r="AJ282" s="551"/>
      <c r="AK282" s="265"/>
      <c r="AL282" s="329"/>
      <c r="AM282" s="16"/>
      <c r="AN282" s="3" t="str">
        <f t="shared" si="16"/>
        <v>■</v>
      </c>
    </row>
    <row r="283" spans="1:40" ht="13.4" customHeight="1">
      <c r="A283" s="20" t="str">
        <f t="shared" si="15"/>
        <v>IY</v>
      </c>
      <c r="B283" s="20"/>
      <c r="C283" s="541">
        <v>32</v>
      </c>
      <c r="D283" s="542"/>
      <c r="E283" s="543" t="s">
        <v>655</v>
      </c>
      <c r="F283" s="544"/>
      <c r="G283" s="544"/>
      <c r="H283" s="544"/>
      <c r="I283" s="544"/>
      <c r="J283" s="544"/>
      <c r="K283" s="544"/>
      <c r="L283" s="544"/>
      <c r="M283" s="544"/>
      <c r="N283" s="544"/>
      <c r="O283" s="544"/>
      <c r="P283" s="544"/>
      <c r="Q283" s="544"/>
      <c r="R283" s="544"/>
      <c r="S283" s="544"/>
      <c r="T283" s="545"/>
      <c r="U283" s="221" t="s">
        <v>656</v>
      </c>
      <c r="V283" s="546" t="s">
        <v>107</v>
      </c>
      <c r="W283" s="547"/>
      <c r="X283" s="547"/>
      <c r="Y283" s="547"/>
      <c r="Z283" s="548"/>
      <c r="AA283" s="546" t="s">
        <v>108</v>
      </c>
      <c r="AB283" s="547"/>
      <c r="AC283" s="548"/>
      <c r="AD283" s="415">
        <v>3</v>
      </c>
      <c r="AE283" s="415">
        <v>0</v>
      </c>
      <c r="AF283" s="541"/>
      <c r="AG283" s="542"/>
      <c r="AH283" s="549"/>
      <c r="AI283" s="550"/>
      <c r="AJ283" s="551"/>
      <c r="AK283" s="265"/>
      <c r="AL283" s="329"/>
      <c r="AM283" s="16"/>
      <c r="AN283" s="3" t="str">
        <f t="shared" si="16"/>
        <v>■</v>
      </c>
    </row>
    <row r="284" spans="1:40" ht="13.4" customHeight="1">
      <c r="A284" s="20" t="str">
        <f t="shared" si="15"/>
        <v>IY</v>
      </c>
      <c r="B284" s="20"/>
      <c r="C284" s="541">
        <v>33</v>
      </c>
      <c r="D284" s="542"/>
      <c r="E284" s="543" t="s">
        <v>657</v>
      </c>
      <c r="F284" s="544"/>
      <c r="G284" s="544"/>
      <c r="H284" s="544"/>
      <c r="I284" s="544"/>
      <c r="J284" s="544"/>
      <c r="K284" s="544"/>
      <c r="L284" s="544"/>
      <c r="M284" s="544"/>
      <c r="N284" s="544"/>
      <c r="O284" s="544"/>
      <c r="P284" s="544"/>
      <c r="Q284" s="544"/>
      <c r="R284" s="544"/>
      <c r="S284" s="544"/>
      <c r="T284" s="545"/>
      <c r="U284" s="221" t="s">
        <v>658</v>
      </c>
      <c r="V284" s="546" t="s">
        <v>107</v>
      </c>
      <c r="W284" s="547"/>
      <c r="X284" s="547"/>
      <c r="Y284" s="547"/>
      <c r="Z284" s="548"/>
      <c r="AA284" s="546" t="s">
        <v>108</v>
      </c>
      <c r="AB284" s="547"/>
      <c r="AC284" s="548"/>
      <c r="AD284" s="415">
        <v>3</v>
      </c>
      <c r="AE284" s="415">
        <v>0</v>
      </c>
      <c r="AF284" s="541"/>
      <c r="AG284" s="542"/>
      <c r="AH284" s="549"/>
      <c r="AI284" s="550"/>
      <c r="AJ284" s="551"/>
      <c r="AK284" s="265"/>
      <c r="AL284" s="329"/>
      <c r="AM284" s="16"/>
      <c r="AN284" s="3" t="str">
        <f t="shared" si="16"/>
        <v>■</v>
      </c>
    </row>
    <row r="285" spans="1:40" ht="13.4" customHeight="1">
      <c r="A285" s="20" t="str">
        <f t="shared" si="15"/>
        <v>IY</v>
      </c>
      <c r="B285" s="20"/>
      <c r="C285" s="541">
        <v>34</v>
      </c>
      <c r="D285" s="542"/>
      <c r="E285" s="543" t="s">
        <v>659</v>
      </c>
      <c r="F285" s="544"/>
      <c r="G285" s="544"/>
      <c r="H285" s="544"/>
      <c r="I285" s="544"/>
      <c r="J285" s="544"/>
      <c r="K285" s="544"/>
      <c r="L285" s="544"/>
      <c r="M285" s="544"/>
      <c r="N285" s="544"/>
      <c r="O285" s="544"/>
      <c r="P285" s="544"/>
      <c r="Q285" s="544"/>
      <c r="R285" s="544"/>
      <c r="S285" s="544"/>
      <c r="T285" s="545"/>
      <c r="U285" s="221" t="s">
        <v>660</v>
      </c>
      <c r="V285" s="546" t="s">
        <v>107</v>
      </c>
      <c r="W285" s="547"/>
      <c r="X285" s="547"/>
      <c r="Y285" s="547"/>
      <c r="Z285" s="548"/>
      <c r="AA285" s="546" t="s">
        <v>108</v>
      </c>
      <c r="AB285" s="547"/>
      <c r="AC285" s="548"/>
      <c r="AD285" s="415">
        <v>3</v>
      </c>
      <c r="AE285" s="415">
        <v>0</v>
      </c>
      <c r="AF285" s="541"/>
      <c r="AG285" s="542"/>
      <c r="AH285" s="549"/>
      <c r="AI285" s="550"/>
      <c r="AJ285" s="551"/>
      <c r="AK285" s="265"/>
      <c r="AL285" s="329"/>
      <c r="AM285" s="16"/>
      <c r="AN285" s="3" t="str">
        <f t="shared" si="16"/>
        <v>■</v>
      </c>
    </row>
    <row r="286" spans="1:40" ht="13.4" customHeight="1">
      <c r="A286" s="20" t="str">
        <f t="shared" si="15"/>
        <v>IY</v>
      </c>
      <c r="B286" s="20"/>
      <c r="C286" s="541">
        <v>35</v>
      </c>
      <c r="D286" s="542"/>
      <c r="E286" s="543" t="s">
        <v>661</v>
      </c>
      <c r="F286" s="544"/>
      <c r="G286" s="544"/>
      <c r="H286" s="544"/>
      <c r="I286" s="544"/>
      <c r="J286" s="544"/>
      <c r="K286" s="544"/>
      <c r="L286" s="544"/>
      <c r="M286" s="544"/>
      <c r="N286" s="544"/>
      <c r="O286" s="544"/>
      <c r="P286" s="544"/>
      <c r="Q286" s="544"/>
      <c r="R286" s="544"/>
      <c r="S286" s="544"/>
      <c r="T286" s="545"/>
      <c r="U286" s="221" t="s">
        <v>662</v>
      </c>
      <c r="V286" s="546" t="s">
        <v>107</v>
      </c>
      <c r="W286" s="547"/>
      <c r="X286" s="547"/>
      <c r="Y286" s="547"/>
      <c r="Z286" s="548"/>
      <c r="AA286" s="546" t="s">
        <v>108</v>
      </c>
      <c r="AB286" s="547"/>
      <c r="AC286" s="548"/>
      <c r="AD286" s="415">
        <v>3</v>
      </c>
      <c r="AE286" s="415">
        <v>0</v>
      </c>
      <c r="AF286" s="541"/>
      <c r="AG286" s="542"/>
      <c r="AH286" s="549"/>
      <c r="AI286" s="550"/>
      <c r="AJ286" s="551"/>
      <c r="AK286" s="265"/>
      <c r="AL286" s="329"/>
      <c r="AM286" s="16"/>
      <c r="AN286" s="3" t="str">
        <f t="shared" si="16"/>
        <v>■</v>
      </c>
    </row>
    <row r="287" spans="1:40" ht="13.4" customHeight="1">
      <c r="A287" s="20" t="str">
        <f t="shared" si="15"/>
        <v>IY</v>
      </c>
      <c r="B287" s="20"/>
      <c r="C287" s="541">
        <v>36</v>
      </c>
      <c r="D287" s="542"/>
      <c r="E287" s="543" t="s">
        <v>663</v>
      </c>
      <c r="F287" s="544"/>
      <c r="G287" s="544"/>
      <c r="H287" s="544"/>
      <c r="I287" s="544"/>
      <c r="J287" s="544"/>
      <c r="K287" s="544"/>
      <c r="L287" s="544"/>
      <c r="M287" s="544"/>
      <c r="N287" s="544"/>
      <c r="O287" s="544"/>
      <c r="P287" s="544"/>
      <c r="Q287" s="544"/>
      <c r="R287" s="544"/>
      <c r="S287" s="544"/>
      <c r="T287" s="545"/>
      <c r="U287" s="221" t="s">
        <v>664</v>
      </c>
      <c r="V287" s="546" t="s">
        <v>107</v>
      </c>
      <c r="W287" s="547"/>
      <c r="X287" s="547"/>
      <c r="Y287" s="547"/>
      <c r="Z287" s="548"/>
      <c r="AA287" s="546" t="s">
        <v>108</v>
      </c>
      <c r="AB287" s="547"/>
      <c r="AC287" s="548"/>
      <c r="AD287" s="415">
        <v>3</v>
      </c>
      <c r="AE287" s="415">
        <v>0</v>
      </c>
      <c r="AF287" s="541"/>
      <c r="AG287" s="542"/>
      <c r="AH287" s="549"/>
      <c r="AI287" s="550"/>
      <c r="AJ287" s="551"/>
      <c r="AK287" s="265"/>
      <c r="AL287" s="329"/>
      <c r="AM287" s="16"/>
      <c r="AN287" s="3" t="str">
        <f t="shared" si="16"/>
        <v>■</v>
      </c>
    </row>
    <row r="288" spans="1:40" ht="13.4" customHeight="1">
      <c r="A288" s="20" t="str">
        <f t="shared" si="15"/>
        <v>IY</v>
      </c>
      <c r="B288" s="20"/>
      <c r="C288" s="541">
        <v>37</v>
      </c>
      <c r="D288" s="542"/>
      <c r="E288" s="543" t="s">
        <v>665</v>
      </c>
      <c r="F288" s="544"/>
      <c r="G288" s="544"/>
      <c r="H288" s="544"/>
      <c r="I288" s="544"/>
      <c r="J288" s="544"/>
      <c r="K288" s="544"/>
      <c r="L288" s="544"/>
      <c r="M288" s="544"/>
      <c r="N288" s="544"/>
      <c r="O288" s="544"/>
      <c r="P288" s="544"/>
      <c r="Q288" s="544"/>
      <c r="R288" s="544"/>
      <c r="S288" s="544"/>
      <c r="T288" s="545"/>
      <c r="U288" s="221" t="s">
        <v>666</v>
      </c>
      <c r="V288" s="546" t="s">
        <v>107</v>
      </c>
      <c r="W288" s="547"/>
      <c r="X288" s="547"/>
      <c r="Y288" s="547"/>
      <c r="Z288" s="548"/>
      <c r="AA288" s="546" t="s">
        <v>108</v>
      </c>
      <c r="AB288" s="547"/>
      <c r="AC288" s="548"/>
      <c r="AD288" s="415">
        <v>3</v>
      </c>
      <c r="AE288" s="415">
        <v>0</v>
      </c>
      <c r="AF288" s="541"/>
      <c r="AG288" s="542"/>
      <c r="AH288" s="549"/>
      <c r="AI288" s="550"/>
      <c r="AJ288" s="551"/>
      <c r="AK288" s="265"/>
      <c r="AL288" s="329"/>
      <c r="AM288" s="16"/>
      <c r="AN288" s="3" t="str">
        <f t="shared" si="16"/>
        <v>■</v>
      </c>
    </row>
    <row r="289" spans="1:40" ht="13.4" customHeight="1">
      <c r="A289" s="20" t="str">
        <f t="shared" si="15"/>
        <v>IY</v>
      </c>
      <c r="B289" s="20"/>
      <c r="C289" s="541">
        <v>38</v>
      </c>
      <c r="D289" s="542"/>
      <c r="E289" s="543" t="s">
        <v>667</v>
      </c>
      <c r="F289" s="544"/>
      <c r="G289" s="544"/>
      <c r="H289" s="544"/>
      <c r="I289" s="544"/>
      <c r="J289" s="544"/>
      <c r="K289" s="544"/>
      <c r="L289" s="544"/>
      <c r="M289" s="544"/>
      <c r="N289" s="544"/>
      <c r="O289" s="544"/>
      <c r="P289" s="544"/>
      <c r="Q289" s="544"/>
      <c r="R289" s="544"/>
      <c r="S289" s="544"/>
      <c r="T289" s="545"/>
      <c r="U289" s="221" t="s">
        <v>668</v>
      </c>
      <c r="V289" s="546" t="s">
        <v>107</v>
      </c>
      <c r="W289" s="547"/>
      <c r="X289" s="547"/>
      <c r="Y289" s="547"/>
      <c r="Z289" s="548"/>
      <c r="AA289" s="546" t="s">
        <v>108</v>
      </c>
      <c r="AB289" s="547"/>
      <c r="AC289" s="548"/>
      <c r="AD289" s="415">
        <v>3</v>
      </c>
      <c r="AE289" s="415">
        <v>0</v>
      </c>
      <c r="AF289" s="541"/>
      <c r="AG289" s="542"/>
      <c r="AH289" s="549"/>
      <c r="AI289" s="550"/>
      <c r="AJ289" s="551"/>
      <c r="AK289" s="265"/>
      <c r="AL289" s="329"/>
      <c r="AM289" s="16"/>
      <c r="AN289" s="3" t="str">
        <f t="shared" si="16"/>
        <v>■</v>
      </c>
    </row>
    <row r="290" spans="1:40" ht="13.4" customHeight="1">
      <c r="A290" s="20" t="str">
        <f t="shared" si="15"/>
        <v>IY</v>
      </c>
      <c r="B290" s="20"/>
      <c r="C290" s="541">
        <v>39</v>
      </c>
      <c r="D290" s="542"/>
      <c r="E290" s="543" t="s">
        <v>669</v>
      </c>
      <c r="F290" s="544"/>
      <c r="G290" s="544"/>
      <c r="H290" s="544"/>
      <c r="I290" s="544"/>
      <c r="J290" s="544"/>
      <c r="K290" s="544"/>
      <c r="L290" s="544"/>
      <c r="M290" s="544"/>
      <c r="N290" s="544"/>
      <c r="O290" s="544"/>
      <c r="P290" s="544"/>
      <c r="Q290" s="544"/>
      <c r="R290" s="544"/>
      <c r="S290" s="544"/>
      <c r="T290" s="545"/>
      <c r="U290" s="221" t="s">
        <v>670</v>
      </c>
      <c r="V290" s="546" t="s">
        <v>107</v>
      </c>
      <c r="W290" s="547"/>
      <c r="X290" s="547"/>
      <c r="Y290" s="547"/>
      <c r="Z290" s="548"/>
      <c r="AA290" s="546" t="s">
        <v>108</v>
      </c>
      <c r="AB290" s="547"/>
      <c r="AC290" s="548"/>
      <c r="AD290" s="415">
        <v>3</v>
      </c>
      <c r="AE290" s="415">
        <v>0</v>
      </c>
      <c r="AF290" s="541"/>
      <c r="AG290" s="542"/>
      <c r="AH290" s="549"/>
      <c r="AI290" s="550"/>
      <c r="AJ290" s="551"/>
      <c r="AK290" s="265"/>
      <c r="AL290" s="329"/>
      <c r="AM290" s="16"/>
      <c r="AN290" s="3" t="str">
        <f t="shared" si="16"/>
        <v>■</v>
      </c>
    </row>
    <row r="291" spans="1:40" ht="13.4" customHeight="1">
      <c r="A291" s="20" t="str">
        <f t="shared" si="15"/>
        <v>IY</v>
      </c>
      <c r="B291" s="20"/>
      <c r="C291" s="541">
        <v>40</v>
      </c>
      <c r="D291" s="542"/>
      <c r="E291" s="543" t="s">
        <v>671</v>
      </c>
      <c r="F291" s="544"/>
      <c r="G291" s="544"/>
      <c r="H291" s="544"/>
      <c r="I291" s="544"/>
      <c r="J291" s="544"/>
      <c r="K291" s="544"/>
      <c r="L291" s="544"/>
      <c r="M291" s="544"/>
      <c r="N291" s="544"/>
      <c r="O291" s="544"/>
      <c r="P291" s="544"/>
      <c r="Q291" s="544"/>
      <c r="R291" s="544"/>
      <c r="S291" s="544"/>
      <c r="T291" s="545"/>
      <c r="U291" s="221" t="s">
        <v>672</v>
      </c>
      <c r="V291" s="546" t="s">
        <v>107</v>
      </c>
      <c r="W291" s="547"/>
      <c r="X291" s="547"/>
      <c r="Y291" s="547"/>
      <c r="Z291" s="548"/>
      <c r="AA291" s="546" t="s">
        <v>108</v>
      </c>
      <c r="AB291" s="547"/>
      <c r="AC291" s="548"/>
      <c r="AD291" s="415">
        <v>3</v>
      </c>
      <c r="AE291" s="415">
        <v>0</v>
      </c>
      <c r="AF291" s="541"/>
      <c r="AG291" s="542"/>
      <c r="AH291" s="549"/>
      <c r="AI291" s="550"/>
      <c r="AJ291" s="551"/>
      <c r="AK291" s="265"/>
      <c r="AL291" s="329"/>
      <c r="AM291" s="16"/>
      <c r="AN291" s="3" t="str">
        <f t="shared" si="16"/>
        <v>■</v>
      </c>
    </row>
    <row r="292" spans="1:40" ht="13.4" customHeight="1">
      <c r="A292" s="20" t="str">
        <f t="shared" si="15"/>
        <v>IY</v>
      </c>
      <c r="B292" s="20"/>
      <c r="C292" s="541">
        <v>41</v>
      </c>
      <c r="D292" s="542"/>
      <c r="E292" s="543" t="s">
        <v>673</v>
      </c>
      <c r="F292" s="544"/>
      <c r="G292" s="544"/>
      <c r="H292" s="544"/>
      <c r="I292" s="544"/>
      <c r="J292" s="544"/>
      <c r="K292" s="544"/>
      <c r="L292" s="544"/>
      <c r="M292" s="544"/>
      <c r="N292" s="544"/>
      <c r="O292" s="544"/>
      <c r="P292" s="544"/>
      <c r="Q292" s="544"/>
      <c r="R292" s="544"/>
      <c r="S292" s="544"/>
      <c r="T292" s="545"/>
      <c r="U292" s="221" t="s">
        <v>674</v>
      </c>
      <c r="V292" s="546" t="s">
        <v>107</v>
      </c>
      <c r="W292" s="547"/>
      <c r="X292" s="547"/>
      <c r="Y292" s="547"/>
      <c r="Z292" s="548"/>
      <c r="AA292" s="546" t="s">
        <v>108</v>
      </c>
      <c r="AB292" s="547"/>
      <c r="AC292" s="548"/>
      <c r="AD292" s="415">
        <v>3</v>
      </c>
      <c r="AE292" s="415">
        <v>0</v>
      </c>
      <c r="AF292" s="541"/>
      <c r="AG292" s="542"/>
      <c r="AH292" s="549"/>
      <c r="AI292" s="550"/>
      <c r="AJ292" s="551"/>
      <c r="AK292" s="265"/>
      <c r="AL292" s="329"/>
      <c r="AM292" s="16"/>
      <c r="AN292" s="3" t="str">
        <f t="shared" si="16"/>
        <v>■</v>
      </c>
    </row>
    <row r="293" spans="1:40" ht="13.4" customHeight="1">
      <c r="A293" s="20" t="str">
        <f t="shared" si="15"/>
        <v>IY</v>
      </c>
      <c r="B293" s="20"/>
      <c r="C293" s="541">
        <v>42</v>
      </c>
      <c r="D293" s="542"/>
      <c r="E293" s="543" t="s">
        <v>675</v>
      </c>
      <c r="F293" s="544"/>
      <c r="G293" s="544"/>
      <c r="H293" s="544"/>
      <c r="I293" s="544"/>
      <c r="J293" s="544"/>
      <c r="K293" s="544"/>
      <c r="L293" s="544"/>
      <c r="M293" s="544"/>
      <c r="N293" s="544"/>
      <c r="O293" s="544"/>
      <c r="P293" s="544"/>
      <c r="Q293" s="544"/>
      <c r="R293" s="544"/>
      <c r="S293" s="544"/>
      <c r="T293" s="545"/>
      <c r="U293" s="221" t="s">
        <v>676</v>
      </c>
      <c r="V293" s="546" t="s">
        <v>107</v>
      </c>
      <c r="W293" s="547"/>
      <c r="X293" s="547"/>
      <c r="Y293" s="547"/>
      <c r="Z293" s="548"/>
      <c r="AA293" s="546" t="s">
        <v>108</v>
      </c>
      <c r="AB293" s="547"/>
      <c r="AC293" s="548"/>
      <c r="AD293" s="415">
        <v>3</v>
      </c>
      <c r="AE293" s="415">
        <v>0</v>
      </c>
      <c r="AF293" s="541"/>
      <c r="AG293" s="542"/>
      <c r="AH293" s="549"/>
      <c r="AI293" s="550"/>
      <c r="AJ293" s="551"/>
      <c r="AK293" s="265"/>
      <c r="AL293" s="329"/>
      <c r="AM293" s="16"/>
      <c r="AN293" s="3" t="str">
        <f t="shared" si="16"/>
        <v>■</v>
      </c>
    </row>
    <row r="294" spans="1:40" ht="13.4" customHeight="1">
      <c r="A294" s="20" t="str">
        <f t="shared" si="15"/>
        <v>IY</v>
      </c>
      <c r="B294" s="20"/>
      <c r="C294" s="541">
        <v>43</v>
      </c>
      <c r="D294" s="542"/>
      <c r="E294" s="543" t="s">
        <v>677</v>
      </c>
      <c r="F294" s="544"/>
      <c r="G294" s="544"/>
      <c r="H294" s="544"/>
      <c r="I294" s="544"/>
      <c r="J294" s="544"/>
      <c r="K294" s="544"/>
      <c r="L294" s="544"/>
      <c r="M294" s="544"/>
      <c r="N294" s="544"/>
      <c r="O294" s="544"/>
      <c r="P294" s="544"/>
      <c r="Q294" s="544"/>
      <c r="R294" s="544"/>
      <c r="S294" s="544"/>
      <c r="T294" s="545"/>
      <c r="U294" s="221" t="s">
        <v>678</v>
      </c>
      <c r="V294" s="546" t="s">
        <v>107</v>
      </c>
      <c r="W294" s="547"/>
      <c r="X294" s="547"/>
      <c r="Y294" s="547"/>
      <c r="Z294" s="548"/>
      <c r="AA294" s="546" t="s">
        <v>108</v>
      </c>
      <c r="AB294" s="547"/>
      <c r="AC294" s="548"/>
      <c r="AD294" s="415">
        <v>3</v>
      </c>
      <c r="AE294" s="415">
        <v>0</v>
      </c>
      <c r="AF294" s="541"/>
      <c r="AG294" s="542"/>
      <c r="AH294" s="549"/>
      <c r="AI294" s="550"/>
      <c r="AJ294" s="551"/>
      <c r="AK294" s="265"/>
      <c r="AL294" s="329"/>
      <c r="AM294" s="16"/>
      <c r="AN294" s="3" t="str">
        <f t="shared" si="16"/>
        <v>■</v>
      </c>
    </row>
    <row r="295" spans="1:40" ht="13.4" customHeight="1">
      <c r="A295" s="20" t="str">
        <f t="shared" si="15"/>
        <v>IY</v>
      </c>
      <c r="B295" s="20"/>
      <c r="C295" s="541">
        <v>44</v>
      </c>
      <c r="D295" s="542"/>
      <c r="E295" s="543" t="s">
        <v>679</v>
      </c>
      <c r="F295" s="544"/>
      <c r="G295" s="544"/>
      <c r="H295" s="544"/>
      <c r="I295" s="544"/>
      <c r="J295" s="544"/>
      <c r="K295" s="544"/>
      <c r="L295" s="544"/>
      <c r="M295" s="544"/>
      <c r="N295" s="544"/>
      <c r="O295" s="544"/>
      <c r="P295" s="544"/>
      <c r="Q295" s="544"/>
      <c r="R295" s="544"/>
      <c r="S295" s="544"/>
      <c r="T295" s="545"/>
      <c r="U295" s="221" t="s">
        <v>680</v>
      </c>
      <c r="V295" s="546" t="s">
        <v>107</v>
      </c>
      <c r="W295" s="547"/>
      <c r="X295" s="547"/>
      <c r="Y295" s="547"/>
      <c r="Z295" s="548"/>
      <c r="AA295" s="546" t="s">
        <v>108</v>
      </c>
      <c r="AB295" s="547"/>
      <c r="AC295" s="548"/>
      <c r="AD295" s="415">
        <v>3</v>
      </c>
      <c r="AE295" s="415">
        <v>0</v>
      </c>
      <c r="AF295" s="541"/>
      <c r="AG295" s="542"/>
      <c r="AH295" s="549"/>
      <c r="AI295" s="550"/>
      <c r="AJ295" s="551"/>
      <c r="AK295" s="265"/>
      <c r="AL295" s="329"/>
      <c r="AM295" s="16"/>
      <c r="AN295" s="3" t="str">
        <f t="shared" si="16"/>
        <v>■</v>
      </c>
    </row>
    <row r="296" spans="1:40" ht="13.4" customHeight="1">
      <c r="A296" s="20" t="str">
        <f t="shared" si="15"/>
        <v>IY</v>
      </c>
      <c r="B296" s="20"/>
      <c r="C296" s="541">
        <v>45</v>
      </c>
      <c r="D296" s="542"/>
      <c r="E296" s="543" t="s">
        <v>681</v>
      </c>
      <c r="F296" s="544"/>
      <c r="G296" s="544"/>
      <c r="H296" s="544"/>
      <c r="I296" s="544"/>
      <c r="J296" s="544"/>
      <c r="K296" s="544"/>
      <c r="L296" s="544"/>
      <c r="M296" s="544"/>
      <c r="N296" s="544"/>
      <c r="O296" s="544"/>
      <c r="P296" s="544"/>
      <c r="Q296" s="544"/>
      <c r="R296" s="544"/>
      <c r="S296" s="544"/>
      <c r="T296" s="545"/>
      <c r="U296" s="221" t="s">
        <v>682</v>
      </c>
      <c r="V296" s="546" t="s">
        <v>107</v>
      </c>
      <c r="W296" s="547"/>
      <c r="X296" s="547"/>
      <c r="Y296" s="547"/>
      <c r="Z296" s="548"/>
      <c r="AA296" s="546" t="s">
        <v>108</v>
      </c>
      <c r="AB296" s="547"/>
      <c r="AC296" s="548"/>
      <c r="AD296" s="415">
        <v>3</v>
      </c>
      <c r="AE296" s="415">
        <v>0</v>
      </c>
      <c r="AF296" s="541"/>
      <c r="AG296" s="542"/>
      <c r="AH296" s="549"/>
      <c r="AI296" s="550"/>
      <c r="AJ296" s="551"/>
      <c r="AK296" s="265"/>
      <c r="AL296" s="329"/>
      <c r="AM296" s="16"/>
      <c r="AN296" s="3" t="str">
        <f t="shared" si="16"/>
        <v>■</v>
      </c>
    </row>
    <row r="297" spans="1:40" ht="13.4" customHeight="1">
      <c r="A297" s="20" t="str">
        <f t="shared" si="15"/>
        <v>IY</v>
      </c>
      <c r="B297" s="20"/>
      <c r="C297" s="541">
        <v>46</v>
      </c>
      <c r="D297" s="542"/>
      <c r="E297" s="543" t="s">
        <v>683</v>
      </c>
      <c r="F297" s="544"/>
      <c r="G297" s="544"/>
      <c r="H297" s="544"/>
      <c r="I297" s="544"/>
      <c r="J297" s="544"/>
      <c r="K297" s="544"/>
      <c r="L297" s="544"/>
      <c r="M297" s="544"/>
      <c r="N297" s="544"/>
      <c r="O297" s="544"/>
      <c r="P297" s="544"/>
      <c r="Q297" s="544"/>
      <c r="R297" s="544"/>
      <c r="S297" s="544"/>
      <c r="T297" s="545"/>
      <c r="U297" s="221" t="s">
        <v>684</v>
      </c>
      <c r="V297" s="546" t="s">
        <v>107</v>
      </c>
      <c r="W297" s="547"/>
      <c r="X297" s="547"/>
      <c r="Y297" s="547"/>
      <c r="Z297" s="548"/>
      <c r="AA297" s="546" t="s">
        <v>108</v>
      </c>
      <c r="AB297" s="547"/>
      <c r="AC297" s="548"/>
      <c r="AD297" s="415">
        <v>3</v>
      </c>
      <c r="AE297" s="415">
        <v>0</v>
      </c>
      <c r="AF297" s="541"/>
      <c r="AG297" s="542"/>
      <c r="AH297" s="549"/>
      <c r="AI297" s="550"/>
      <c r="AJ297" s="551"/>
      <c r="AK297" s="265"/>
      <c r="AL297" s="329"/>
      <c r="AM297" s="16"/>
      <c r="AN297" s="3" t="str">
        <f t="shared" si="16"/>
        <v>■</v>
      </c>
    </row>
    <row r="298" spans="1:40" ht="13.4" customHeight="1">
      <c r="A298" s="20" t="str">
        <f t="shared" si="15"/>
        <v>IY</v>
      </c>
      <c r="B298" s="20"/>
      <c r="C298" s="541">
        <v>47</v>
      </c>
      <c r="D298" s="542"/>
      <c r="E298" s="543" t="s">
        <v>685</v>
      </c>
      <c r="F298" s="544"/>
      <c r="G298" s="544"/>
      <c r="H298" s="544"/>
      <c r="I298" s="544"/>
      <c r="J298" s="544"/>
      <c r="K298" s="544"/>
      <c r="L298" s="544"/>
      <c r="M298" s="544"/>
      <c r="N298" s="544"/>
      <c r="O298" s="544"/>
      <c r="P298" s="544"/>
      <c r="Q298" s="544"/>
      <c r="R298" s="544"/>
      <c r="S298" s="544"/>
      <c r="T298" s="545"/>
      <c r="U298" s="221" t="s">
        <v>686</v>
      </c>
      <c r="V298" s="546" t="s">
        <v>107</v>
      </c>
      <c r="W298" s="547"/>
      <c r="X298" s="547"/>
      <c r="Y298" s="547"/>
      <c r="Z298" s="548"/>
      <c r="AA298" s="546" t="s">
        <v>108</v>
      </c>
      <c r="AB298" s="547"/>
      <c r="AC298" s="548"/>
      <c r="AD298" s="415">
        <v>3</v>
      </c>
      <c r="AE298" s="415">
        <v>0</v>
      </c>
      <c r="AF298" s="541"/>
      <c r="AG298" s="542"/>
      <c r="AH298" s="549"/>
      <c r="AI298" s="550"/>
      <c r="AJ298" s="551"/>
      <c r="AK298" s="265"/>
      <c r="AL298" s="329"/>
      <c r="AM298" s="16"/>
      <c r="AN298" s="3" t="str">
        <f t="shared" si="16"/>
        <v>■</v>
      </c>
    </row>
    <row r="299" spans="1:40" ht="13.4" customHeight="1">
      <c r="A299" s="20" t="str">
        <f t="shared" si="15"/>
        <v>IY</v>
      </c>
      <c r="B299" s="20"/>
      <c r="C299" s="541">
        <v>48</v>
      </c>
      <c r="D299" s="542"/>
      <c r="E299" s="543" t="s">
        <v>687</v>
      </c>
      <c r="F299" s="544"/>
      <c r="G299" s="544"/>
      <c r="H299" s="544"/>
      <c r="I299" s="544"/>
      <c r="J299" s="544"/>
      <c r="K299" s="544"/>
      <c r="L299" s="544"/>
      <c r="M299" s="544"/>
      <c r="N299" s="544"/>
      <c r="O299" s="544"/>
      <c r="P299" s="544"/>
      <c r="Q299" s="544"/>
      <c r="R299" s="544"/>
      <c r="S299" s="544"/>
      <c r="T299" s="545"/>
      <c r="U299" s="221" t="s">
        <v>688</v>
      </c>
      <c r="V299" s="546" t="s">
        <v>107</v>
      </c>
      <c r="W299" s="547"/>
      <c r="X299" s="547"/>
      <c r="Y299" s="547"/>
      <c r="Z299" s="548"/>
      <c r="AA299" s="546" t="s">
        <v>108</v>
      </c>
      <c r="AB299" s="547"/>
      <c r="AC299" s="548"/>
      <c r="AD299" s="415">
        <v>3</v>
      </c>
      <c r="AE299" s="415">
        <v>0</v>
      </c>
      <c r="AF299" s="541"/>
      <c r="AG299" s="542"/>
      <c r="AH299" s="549"/>
      <c r="AI299" s="550"/>
      <c r="AJ299" s="551"/>
      <c r="AK299" s="265"/>
      <c r="AL299" s="329"/>
      <c r="AM299" s="16"/>
      <c r="AN299" s="3" t="str">
        <f t="shared" si="16"/>
        <v>■</v>
      </c>
    </row>
    <row r="300" spans="1:40" ht="13.4" customHeight="1">
      <c r="A300" s="20" t="str">
        <f t="shared" si="15"/>
        <v>IY</v>
      </c>
      <c r="B300" s="20"/>
      <c r="C300" s="541">
        <v>49</v>
      </c>
      <c r="D300" s="542"/>
      <c r="E300" s="543" t="s">
        <v>689</v>
      </c>
      <c r="F300" s="544"/>
      <c r="G300" s="544"/>
      <c r="H300" s="544"/>
      <c r="I300" s="544"/>
      <c r="J300" s="544"/>
      <c r="K300" s="544"/>
      <c r="L300" s="544"/>
      <c r="M300" s="544"/>
      <c r="N300" s="544"/>
      <c r="O300" s="544"/>
      <c r="P300" s="544"/>
      <c r="Q300" s="544"/>
      <c r="R300" s="544"/>
      <c r="S300" s="544"/>
      <c r="T300" s="545"/>
      <c r="U300" s="221" t="s">
        <v>690</v>
      </c>
      <c r="V300" s="546" t="s">
        <v>107</v>
      </c>
      <c r="W300" s="547"/>
      <c r="X300" s="547"/>
      <c r="Y300" s="547"/>
      <c r="Z300" s="548"/>
      <c r="AA300" s="546" t="s">
        <v>102</v>
      </c>
      <c r="AB300" s="547"/>
      <c r="AC300" s="548"/>
      <c r="AD300" s="415">
        <v>2</v>
      </c>
      <c r="AE300" s="415" t="s">
        <v>103</v>
      </c>
      <c r="AF300" s="541"/>
      <c r="AG300" s="542"/>
      <c r="AH300" s="549"/>
      <c r="AI300" s="550"/>
      <c r="AJ300" s="551"/>
      <c r="AK300" s="265"/>
      <c r="AL300" s="329"/>
      <c r="AM300" s="16"/>
      <c r="AN300" s="3" t="str">
        <f t="shared" si="16"/>
        <v>■</v>
      </c>
    </row>
    <row r="301" spans="1:40" ht="13.4" customHeight="1">
      <c r="A301" s="20" t="str">
        <f t="shared" si="15"/>
        <v>IY</v>
      </c>
      <c r="B301" s="20"/>
      <c r="C301" s="541">
        <v>50</v>
      </c>
      <c r="D301" s="542"/>
      <c r="E301" s="543" t="s">
        <v>691</v>
      </c>
      <c r="F301" s="544"/>
      <c r="G301" s="544"/>
      <c r="H301" s="544"/>
      <c r="I301" s="544"/>
      <c r="J301" s="544"/>
      <c r="K301" s="544"/>
      <c r="L301" s="544"/>
      <c r="M301" s="544"/>
      <c r="N301" s="544"/>
      <c r="O301" s="544"/>
      <c r="P301" s="544"/>
      <c r="Q301" s="544"/>
      <c r="R301" s="544"/>
      <c r="S301" s="544"/>
      <c r="T301" s="545"/>
      <c r="U301" s="221" t="s">
        <v>692</v>
      </c>
      <c r="V301" s="546" t="s">
        <v>107</v>
      </c>
      <c r="W301" s="547"/>
      <c r="X301" s="547"/>
      <c r="Y301" s="547"/>
      <c r="Z301" s="548"/>
      <c r="AA301" s="546" t="s">
        <v>108</v>
      </c>
      <c r="AB301" s="547"/>
      <c r="AC301" s="548"/>
      <c r="AD301" s="415">
        <v>5</v>
      </c>
      <c r="AE301" s="415">
        <v>0</v>
      </c>
      <c r="AF301" s="541"/>
      <c r="AG301" s="542"/>
      <c r="AH301" s="549"/>
      <c r="AI301" s="550"/>
      <c r="AJ301" s="551"/>
      <c r="AK301" s="265"/>
      <c r="AL301" s="329"/>
      <c r="AM301" s="16"/>
      <c r="AN301" s="3" t="str">
        <f t="shared" si="16"/>
        <v>■</v>
      </c>
    </row>
    <row r="302" spans="1:40" ht="13.4" customHeight="1">
      <c r="A302" s="20" t="str">
        <f t="shared" si="15"/>
        <v>IY</v>
      </c>
      <c r="B302" s="20"/>
      <c r="C302" s="541">
        <v>51</v>
      </c>
      <c r="D302" s="542"/>
      <c r="E302" s="543" t="s">
        <v>693</v>
      </c>
      <c r="F302" s="544"/>
      <c r="G302" s="544"/>
      <c r="H302" s="544"/>
      <c r="I302" s="544"/>
      <c r="J302" s="544"/>
      <c r="K302" s="544"/>
      <c r="L302" s="544"/>
      <c r="M302" s="544"/>
      <c r="N302" s="544"/>
      <c r="O302" s="544"/>
      <c r="P302" s="544"/>
      <c r="Q302" s="544"/>
      <c r="R302" s="544"/>
      <c r="S302" s="544"/>
      <c r="T302" s="545"/>
      <c r="U302" s="221" t="s">
        <v>694</v>
      </c>
      <c r="V302" s="546" t="s">
        <v>107</v>
      </c>
      <c r="W302" s="547"/>
      <c r="X302" s="547"/>
      <c r="Y302" s="547"/>
      <c r="Z302" s="548"/>
      <c r="AA302" s="546" t="s">
        <v>108</v>
      </c>
      <c r="AB302" s="547"/>
      <c r="AC302" s="548"/>
      <c r="AD302" s="415">
        <v>5</v>
      </c>
      <c r="AE302" s="415">
        <v>0</v>
      </c>
      <c r="AF302" s="541"/>
      <c r="AG302" s="542"/>
      <c r="AH302" s="549"/>
      <c r="AI302" s="550"/>
      <c r="AJ302" s="551"/>
      <c r="AK302" s="265"/>
      <c r="AL302" s="329"/>
      <c r="AM302" s="16"/>
      <c r="AN302" s="3" t="str">
        <f t="shared" si="16"/>
        <v>■</v>
      </c>
    </row>
    <row r="303" spans="1:40" ht="13.4" customHeight="1">
      <c r="A303" s="20" t="str">
        <f t="shared" si="15"/>
        <v>IY</v>
      </c>
      <c r="B303" s="20"/>
      <c r="C303" s="541">
        <v>52</v>
      </c>
      <c r="D303" s="542"/>
      <c r="E303" s="543" t="s">
        <v>695</v>
      </c>
      <c r="F303" s="544"/>
      <c r="G303" s="544"/>
      <c r="H303" s="544"/>
      <c r="I303" s="544"/>
      <c r="J303" s="544"/>
      <c r="K303" s="544"/>
      <c r="L303" s="544"/>
      <c r="M303" s="544"/>
      <c r="N303" s="544"/>
      <c r="O303" s="544"/>
      <c r="P303" s="544"/>
      <c r="Q303" s="544"/>
      <c r="R303" s="544"/>
      <c r="S303" s="544"/>
      <c r="T303" s="545"/>
      <c r="U303" s="221" t="s">
        <v>696</v>
      </c>
      <c r="V303" s="546" t="s">
        <v>107</v>
      </c>
      <c r="W303" s="547"/>
      <c r="X303" s="547"/>
      <c r="Y303" s="547"/>
      <c r="Z303" s="548"/>
      <c r="AA303" s="546" t="s">
        <v>108</v>
      </c>
      <c r="AB303" s="547"/>
      <c r="AC303" s="548"/>
      <c r="AD303" s="415">
        <v>7</v>
      </c>
      <c r="AE303" s="415">
        <v>0</v>
      </c>
      <c r="AF303" s="541"/>
      <c r="AG303" s="542"/>
      <c r="AH303" s="549"/>
      <c r="AI303" s="550"/>
      <c r="AJ303" s="551"/>
      <c r="AK303" s="265" t="s">
        <v>697</v>
      </c>
      <c r="AL303" s="329"/>
      <c r="AM303" s="16"/>
      <c r="AN303" s="3" t="str">
        <f t="shared" si="16"/>
        <v>■</v>
      </c>
    </row>
    <row r="304" spans="1:40" ht="13.4" customHeight="1">
      <c r="A304" s="20" t="str">
        <f t="shared" si="15"/>
        <v>IY</v>
      </c>
      <c r="B304" s="20"/>
      <c r="C304" s="541">
        <v>53</v>
      </c>
      <c r="D304" s="542"/>
      <c r="E304" s="543" t="s">
        <v>698</v>
      </c>
      <c r="F304" s="544"/>
      <c r="G304" s="544"/>
      <c r="H304" s="544"/>
      <c r="I304" s="544"/>
      <c r="J304" s="544"/>
      <c r="K304" s="544"/>
      <c r="L304" s="544"/>
      <c r="M304" s="544"/>
      <c r="N304" s="544"/>
      <c r="O304" s="544"/>
      <c r="P304" s="544"/>
      <c r="Q304" s="544"/>
      <c r="R304" s="544"/>
      <c r="S304" s="544"/>
      <c r="T304" s="545"/>
      <c r="U304" s="221" t="s">
        <v>699</v>
      </c>
      <c r="V304" s="546" t="s">
        <v>101</v>
      </c>
      <c r="W304" s="547"/>
      <c r="X304" s="547"/>
      <c r="Y304" s="547"/>
      <c r="Z304" s="548"/>
      <c r="AA304" s="546" t="s">
        <v>102</v>
      </c>
      <c r="AB304" s="547"/>
      <c r="AC304" s="548"/>
      <c r="AD304" s="415">
        <v>6</v>
      </c>
      <c r="AE304" s="415" t="s">
        <v>103</v>
      </c>
      <c r="AF304" s="541"/>
      <c r="AG304" s="542"/>
      <c r="AH304" s="549"/>
      <c r="AI304" s="550"/>
      <c r="AJ304" s="551"/>
      <c r="AK304" s="265" t="s">
        <v>697</v>
      </c>
      <c r="AL304" s="329"/>
      <c r="AM304" s="16"/>
      <c r="AN304" s="3" t="str">
        <f t="shared" si="16"/>
        <v>■</v>
      </c>
    </row>
    <row r="305" spans="1:40" ht="13.4" customHeight="1">
      <c r="A305" s="20" t="str">
        <f t="shared" si="15"/>
        <v>IY</v>
      </c>
      <c r="B305" s="20"/>
      <c r="C305" s="541">
        <v>54</v>
      </c>
      <c r="D305" s="542"/>
      <c r="E305" s="543" t="s">
        <v>700</v>
      </c>
      <c r="F305" s="544"/>
      <c r="G305" s="544"/>
      <c r="H305" s="544"/>
      <c r="I305" s="544"/>
      <c r="J305" s="544"/>
      <c r="K305" s="544"/>
      <c r="L305" s="544"/>
      <c r="M305" s="544"/>
      <c r="N305" s="544"/>
      <c r="O305" s="544"/>
      <c r="P305" s="544"/>
      <c r="Q305" s="544"/>
      <c r="R305" s="544"/>
      <c r="S305" s="544"/>
      <c r="T305" s="545"/>
      <c r="U305" s="221" t="s">
        <v>701</v>
      </c>
      <c r="V305" s="546" t="s">
        <v>107</v>
      </c>
      <c r="W305" s="547"/>
      <c r="X305" s="547"/>
      <c r="Y305" s="547"/>
      <c r="Z305" s="548"/>
      <c r="AA305" s="546" t="s">
        <v>108</v>
      </c>
      <c r="AB305" s="547"/>
      <c r="AC305" s="548"/>
      <c r="AD305" s="415">
        <v>3</v>
      </c>
      <c r="AE305" s="415">
        <v>0</v>
      </c>
      <c r="AF305" s="541"/>
      <c r="AG305" s="542"/>
      <c r="AH305" s="549"/>
      <c r="AI305" s="550"/>
      <c r="AJ305" s="551"/>
      <c r="AK305" s="265"/>
      <c r="AL305" s="329"/>
      <c r="AM305" s="16"/>
      <c r="AN305" s="3" t="str">
        <f t="shared" si="16"/>
        <v>■</v>
      </c>
    </row>
    <row r="306" spans="1:40" ht="13.4" customHeight="1">
      <c r="A306" s="20" t="str">
        <f t="shared" si="15"/>
        <v>IY</v>
      </c>
      <c r="B306" s="20"/>
      <c r="C306" s="541">
        <v>55</v>
      </c>
      <c r="D306" s="542"/>
      <c r="E306" s="543" t="s">
        <v>702</v>
      </c>
      <c r="F306" s="544"/>
      <c r="G306" s="544"/>
      <c r="H306" s="544"/>
      <c r="I306" s="544"/>
      <c r="J306" s="544"/>
      <c r="K306" s="544"/>
      <c r="L306" s="544"/>
      <c r="M306" s="544"/>
      <c r="N306" s="544"/>
      <c r="O306" s="544"/>
      <c r="P306" s="544"/>
      <c r="Q306" s="544"/>
      <c r="R306" s="544"/>
      <c r="S306" s="544"/>
      <c r="T306" s="545"/>
      <c r="U306" s="221" t="s">
        <v>703</v>
      </c>
      <c r="V306" s="546" t="s">
        <v>101</v>
      </c>
      <c r="W306" s="547"/>
      <c r="X306" s="547"/>
      <c r="Y306" s="547"/>
      <c r="Z306" s="548"/>
      <c r="AA306" s="546" t="s">
        <v>102</v>
      </c>
      <c r="AB306" s="547"/>
      <c r="AC306" s="548"/>
      <c r="AD306" s="415">
        <v>6</v>
      </c>
      <c r="AE306" s="415" t="s">
        <v>103</v>
      </c>
      <c r="AF306" s="541"/>
      <c r="AG306" s="542"/>
      <c r="AH306" s="549"/>
      <c r="AI306" s="550"/>
      <c r="AJ306" s="551"/>
      <c r="AK306" s="265"/>
      <c r="AL306" s="329"/>
      <c r="AM306" s="16"/>
      <c r="AN306" s="3" t="str">
        <f t="shared" si="16"/>
        <v>■</v>
      </c>
    </row>
    <row r="307" spans="1:40" ht="13.4" customHeight="1">
      <c r="A307" s="20" t="str">
        <f t="shared" si="15"/>
        <v>IY</v>
      </c>
      <c r="B307" s="20"/>
      <c r="C307" s="541">
        <v>56</v>
      </c>
      <c r="D307" s="542"/>
      <c r="E307" s="543" t="s">
        <v>409</v>
      </c>
      <c r="F307" s="544"/>
      <c r="G307" s="544"/>
      <c r="H307" s="544"/>
      <c r="I307" s="544"/>
      <c r="J307" s="544"/>
      <c r="K307" s="544"/>
      <c r="L307" s="544"/>
      <c r="M307" s="544"/>
      <c r="N307" s="544"/>
      <c r="O307" s="544"/>
      <c r="P307" s="544"/>
      <c r="Q307" s="544"/>
      <c r="R307" s="544"/>
      <c r="S307" s="544"/>
      <c r="T307" s="545"/>
      <c r="U307" s="221" t="s">
        <v>453</v>
      </c>
      <c r="V307" s="546" t="s">
        <v>107</v>
      </c>
      <c r="W307" s="547"/>
      <c r="X307" s="547"/>
      <c r="Y307" s="547"/>
      <c r="Z307" s="548"/>
      <c r="AA307" s="546" t="s">
        <v>102</v>
      </c>
      <c r="AB307" s="547"/>
      <c r="AC307" s="548"/>
      <c r="AD307" s="415">
        <v>6</v>
      </c>
      <c r="AE307" s="415" t="s">
        <v>103</v>
      </c>
      <c r="AF307" s="541"/>
      <c r="AG307" s="542"/>
      <c r="AH307" s="549"/>
      <c r="AI307" s="550"/>
      <c r="AJ307" s="551"/>
      <c r="AK307" s="265"/>
      <c r="AL307" s="334"/>
      <c r="AM307" s="16"/>
      <c r="AN307" s="3" t="str">
        <f t="shared" si="16"/>
        <v>■</v>
      </c>
    </row>
    <row r="308" spans="1:40" ht="13.4" customHeight="1">
      <c r="A308" s="20" t="str">
        <f>IF(LEN(J308)&gt;0,MID(J308,FIND("（",J308,1)+1,2),A304)</f>
        <v>IY</v>
      </c>
      <c r="B308" s="20"/>
      <c r="C308" s="541">
        <v>57</v>
      </c>
      <c r="D308" s="542"/>
      <c r="E308" s="543" t="s">
        <v>411</v>
      </c>
      <c r="F308" s="544"/>
      <c r="G308" s="544"/>
      <c r="H308" s="544"/>
      <c r="I308" s="544"/>
      <c r="J308" s="544"/>
      <c r="K308" s="544"/>
      <c r="L308" s="544"/>
      <c r="M308" s="544"/>
      <c r="N308" s="544"/>
      <c r="O308" s="544"/>
      <c r="P308" s="544"/>
      <c r="Q308" s="544"/>
      <c r="R308" s="544"/>
      <c r="S308" s="544"/>
      <c r="T308" s="545"/>
      <c r="U308" s="221" t="s">
        <v>516</v>
      </c>
      <c r="V308" s="546" t="s">
        <v>107</v>
      </c>
      <c r="W308" s="547"/>
      <c r="X308" s="547"/>
      <c r="Y308" s="547"/>
      <c r="Z308" s="548"/>
      <c r="AA308" s="546" t="s">
        <v>102</v>
      </c>
      <c r="AB308" s="547"/>
      <c r="AC308" s="548"/>
      <c r="AD308" s="415">
        <v>6</v>
      </c>
      <c r="AE308" s="415" t="s">
        <v>103</v>
      </c>
      <c r="AF308" s="541"/>
      <c r="AG308" s="542"/>
      <c r="AH308" s="549"/>
      <c r="AI308" s="550"/>
      <c r="AJ308" s="551"/>
      <c r="AK308" s="265"/>
      <c r="AL308" s="329"/>
      <c r="AM308" s="16"/>
      <c r="AN308" s="3" t="str">
        <f t="shared" si="16"/>
        <v>■</v>
      </c>
    </row>
    <row r="309" spans="1:40">
      <c r="A309" s="20" t="str">
        <f>IF(LEN(J309)&gt;0,MID(J309,FIND("（",J309,1)+1,2),A305)</f>
        <v>IY</v>
      </c>
      <c r="B309" s="20"/>
      <c r="C309" s="122"/>
      <c r="D309" s="122"/>
      <c r="E309" s="208"/>
      <c r="F309" s="208"/>
      <c r="G309" s="208"/>
      <c r="H309" s="208"/>
      <c r="I309" s="208"/>
      <c r="J309" s="208"/>
      <c r="K309" s="208"/>
      <c r="L309" s="208"/>
      <c r="M309" s="208"/>
      <c r="N309" s="208"/>
      <c r="O309" s="208"/>
      <c r="P309" s="208"/>
      <c r="Q309" s="208"/>
      <c r="R309" s="208"/>
      <c r="S309" s="208"/>
      <c r="T309" s="208"/>
      <c r="U309" s="214"/>
      <c r="V309" s="205"/>
      <c r="W309" s="205"/>
      <c r="X309" s="205"/>
      <c r="Y309" s="205"/>
      <c r="Z309" s="205"/>
      <c r="AA309" s="205"/>
      <c r="AB309" s="205"/>
      <c r="AC309" s="205"/>
      <c r="AD309" s="206"/>
      <c r="AE309" s="206"/>
      <c r="AF309" s="326"/>
      <c r="AG309" s="412"/>
      <c r="AH309" s="238"/>
      <c r="AI309" s="238"/>
      <c r="AJ309" s="238"/>
      <c r="AK309" s="26"/>
      <c r="AL309" s="29"/>
      <c r="AM309" s="16"/>
    </row>
    <row r="310" spans="1:40" s="1" customFormat="1">
      <c r="A310" s="20" t="str">
        <f>IF(LEN(J310)&gt;0,MID(J310,FIND("（",J310,1)+1,2),A308)</f>
        <v>TO</v>
      </c>
      <c r="B310" s="20"/>
      <c r="C310" s="52" t="s">
        <v>380</v>
      </c>
      <c r="D310" s="16"/>
      <c r="E310" s="26"/>
      <c r="F310" s="26"/>
      <c r="G310" s="26"/>
      <c r="H310" s="26"/>
      <c r="I310" s="26"/>
      <c r="J310" s="26" t="s">
        <v>713</v>
      </c>
      <c r="K310" s="26"/>
      <c r="L310" s="26"/>
      <c r="M310" s="26"/>
      <c r="N310" s="26"/>
      <c r="O310" s="26"/>
      <c r="P310" s="26"/>
      <c r="Q310" s="26"/>
      <c r="R310" s="26"/>
      <c r="S310" s="26"/>
      <c r="T310" s="26"/>
      <c r="U310" s="26" t="s">
        <v>714</v>
      </c>
      <c r="V310" s="122"/>
      <c r="W310" s="122"/>
      <c r="X310" s="122"/>
      <c r="Y310" s="122"/>
      <c r="Z310" s="122"/>
      <c r="AA310" s="122"/>
      <c r="AB310" s="122"/>
      <c r="AC310" s="122"/>
      <c r="AD310" s="122"/>
      <c r="AE310" s="122"/>
      <c r="AF310" s="122"/>
      <c r="AG310" s="239"/>
      <c r="AH310" s="122"/>
      <c r="AI310" s="122"/>
      <c r="AJ310" s="122"/>
      <c r="AK310" s="26"/>
      <c r="AL310" s="48"/>
      <c r="AM310" s="26"/>
    </row>
    <row r="311" spans="1:40" ht="13.5" customHeight="1">
      <c r="A311" s="20" t="str">
        <f t="shared" ref="A311:A373" si="17">IF(LEN(J311)&gt;0,MID(J311,FIND("（",J311,1)+1,2),A310)</f>
        <v>TO</v>
      </c>
      <c r="B311" s="20"/>
      <c r="C311" s="571" t="s">
        <v>73</v>
      </c>
      <c r="D311" s="573"/>
      <c r="E311" s="571" t="s">
        <v>94</v>
      </c>
      <c r="F311" s="571"/>
      <c r="G311" s="571"/>
      <c r="H311" s="571"/>
      <c r="I311" s="571"/>
      <c r="J311" s="571"/>
      <c r="K311" s="571"/>
      <c r="L311" s="571"/>
      <c r="M311" s="571"/>
      <c r="N311" s="571"/>
      <c r="O311" s="571"/>
      <c r="P311" s="571"/>
      <c r="Q311" s="571"/>
      <c r="R311" s="571"/>
      <c r="S311" s="571"/>
      <c r="T311" s="571"/>
      <c r="U311" s="584" t="s">
        <v>383</v>
      </c>
      <c r="V311" s="574" t="s">
        <v>138</v>
      </c>
      <c r="W311" s="574"/>
      <c r="X311" s="574"/>
      <c r="Y311" s="574"/>
      <c r="Z311" s="574"/>
      <c r="AA311" s="575" t="s">
        <v>415</v>
      </c>
      <c r="AB311" s="576"/>
      <c r="AC311" s="577"/>
      <c r="AD311" s="493" t="s">
        <v>97</v>
      </c>
      <c r="AE311" s="493"/>
      <c r="AF311" s="574" t="s">
        <v>98</v>
      </c>
      <c r="AG311" s="574"/>
      <c r="AH311" s="571" t="s">
        <v>75</v>
      </c>
      <c r="AI311" s="571"/>
      <c r="AJ311" s="571"/>
      <c r="AK311" s="581" t="s">
        <v>159</v>
      </c>
      <c r="AL311" s="329"/>
      <c r="AM311" s="16"/>
    </row>
    <row r="312" spans="1:40">
      <c r="A312" s="20" t="str">
        <f t="shared" si="17"/>
        <v>TO</v>
      </c>
      <c r="B312" s="20"/>
      <c r="C312" s="573"/>
      <c r="D312" s="573"/>
      <c r="E312" s="571"/>
      <c r="F312" s="571"/>
      <c r="G312" s="571"/>
      <c r="H312" s="571"/>
      <c r="I312" s="571"/>
      <c r="J312" s="571"/>
      <c r="K312" s="571"/>
      <c r="L312" s="571"/>
      <c r="M312" s="571"/>
      <c r="N312" s="571"/>
      <c r="O312" s="571"/>
      <c r="P312" s="571"/>
      <c r="Q312" s="571"/>
      <c r="R312" s="571"/>
      <c r="S312" s="571"/>
      <c r="T312" s="571"/>
      <c r="U312" s="585"/>
      <c r="V312" s="574"/>
      <c r="W312" s="574"/>
      <c r="X312" s="574"/>
      <c r="Y312" s="574"/>
      <c r="Z312" s="574"/>
      <c r="AA312" s="578"/>
      <c r="AB312" s="579"/>
      <c r="AC312" s="580"/>
      <c r="AD312" s="493"/>
      <c r="AE312" s="493"/>
      <c r="AF312" s="574"/>
      <c r="AG312" s="574"/>
      <c r="AH312" s="571"/>
      <c r="AI312" s="571"/>
      <c r="AJ312" s="571"/>
      <c r="AK312" s="582"/>
      <c r="AL312" s="330"/>
      <c r="AM312" s="16"/>
    </row>
    <row r="313" spans="1:40" ht="13.4" customHeight="1">
      <c r="A313" s="20" t="str">
        <f t="shared" si="17"/>
        <v>TO</v>
      </c>
      <c r="B313" s="20"/>
      <c r="C313" s="541">
        <v>1</v>
      </c>
      <c r="D313" s="542"/>
      <c r="E313" s="563" t="s">
        <v>440</v>
      </c>
      <c r="F313" s="564"/>
      <c r="G313" s="564"/>
      <c r="H313" s="564"/>
      <c r="I313" s="564"/>
      <c r="J313" s="564"/>
      <c r="K313" s="564"/>
      <c r="L313" s="564"/>
      <c r="M313" s="564"/>
      <c r="N313" s="564"/>
      <c r="O313" s="564"/>
      <c r="P313" s="564"/>
      <c r="Q313" s="564"/>
      <c r="R313" s="564"/>
      <c r="S313" s="564"/>
      <c r="T313" s="565"/>
      <c r="U313" s="219" t="s">
        <v>441</v>
      </c>
      <c r="V313" s="546" t="s">
        <v>101</v>
      </c>
      <c r="W313" s="547"/>
      <c r="X313" s="547"/>
      <c r="Y313" s="547"/>
      <c r="Z313" s="548"/>
      <c r="AA313" s="546" t="s">
        <v>102</v>
      </c>
      <c r="AB313" s="547"/>
      <c r="AC313" s="548"/>
      <c r="AD313" s="415">
        <v>10</v>
      </c>
      <c r="AE313" s="415" t="s">
        <v>103</v>
      </c>
      <c r="AF313" s="541"/>
      <c r="AG313" s="542"/>
      <c r="AH313" s="549"/>
      <c r="AI313" s="550"/>
      <c r="AJ313" s="551"/>
      <c r="AK313" s="335"/>
      <c r="AL313" s="330"/>
      <c r="AM313" s="16"/>
      <c r="AN313" s="3" t="str">
        <f>$P$20</f>
        <v>■</v>
      </c>
    </row>
    <row r="314" spans="1:40" ht="13.4" customHeight="1">
      <c r="A314" s="20" t="str">
        <f t="shared" si="17"/>
        <v>TO</v>
      </c>
      <c r="B314" s="20"/>
      <c r="C314" s="541">
        <v>2</v>
      </c>
      <c r="D314" s="542"/>
      <c r="E314" s="563" t="s">
        <v>442</v>
      </c>
      <c r="F314" s="564"/>
      <c r="G314" s="564"/>
      <c r="H314" s="564"/>
      <c r="I314" s="564"/>
      <c r="J314" s="564"/>
      <c r="K314" s="564"/>
      <c r="L314" s="564"/>
      <c r="M314" s="564"/>
      <c r="N314" s="564"/>
      <c r="O314" s="564"/>
      <c r="P314" s="564"/>
      <c r="Q314" s="564"/>
      <c r="R314" s="564"/>
      <c r="S314" s="564"/>
      <c r="T314" s="565"/>
      <c r="U314" s="219" t="s">
        <v>443</v>
      </c>
      <c r="V314" s="546" t="s">
        <v>101</v>
      </c>
      <c r="W314" s="547"/>
      <c r="X314" s="547"/>
      <c r="Y314" s="547"/>
      <c r="Z314" s="548"/>
      <c r="AA314" s="546" t="s">
        <v>102</v>
      </c>
      <c r="AB314" s="547"/>
      <c r="AC314" s="548"/>
      <c r="AD314" s="415">
        <v>51</v>
      </c>
      <c r="AE314" s="415" t="s">
        <v>103</v>
      </c>
      <c r="AF314" s="541"/>
      <c r="AG314" s="542"/>
      <c r="AH314" s="549"/>
      <c r="AI314" s="550"/>
      <c r="AJ314" s="551"/>
      <c r="AK314" s="335"/>
      <c r="AL314" s="329"/>
      <c r="AM314" s="16"/>
      <c r="AN314" s="3" t="str">
        <f t="shared" ref="AN314:AN373" si="18">$P$20</f>
        <v>■</v>
      </c>
    </row>
    <row r="315" spans="1:40" s="28" customFormat="1" ht="13.4" customHeight="1">
      <c r="A315" s="20" t="str">
        <f t="shared" si="17"/>
        <v>TO</v>
      </c>
      <c r="B315" s="20"/>
      <c r="C315" s="552">
        <v>3</v>
      </c>
      <c r="D315" s="553"/>
      <c r="E315" s="566" t="s">
        <v>106</v>
      </c>
      <c r="F315" s="567"/>
      <c r="G315" s="567"/>
      <c r="H315" s="567"/>
      <c r="I315" s="567"/>
      <c r="J315" s="567"/>
      <c r="K315" s="567"/>
      <c r="L315" s="567"/>
      <c r="M315" s="567"/>
      <c r="N315" s="567"/>
      <c r="O315" s="567"/>
      <c r="P315" s="567"/>
      <c r="Q315" s="567"/>
      <c r="R315" s="567"/>
      <c r="S315" s="567"/>
      <c r="T315" s="568"/>
      <c r="U315" s="220" t="s">
        <v>444</v>
      </c>
      <c r="V315" s="557" t="s">
        <v>107</v>
      </c>
      <c r="W315" s="558"/>
      <c r="X315" s="558"/>
      <c r="Y315" s="558"/>
      <c r="Z315" s="559"/>
      <c r="AA315" s="557" t="s">
        <v>108</v>
      </c>
      <c r="AB315" s="558"/>
      <c r="AC315" s="559"/>
      <c r="AD315" s="419">
        <v>1</v>
      </c>
      <c r="AE315" s="419">
        <v>0</v>
      </c>
      <c r="AF315" s="552" t="s">
        <v>109</v>
      </c>
      <c r="AG315" s="553"/>
      <c r="AH315" s="560"/>
      <c r="AI315" s="561"/>
      <c r="AJ315" s="562"/>
      <c r="AK315" s="321" t="s">
        <v>391</v>
      </c>
      <c r="AL315" s="329"/>
      <c r="AM315" s="331"/>
      <c r="AN315" s="3" t="str">
        <f t="shared" si="18"/>
        <v>■</v>
      </c>
    </row>
    <row r="316" spans="1:40" s="28" customFormat="1" ht="13.4" customHeight="1">
      <c r="A316" s="20" t="str">
        <f t="shared" si="17"/>
        <v>TO</v>
      </c>
      <c r="B316" s="20"/>
      <c r="C316" s="541">
        <v>4</v>
      </c>
      <c r="D316" s="542"/>
      <c r="E316" s="563" t="s">
        <v>110</v>
      </c>
      <c r="F316" s="564"/>
      <c r="G316" s="564"/>
      <c r="H316" s="564"/>
      <c r="I316" s="564"/>
      <c r="J316" s="564"/>
      <c r="K316" s="564"/>
      <c r="L316" s="564"/>
      <c r="M316" s="564"/>
      <c r="N316" s="564"/>
      <c r="O316" s="564"/>
      <c r="P316" s="564"/>
      <c r="Q316" s="564"/>
      <c r="R316" s="564"/>
      <c r="S316" s="564"/>
      <c r="T316" s="565"/>
      <c r="U316" s="221" t="s">
        <v>445</v>
      </c>
      <c r="V316" s="546" t="s">
        <v>107</v>
      </c>
      <c r="W316" s="547"/>
      <c r="X316" s="547"/>
      <c r="Y316" s="547"/>
      <c r="Z316" s="548"/>
      <c r="AA316" s="546" t="s">
        <v>108</v>
      </c>
      <c r="AB316" s="547"/>
      <c r="AC316" s="548"/>
      <c r="AD316" s="415">
        <v>1</v>
      </c>
      <c r="AE316" s="415">
        <v>0</v>
      </c>
      <c r="AF316" s="541"/>
      <c r="AG316" s="542"/>
      <c r="AH316" s="549"/>
      <c r="AI316" s="550"/>
      <c r="AJ316" s="551"/>
      <c r="AK316" s="265"/>
      <c r="AL316" s="329"/>
      <c r="AM316" s="331"/>
      <c r="AN316" s="3" t="str">
        <f t="shared" si="18"/>
        <v>■</v>
      </c>
    </row>
    <row r="317" spans="1:40" ht="13.4" customHeight="1">
      <c r="A317" s="20" t="str">
        <f t="shared" si="17"/>
        <v>TO</v>
      </c>
      <c r="B317" s="20"/>
      <c r="C317" s="541">
        <v>5</v>
      </c>
      <c r="D317" s="542"/>
      <c r="E317" s="543" t="s">
        <v>80</v>
      </c>
      <c r="F317" s="544"/>
      <c r="G317" s="544"/>
      <c r="H317" s="544"/>
      <c r="I317" s="544"/>
      <c r="J317" s="544"/>
      <c r="K317" s="544"/>
      <c r="L317" s="544"/>
      <c r="M317" s="544"/>
      <c r="N317" s="544"/>
      <c r="O317" s="544"/>
      <c r="P317" s="544"/>
      <c r="Q317" s="544"/>
      <c r="R317" s="544"/>
      <c r="S317" s="544"/>
      <c r="T317" s="545"/>
      <c r="U317" s="221" t="s">
        <v>446</v>
      </c>
      <c r="V317" s="546" t="s">
        <v>101</v>
      </c>
      <c r="W317" s="547"/>
      <c r="X317" s="547"/>
      <c r="Y317" s="547"/>
      <c r="Z317" s="548"/>
      <c r="AA317" s="546" t="s">
        <v>102</v>
      </c>
      <c r="AB317" s="547"/>
      <c r="AC317" s="548"/>
      <c r="AD317" s="415">
        <v>2</v>
      </c>
      <c r="AE317" s="415" t="s">
        <v>103</v>
      </c>
      <c r="AF317" s="541"/>
      <c r="AG317" s="542"/>
      <c r="AH317" s="549"/>
      <c r="AI317" s="550"/>
      <c r="AJ317" s="551"/>
      <c r="AK317" s="265"/>
      <c r="AL317" s="329"/>
      <c r="AM317" s="16"/>
      <c r="AN317" s="3" t="str">
        <f t="shared" si="18"/>
        <v>■</v>
      </c>
    </row>
    <row r="318" spans="1:40" ht="13.4" customHeight="1">
      <c r="A318" s="20" t="str">
        <f t="shared" si="17"/>
        <v>TO</v>
      </c>
      <c r="B318" s="20"/>
      <c r="C318" s="541">
        <v>6</v>
      </c>
      <c r="D318" s="542"/>
      <c r="E318" s="543" t="s">
        <v>172</v>
      </c>
      <c r="F318" s="544"/>
      <c r="G318" s="544"/>
      <c r="H318" s="544"/>
      <c r="I318" s="544"/>
      <c r="J318" s="544"/>
      <c r="K318" s="544"/>
      <c r="L318" s="544"/>
      <c r="M318" s="544"/>
      <c r="N318" s="544"/>
      <c r="O318" s="544"/>
      <c r="P318" s="544"/>
      <c r="Q318" s="544"/>
      <c r="R318" s="544"/>
      <c r="S318" s="544"/>
      <c r="T318" s="545"/>
      <c r="U318" s="221" t="s">
        <v>605</v>
      </c>
      <c r="V318" s="546" t="s">
        <v>107</v>
      </c>
      <c r="W318" s="547"/>
      <c r="X318" s="547"/>
      <c r="Y318" s="547"/>
      <c r="Z318" s="548"/>
      <c r="AA318" s="546" t="s">
        <v>102</v>
      </c>
      <c r="AB318" s="547"/>
      <c r="AC318" s="548"/>
      <c r="AD318" s="415">
        <v>2</v>
      </c>
      <c r="AE318" s="415" t="s">
        <v>103</v>
      </c>
      <c r="AF318" s="541"/>
      <c r="AG318" s="542"/>
      <c r="AH318" s="549"/>
      <c r="AI318" s="550"/>
      <c r="AJ318" s="551"/>
      <c r="AK318" s="265"/>
      <c r="AL318" s="329"/>
      <c r="AM318" s="16"/>
      <c r="AN318" s="3" t="str">
        <f t="shared" si="18"/>
        <v>■</v>
      </c>
    </row>
    <row r="319" spans="1:40" ht="13.4" customHeight="1">
      <c r="A319" s="20" t="str">
        <f t="shared" si="17"/>
        <v>TO</v>
      </c>
      <c r="B319" s="20"/>
      <c r="C319" s="541">
        <v>7</v>
      </c>
      <c r="D319" s="542"/>
      <c r="E319" s="543" t="s">
        <v>606</v>
      </c>
      <c r="F319" s="544"/>
      <c r="G319" s="544"/>
      <c r="H319" s="544"/>
      <c r="I319" s="544"/>
      <c r="J319" s="544"/>
      <c r="K319" s="544"/>
      <c r="L319" s="544"/>
      <c r="M319" s="544"/>
      <c r="N319" s="544"/>
      <c r="O319" s="544"/>
      <c r="P319" s="544"/>
      <c r="Q319" s="544"/>
      <c r="R319" s="544"/>
      <c r="S319" s="544"/>
      <c r="T319" s="545"/>
      <c r="U319" s="221" t="s">
        <v>607</v>
      </c>
      <c r="V319" s="546" t="s">
        <v>101</v>
      </c>
      <c r="W319" s="547"/>
      <c r="X319" s="547"/>
      <c r="Y319" s="547"/>
      <c r="Z319" s="548"/>
      <c r="AA319" s="546" t="s">
        <v>102</v>
      </c>
      <c r="AB319" s="547"/>
      <c r="AC319" s="548"/>
      <c r="AD319" s="415">
        <v>1</v>
      </c>
      <c r="AE319" s="415" t="s">
        <v>103</v>
      </c>
      <c r="AF319" s="541"/>
      <c r="AG319" s="542"/>
      <c r="AH319" s="549"/>
      <c r="AI319" s="550"/>
      <c r="AJ319" s="551"/>
      <c r="AK319" s="265"/>
      <c r="AL319" s="329"/>
      <c r="AM319" s="16"/>
      <c r="AN319" s="3" t="str">
        <f t="shared" si="18"/>
        <v>■</v>
      </c>
    </row>
    <row r="320" spans="1:40" ht="13.4" customHeight="1">
      <c r="A320" s="20" t="str">
        <f t="shared" si="17"/>
        <v>TO</v>
      </c>
      <c r="B320" s="20"/>
      <c r="C320" s="541">
        <v>8</v>
      </c>
      <c r="D320" s="542"/>
      <c r="E320" s="543" t="s">
        <v>715</v>
      </c>
      <c r="F320" s="544"/>
      <c r="G320" s="544"/>
      <c r="H320" s="544"/>
      <c r="I320" s="544"/>
      <c r="J320" s="544"/>
      <c r="K320" s="544"/>
      <c r="L320" s="544"/>
      <c r="M320" s="544"/>
      <c r="N320" s="544"/>
      <c r="O320" s="544"/>
      <c r="P320" s="544"/>
      <c r="Q320" s="544"/>
      <c r="R320" s="544"/>
      <c r="S320" s="544"/>
      <c r="T320" s="545"/>
      <c r="U320" s="221" t="s">
        <v>716</v>
      </c>
      <c r="V320" s="546" t="s">
        <v>107</v>
      </c>
      <c r="W320" s="547"/>
      <c r="X320" s="547"/>
      <c r="Y320" s="547"/>
      <c r="Z320" s="548"/>
      <c r="AA320" s="546" t="s">
        <v>102</v>
      </c>
      <c r="AB320" s="547"/>
      <c r="AC320" s="548"/>
      <c r="AD320" s="415">
        <v>9</v>
      </c>
      <c r="AE320" s="415" t="s">
        <v>103</v>
      </c>
      <c r="AF320" s="541"/>
      <c r="AG320" s="542"/>
      <c r="AH320" s="549"/>
      <c r="AI320" s="550"/>
      <c r="AJ320" s="551"/>
      <c r="AK320" s="265"/>
      <c r="AL320" s="329"/>
      <c r="AM320" s="16"/>
      <c r="AN320" s="3" t="str">
        <f t="shared" si="18"/>
        <v>■</v>
      </c>
    </row>
    <row r="321" spans="1:40" ht="13.4" customHeight="1">
      <c r="A321" s="20" t="str">
        <f t="shared" si="17"/>
        <v>TO</v>
      </c>
      <c r="B321" s="20"/>
      <c r="C321" s="541">
        <v>9</v>
      </c>
      <c r="D321" s="542"/>
      <c r="E321" s="543" t="s">
        <v>117</v>
      </c>
      <c r="F321" s="544"/>
      <c r="G321" s="544"/>
      <c r="H321" s="544"/>
      <c r="I321" s="544"/>
      <c r="J321" s="544"/>
      <c r="K321" s="544"/>
      <c r="L321" s="544"/>
      <c r="M321" s="544"/>
      <c r="N321" s="544"/>
      <c r="O321" s="544"/>
      <c r="P321" s="544"/>
      <c r="Q321" s="544"/>
      <c r="R321" s="544"/>
      <c r="S321" s="544"/>
      <c r="T321" s="545"/>
      <c r="U321" s="221" t="s">
        <v>709</v>
      </c>
      <c r="V321" s="546" t="s">
        <v>717</v>
      </c>
      <c r="W321" s="547"/>
      <c r="X321" s="547"/>
      <c r="Y321" s="547"/>
      <c r="Z321" s="548"/>
      <c r="AA321" s="546" t="s">
        <v>118</v>
      </c>
      <c r="AB321" s="547"/>
      <c r="AC321" s="548"/>
      <c r="AD321" s="415">
        <v>5</v>
      </c>
      <c r="AE321" s="415">
        <v>3</v>
      </c>
      <c r="AF321" s="541"/>
      <c r="AG321" s="542"/>
      <c r="AH321" s="549"/>
      <c r="AI321" s="550"/>
      <c r="AJ321" s="551"/>
      <c r="AK321" s="265"/>
      <c r="AL321" s="329"/>
      <c r="AM321" s="16"/>
      <c r="AN321" s="3" t="str">
        <f t="shared" si="18"/>
        <v>■</v>
      </c>
    </row>
    <row r="322" spans="1:40" ht="13.4" customHeight="1">
      <c r="A322" s="20" t="str">
        <f t="shared" si="17"/>
        <v>TO</v>
      </c>
      <c r="B322" s="20"/>
      <c r="C322" s="541">
        <v>10</v>
      </c>
      <c r="D322" s="542"/>
      <c r="E322" s="543" t="s">
        <v>612</v>
      </c>
      <c r="F322" s="544"/>
      <c r="G322" s="544"/>
      <c r="H322" s="544"/>
      <c r="I322" s="544"/>
      <c r="J322" s="544"/>
      <c r="K322" s="544"/>
      <c r="L322" s="544"/>
      <c r="M322" s="544"/>
      <c r="N322" s="544"/>
      <c r="O322" s="544"/>
      <c r="P322" s="544"/>
      <c r="Q322" s="544"/>
      <c r="R322" s="544"/>
      <c r="S322" s="544"/>
      <c r="T322" s="545"/>
      <c r="U322" s="221" t="s">
        <v>613</v>
      </c>
      <c r="V322" s="546" t="s">
        <v>107</v>
      </c>
      <c r="W322" s="547"/>
      <c r="X322" s="547"/>
      <c r="Y322" s="547"/>
      <c r="Z322" s="548"/>
      <c r="AA322" s="546" t="s">
        <v>108</v>
      </c>
      <c r="AB322" s="547"/>
      <c r="AC322" s="548"/>
      <c r="AD322" s="415">
        <v>7</v>
      </c>
      <c r="AE322" s="415">
        <v>0</v>
      </c>
      <c r="AF322" s="541"/>
      <c r="AG322" s="542"/>
      <c r="AH322" s="549"/>
      <c r="AI322" s="550"/>
      <c r="AJ322" s="551"/>
      <c r="AK322" s="265"/>
      <c r="AL322" s="329"/>
      <c r="AM322" s="16"/>
      <c r="AN322" s="3" t="str">
        <f t="shared" si="18"/>
        <v>■</v>
      </c>
    </row>
    <row r="323" spans="1:40" ht="13.4" customHeight="1">
      <c r="A323" s="20" t="str">
        <f t="shared" si="17"/>
        <v>TO</v>
      </c>
      <c r="B323" s="20"/>
      <c r="C323" s="541">
        <v>11</v>
      </c>
      <c r="D323" s="542"/>
      <c r="E323" s="543" t="s">
        <v>614</v>
      </c>
      <c r="F323" s="544"/>
      <c r="G323" s="544"/>
      <c r="H323" s="544"/>
      <c r="I323" s="544"/>
      <c r="J323" s="544"/>
      <c r="K323" s="544"/>
      <c r="L323" s="544"/>
      <c r="M323" s="544"/>
      <c r="N323" s="544"/>
      <c r="O323" s="544"/>
      <c r="P323" s="544"/>
      <c r="Q323" s="544"/>
      <c r="R323" s="544"/>
      <c r="S323" s="544"/>
      <c r="T323" s="545"/>
      <c r="U323" s="221" t="s">
        <v>557</v>
      </c>
      <c r="V323" s="546" t="s">
        <v>107</v>
      </c>
      <c r="W323" s="547"/>
      <c r="X323" s="547"/>
      <c r="Y323" s="547"/>
      <c r="Z323" s="548"/>
      <c r="AA323" s="546" t="s">
        <v>108</v>
      </c>
      <c r="AB323" s="547"/>
      <c r="AC323" s="548"/>
      <c r="AD323" s="415">
        <v>3</v>
      </c>
      <c r="AE323" s="415">
        <v>0</v>
      </c>
      <c r="AF323" s="541"/>
      <c r="AG323" s="542"/>
      <c r="AH323" s="549"/>
      <c r="AI323" s="550"/>
      <c r="AJ323" s="551"/>
      <c r="AK323" s="265"/>
      <c r="AL323" s="330"/>
      <c r="AM323" s="16"/>
      <c r="AN323" s="3" t="str">
        <f t="shared" si="18"/>
        <v>■</v>
      </c>
    </row>
    <row r="324" spans="1:40" ht="13.4" customHeight="1">
      <c r="A324" s="20" t="str">
        <f t="shared" si="17"/>
        <v>TO</v>
      </c>
      <c r="B324" s="20"/>
      <c r="C324" s="541">
        <v>12</v>
      </c>
      <c r="D324" s="542"/>
      <c r="E324" s="543" t="s">
        <v>718</v>
      </c>
      <c r="F324" s="544"/>
      <c r="G324" s="544"/>
      <c r="H324" s="544"/>
      <c r="I324" s="544"/>
      <c r="J324" s="544"/>
      <c r="K324" s="544"/>
      <c r="L324" s="544"/>
      <c r="M324" s="544"/>
      <c r="N324" s="544"/>
      <c r="O324" s="544"/>
      <c r="P324" s="544"/>
      <c r="Q324" s="544"/>
      <c r="R324" s="544"/>
      <c r="S324" s="544"/>
      <c r="T324" s="545"/>
      <c r="U324" s="221" t="s">
        <v>719</v>
      </c>
      <c r="V324" s="546" t="s">
        <v>107</v>
      </c>
      <c r="W324" s="547"/>
      <c r="X324" s="547"/>
      <c r="Y324" s="547"/>
      <c r="Z324" s="548"/>
      <c r="AA324" s="546" t="s">
        <v>102</v>
      </c>
      <c r="AB324" s="547"/>
      <c r="AC324" s="548"/>
      <c r="AD324" s="415">
        <v>3</v>
      </c>
      <c r="AE324" s="415" t="s">
        <v>103</v>
      </c>
      <c r="AF324" s="541"/>
      <c r="AG324" s="542"/>
      <c r="AH324" s="549"/>
      <c r="AI324" s="550"/>
      <c r="AJ324" s="551"/>
      <c r="AK324" s="265"/>
      <c r="AL324" s="330"/>
      <c r="AM324" s="16"/>
      <c r="AN324" s="3" t="str">
        <f t="shared" si="18"/>
        <v>■</v>
      </c>
    </row>
    <row r="325" spans="1:40" ht="13.4" customHeight="1">
      <c r="A325" s="20" t="str">
        <f t="shared" si="17"/>
        <v>TO</v>
      </c>
      <c r="B325" s="20"/>
      <c r="C325" s="541">
        <v>13</v>
      </c>
      <c r="D325" s="542"/>
      <c r="E325" s="543" t="s">
        <v>720</v>
      </c>
      <c r="F325" s="544"/>
      <c r="G325" s="544"/>
      <c r="H325" s="544"/>
      <c r="I325" s="544"/>
      <c r="J325" s="544"/>
      <c r="K325" s="544"/>
      <c r="L325" s="544"/>
      <c r="M325" s="544"/>
      <c r="N325" s="544"/>
      <c r="O325" s="544"/>
      <c r="P325" s="544"/>
      <c r="Q325" s="544"/>
      <c r="R325" s="544"/>
      <c r="S325" s="544"/>
      <c r="T325" s="545"/>
      <c r="U325" s="221" t="s">
        <v>721</v>
      </c>
      <c r="V325" s="546" t="s">
        <v>107</v>
      </c>
      <c r="W325" s="547"/>
      <c r="X325" s="547"/>
      <c r="Y325" s="547"/>
      <c r="Z325" s="548"/>
      <c r="AA325" s="546" t="s">
        <v>710</v>
      </c>
      <c r="AB325" s="547"/>
      <c r="AC325" s="548"/>
      <c r="AD325" s="415">
        <v>8</v>
      </c>
      <c r="AE325" s="415">
        <v>2</v>
      </c>
      <c r="AF325" s="541"/>
      <c r="AG325" s="542"/>
      <c r="AH325" s="549"/>
      <c r="AI325" s="550"/>
      <c r="AJ325" s="551"/>
      <c r="AK325" s="265"/>
      <c r="AL325" s="330"/>
      <c r="AM325" s="16"/>
      <c r="AN325" s="3" t="str">
        <f t="shared" si="18"/>
        <v>■</v>
      </c>
    </row>
    <row r="326" spans="1:40" s="28" customFormat="1" ht="13.4" customHeight="1">
      <c r="A326" s="20" t="str">
        <f t="shared" si="17"/>
        <v>TO</v>
      </c>
      <c r="B326" s="20"/>
      <c r="C326" s="552">
        <v>14</v>
      </c>
      <c r="D326" s="553"/>
      <c r="E326" s="554" t="s">
        <v>722</v>
      </c>
      <c r="F326" s="555"/>
      <c r="G326" s="555"/>
      <c r="H326" s="555"/>
      <c r="I326" s="555"/>
      <c r="J326" s="555"/>
      <c r="K326" s="555"/>
      <c r="L326" s="555"/>
      <c r="M326" s="555"/>
      <c r="N326" s="555"/>
      <c r="O326" s="555"/>
      <c r="P326" s="555"/>
      <c r="Q326" s="555"/>
      <c r="R326" s="555"/>
      <c r="S326" s="555"/>
      <c r="T326" s="556"/>
      <c r="U326" s="259" t="s">
        <v>723</v>
      </c>
      <c r="V326" s="557" t="s">
        <v>398</v>
      </c>
      <c r="W326" s="558"/>
      <c r="X326" s="558"/>
      <c r="Y326" s="558"/>
      <c r="Z326" s="559"/>
      <c r="AA326" s="557" t="s">
        <v>102</v>
      </c>
      <c r="AB326" s="558"/>
      <c r="AC326" s="559"/>
      <c r="AD326" s="419">
        <v>20</v>
      </c>
      <c r="AE326" s="419" t="s">
        <v>103</v>
      </c>
      <c r="AF326" s="552" t="s">
        <v>109</v>
      </c>
      <c r="AG326" s="553"/>
      <c r="AH326" s="560"/>
      <c r="AI326" s="561"/>
      <c r="AJ326" s="562"/>
      <c r="AK326" s="333" t="s">
        <v>399</v>
      </c>
      <c r="AL326" s="330"/>
      <c r="AM326" s="331"/>
      <c r="AN326" s="3" t="str">
        <f t="shared" si="18"/>
        <v>■</v>
      </c>
    </row>
    <row r="327" spans="1:40" s="28" customFormat="1" ht="13.4" customHeight="1">
      <c r="A327" s="20" t="str">
        <f t="shared" si="17"/>
        <v>TO</v>
      </c>
      <c r="B327" s="20"/>
      <c r="C327" s="552">
        <v>15</v>
      </c>
      <c r="D327" s="553"/>
      <c r="E327" s="554" t="s">
        <v>724</v>
      </c>
      <c r="F327" s="555"/>
      <c r="G327" s="555"/>
      <c r="H327" s="555"/>
      <c r="I327" s="555"/>
      <c r="J327" s="555"/>
      <c r="K327" s="555"/>
      <c r="L327" s="555"/>
      <c r="M327" s="555"/>
      <c r="N327" s="555"/>
      <c r="O327" s="555"/>
      <c r="P327" s="555"/>
      <c r="Q327" s="555"/>
      <c r="R327" s="555"/>
      <c r="S327" s="555"/>
      <c r="T327" s="556"/>
      <c r="U327" s="259" t="s">
        <v>725</v>
      </c>
      <c r="V327" s="557" t="s">
        <v>398</v>
      </c>
      <c r="W327" s="558"/>
      <c r="X327" s="558"/>
      <c r="Y327" s="558"/>
      <c r="Z327" s="559"/>
      <c r="AA327" s="557" t="s">
        <v>102</v>
      </c>
      <c r="AB327" s="558"/>
      <c r="AC327" s="559"/>
      <c r="AD327" s="419">
        <v>150</v>
      </c>
      <c r="AE327" s="419" t="s">
        <v>103</v>
      </c>
      <c r="AF327" s="552" t="s">
        <v>109</v>
      </c>
      <c r="AG327" s="553"/>
      <c r="AH327" s="560"/>
      <c r="AI327" s="561"/>
      <c r="AJ327" s="562"/>
      <c r="AK327" s="333" t="s">
        <v>399</v>
      </c>
      <c r="AL327" s="330"/>
      <c r="AM327" s="331"/>
      <c r="AN327" s="3" t="str">
        <f t="shared" si="18"/>
        <v>■</v>
      </c>
    </row>
    <row r="328" spans="1:40" s="28" customFormat="1" ht="13.4" customHeight="1">
      <c r="A328" s="20" t="str">
        <f t="shared" si="17"/>
        <v>TO</v>
      </c>
      <c r="B328" s="20"/>
      <c r="C328" s="541">
        <v>16</v>
      </c>
      <c r="D328" s="542"/>
      <c r="E328" s="543" t="s">
        <v>615</v>
      </c>
      <c r="F328" s="544"/>
      <c r="G328" s="544"/>
      <c r="H328" s="544"/>
      <c r="I328" s="544"/>
      <c r="J328" s="544"/>
      <c r="K328" s="544"/>
      <c r="L328" s="544"/>
      <c r="M328" s="544"/>
      <c r="N328" s="544"/>
      <c r="O328" s="544"/>
      <c r="P328" s="544"/>
      <c r="Q328" s="544"/>
      <c r="R328" s="544"/>
      <c r="S328" s="544"/>
      <c r="T328" s="545"/>
      <c r="U328" s="221" t="s">
        <v>616</v>
      </c>
      <c r="V328" s="546" t="s">
        <v>107</v>
      </c>
      <c r="W328" s="547"/>
      <c r="X328" s="547"/>
      <c r="Y328" s="547"/>
      <c r="Z328" s="548"/>
      <c r="AA328" s="546" t="s">
        <v>102</v>
      </c>
      <c r="AB328" s="547"/>
      <c r="AC328" s="548"/>
      <c r="AD328" s="415">
        <v>9</v>
      </c>
      <c r="AE328" s="415" t="s">
        <v>103</v>
      </c>
      <c r="AF328" s="541"/>
      <c r="AG328" s="542"/>
      <c r="AH328" s="549"/>
      <c r="AI328" s="550"/>
      <c r="AJ328" s="551"/>
      <c r="AK328" s="265"/>
      <c r="AL328" s="330"/>
      <c r="AM328" s="331"/>
      <c r="AN328" s="3" t="str">
        <f t="shared" si="18"/>
        <v>■</v>
      </c>
    </row>
    <row r="329" spans="1:40" s="28" customFormat="1" ht="13.4" customHeight="1">
      <c r="A329" s="20" t="str">
        <f t="shared" si="17"/>
        <v>TO</v>
      </c>
      <c r="B329" s="20"/>
      <c r="C329" s="552">
        <v>17</v>
      </c>
      <c r="D329" s="553"/>
      <c r="E329" s="554" t="s">
        <v>711</v>
      </c>
      <c r="F329" s="555"/>
      <c r="G329" s="555"/>
      <c r="H329" s="555"/>
      <c r="I329" s="555"/>
      <c r="J329" s="555"/>
      <c r="K329" s="555"/>
      <c r="L329" s="555"/>
      <c r="M329" s="555"/>
      <c r="N329" s="555"/>
      <c r="O329" s="555"/>
      <c r="P329" s="555"/>
      <c r="Q329" s="555"/>
      <c r="R329" s="555"/>
      <c r="S329" s="555"/>
      <c r="T329" s="556"/>
      <c r="U329" s="259" t="s">
        <v>618</v>
      </c>
      <c r="V329" s="557" t="s">
        <v>398</v>
      </c>
      <c r="W329" s="558"/>
      <c r="X329" s="558"/>
      <c r="Y329" s="558"/>
      <c r="Z329" s="559"/>
      <c r="AA329" s="557" t="s">
        <v>102</v>
      </c>
      <c r="AB329" s="558"/>
      <c r="AC329" s="559"/>
      <c r="AD329" s="419">
        <v>50</v>
      </c>
      <c r="AE329" s="419" t="s">
        <v>103</v>
      </c>
      <c r="AF329" s="552" t="s">
        <v>109</v>
      </c>
      <c r="AG329" s="553"/>
      <c r="AH329" s="560"/>
      <c r="AI329" s="561"/>
      <c r="AJ329" s="562"/>
      <c r="AK329" s="333" t="s">
        <v>399</v>
      </c>
      <c r="AL329" s="330"/>
      <c r="AM329" s="331"/>
      <c r="AN329" s="3" t="str">
        <f t="shared" si="18"/>
        <v>■</v>
      </c>
    </row>
    <row r="330" spans="1:40" s="28" customFormat="1" ht="13.4" customHeight="1">
      <c r="A330" s="20" t="str">
        <f t="shared" si="17"/>
        <v>TO</v>
      </c>
      <c r="B330" s="20"/>
      <c r="C330" s="541">
        <v>18</v>
      </c>
      <c r="D330" s="542"/>
      <c r="E330" s="543" t="s">
        <v>619</v>
      </c>
      <c r="F330" s="544"/>
      <c r="G330" s="544"/>
      <c r="H330" s="544"/>
      <c r="I330" s="544"/>
      <c r="J330" s="544"/>
      <c r="K330" s="544"/>
      <c r="L330" s="544"/>
      <c r="M330" s="544"/>
      <c r="N330" s="544"/>
      <c r="O330" s="544"/>
      <c r="P330" s="544"/>
      <c r="Q330" s="544"/>
      <c r="R330" s="544"/>
      <c r="S330" s="544"/>
      <c r="T330" s="545"/>
      <c r="U330" s="221" t="s">
        <v>620</v>
      </c>
      <c r="V330" s="546" t="s">
        <v>107</v>
      </c>
      <c r="W330" s="547"/>
      <c r="X330" s="547"/>
      <c r="Y330" s="547"/>
      <c r="Z330" s="548"/>
      <c r="AA330" s="546" t="s">
        <v>102</v>
      </c>
      <c r="AB330" s="547"/>
      <c r="AC330" s="548"/>
      <c r="AD330" s="415">
        <v>9</v>
      </c>
      <c r="AE330" s="415" t="s">
        <v>103</v>
      </c>
      <c r="AF330" s="541"/>
      <c r="AG330" s="542"/>
      <c r="AH330" s="549"/>
      <c r="AI330" s="550"/>
      <c r="AJ330" s="551"/>
      <c r="AK330" s="265"/>
      <c r="AL330" s="330"/>
      <c r="AM330" s="331"/>
      <c r="AN330" s="3" t="str">
        <f t="shared" si="18"/>
        <v>■</v>
      </c>
    </row>
    <row r="331" spans="1:40" s="28" customFormat="1" ht="13.4" customHeight="1">
      <c r="A331" s="20" t="str">
        <f t="shared" si="17"/>
        <v>TO</v>
      </c>
      <c r="B331" s="20"/>
      <c r="C331" s="552">
        <v>19</v>
      </c>
      <c r="D331" s="553"/>
      <c r="E331" s="554" t="s">
        <v>712</v>
      </c>
      <c r="F331" s="555"/>
      <c r="G331" s="555"/>
      <c r="H331" s="555"/>
      <c r="I331" s="555"/>
      <c r="J331" s="555"/>
      <c r="K331" s="555"/>
      <c r="L331" s="555"/>
      <c r="M331" s="555"/>
      <c r="N331" s="555"/>
      <c r="O331" s="555"/>
      <c r="P331" s="555"/>
      <c r="Q331" s="555"/>
      <c r="R331" s="555"/>
      <c r="S331" s="555"/>
      <c r="T331" s="556"/>
      <c r="U331" s="259" t="s">
        <v>622</v>
      </c>
      <c r="V331" s="557" t="s">
        <v>398</v>
      </c>
      <c r="W331" s="558"/>
      <c r="X331" s="558"/>
      <c r="Y331" s="558"/>
      <c r="Z331" s="559"/>
      <c r="AA331" s="557" t="s">
        <v>102</v>
      </c>
      <c r="AB331" s="558"/>
      <c r="AC331" s="559"/>
      <c r="AD331" s="419">
        <v>50</v>
      </c>
      <c r="AE331" s="419" t="s">
        <v>103</v>
      </c>
      <c r="AF331" s="552" t="s">
        <v>109</v>
      </c>
      <c r="AG331" s="553"/>
      <c r="AH331" s="560"/>
      <c r="AI331" s="561"/>
      <c r="AJ331" s="562"/>
      <c r="AK331" s="333" t="s">
        <v>399</v>
      </c>
      <c r="AL331" s="329"/>
      <c r="AM331" s="331"/>
      <c r="AN331" s="3" t="str">
        <f t="shared" si="18"/>
        <v>■</v>
      </c>
    </row>
    <row r="332" spans="1:40" s="28" customFormat="1" ht="13.4" customHeight="1">
      <c r="A332" s="20" t="str">
        <f t="shared" si="17"/>
        <v>TO</v>
      </c>
      <c r="B332" s="20"/>
      <c r="C332" s="541">
        <v>20</v>
      </c>
      <c r="D332" s="542"/>
      <c r="E332" s="543" t="s">
        <v>623</v>
      </c>
      <c r="F332" s="544"/>
      <c r="G332" s="544"/>
      <c r="H332" s="544"/>
      <c r="I332" s="544"/>
      <c r="J332" s="544"/>
      <c r="K332" s="544"/>
      <c r="L332" s="544"/>
      <c r="M332" s="544"/>
      <c r="N332" s="544"/>
      <c r="O332" s="544"/>
      <c r="P332" s="544"/>
      <c r="Q332" s="544"/>
      <c r="R332" s="544"/>
      <c r="S332" s="544"/>
      <c r="T332" s="545"/>
      <c r="U332" s="221" t="s">
        <v>624</v>
      </c>
      <c r="V332" s="546" t="s">
        <v>107</v>
      </c>
      <c r="W332" s="547"/>
      <c r="X332" s="547"/>
      <c r="Y332" s="547"/>
      <c r="Z332" s="548"/>
      <c r="AA332" s="546" t="s">
        <v>102</v>
      </c>
      <c r="AB332" s="547"/>
      <c r="AC332" s="548"/>
      <c r="AD332" s="415">
        <v>9</v>
      </c>
      <c r="AE332" s="415" t="s">
        <v>103</v>
      </c>
      <c r="AF332" s="541"/>
      <c r="AG332" s="542"/>
      <c r="AH332" s="549"/>
      <c r="AI332" s="550"/>
      <c r="AJ332" s="551"/>
      <c r="AK332" s="265"/>
      <c r="AL332" s="329"/>
      <c r="AM332" s="331"/>
      <c r="AN332" s="3" t="str">
        <f t="shared" si="18"/>
        <v>■</v>
      </c>
    </row>
    <row r="333" spans="1:40" s="28" customFormat="1" ht="13.4" customHeight="1">
      <c r="A333" s="20" t="str">
        <f t="shared" si="17"/>
        <v>TO</v>
      </c>
      <c r="B333" s="20"/>
      <c r="C333" s="552">
        <v>21</v>
      </c>
      <c r="D333" s="553"/>
      <c r="E333" s="554" t="s">
        <v>625</v>
      </c>
      <c r="F333" s="555"/>
      <c r="G333" s="555"/>
      <c r="H333" s="555"/>
      <c r="I333" s="555"/>
      <c r="J333" s="555"/>
      <c r="K333" s="555"/>
      <c r="L333" s="555"/>
      <c r="M333" s="555"/>
      <c r="N333" s="555"/>
      <c r="O333" s="555"/>
      <c r="P333" s="555"/>
      <c r="Q333" s="555"/>
      <c r="R333" s="555"/>
      <c r="S333" s="555"/>
      <c r="T333" s="556"/>
      <c r="U333" s="259" t="s">
        <v>626</v>
      </c>
      <c r="V333" s="557" t="s">
        <v>398</v>
      </c>
      <c r="W333" s="558"/>
      <c r="X333" s="558"/>
      <c r="Y333" s="558"/>
      <c r="Z333" s="559"/>
      <c r="AA333" s="557" t="s">
        <v>102</v>
      </c>
      <c r="AB333" s="558"/>
      <c r="AC333" s="559"/>
      <c r="AD333" s="419">
        <v>50</v>
      </c>
      <c r="AE333" s="419" t="s">
        <v>103</v>
      </c>
      <c r="AF333" s="552" t="s">
        <v>109</v>
      </c>
      <c r="AG333" s="553"/>
      <c r="AH333" s="560"/>
      <c r="AI333" s="561"/>
      <c r="AJ333" s="562"/>
      <c r="AK333" s="333" t="s">
        <v>399</v>
      </c>
      <c r="AL333" s="329"/>
      <c r="AM333" s="331"/>
      <c r="AN333" s="3" t="str">
        <f t="shared" si="18"/>
        <v>■</v>
      </c>
    </row>
    <row r="334" spans="1:40" ht="13.4" customHeight="1">
      <c r="A334" s="20" t="str">
        <f t="shared" si="17"/>
        <v>TO</v>
      </c>
      <c r="B334" s="20"/>
      <c r="C334" s="541">
        <v>22</v>
      </c>
      <c r="D334" s="542"/>
      <c r="E334" s="543" t="s">
        <v>627</v>
      </c>
      <c r="F334" s="544"/>
      <c r="G334" s="544"/>
      <c r="H334" s="544"/>
      <c r="I334" s="544"/>
      <c r="J334" s="544"/>
      <c r="K334" s="544"/>
      <c r="L334" s="544"/>
      <c r="M334" s="544"/>
      <c r="N334" s="544"/>
      <c r="O334" s="544"/>
      <c r="P334" s="544"/>
      <c r="Q334" s="544"/>
      <c r="R334" s="544"/>
      <c r="S334" s="544"/>
      <c r="T334" s="545"/>
      <c r="U334" s="221" t="s">
        <v>628</v>
      </c>
      <c r="V334" s="546" t="s">
        <v>107</v>
      </c>
      <c r="W334" s="547"/>
      <c r="X334" s="547"/>
      <c r="Y334" s="547"/>
      <c r="Z334" s="548"/>
      <c r="AA334" s="546" t="s">
        <v>108</v>
      </c>
      <c r="AB334" s="547"/>
      <c r="AC334" s="548"/>
      <c r="AD334" s="415">
        <v>3</v>
      </c>
      <c r="AE334" s="415">
        <v>0</v>
      </c>
      <c r="AF334" s="541"/>
      <c r="AG334" s="542"/>
      <c r="AH334" s="549"/>
      <c r="AI334" s="550"/>
      <c r="AJ334" s="551"/>
      <c r="AK334" s="265"/>
      <c r="AL334" s="329"/>
      <c r="AM334" s="16"/>
      <c r="AN334" s="3" t="str">
        <f t="shared" si="18"/>
        <v>■</v>
      </c>
    </row>
    <row r="335" spans="1:40" ht="13.4" customHeight="1">
      <c r="A335" s="20" t="str">
        <f t="shared" si="17"/>
        <v>TO</v>
      </c>
      <c r="B335" s="20"/>
      <c r="C335" s="541">
        <v>23</v>
      </c>
      <c r="D335" s="542"/>
      <c r="E335" s="543" t="s">
        <v>629</v>
      </c>
      <c r="F335" s="544"/>
      <c r="G335" s="544"/>
      <c r="H335" s="544"/>
      <c r="I335" s="544"/>
      <c r="J335" s="544"/>
      <c r="K335" s="544"/>
      <c r="L335" s="544"/>
      <c r="M335" s="544"/>
      <c r="N335" s="544"/>
      <c r="O335" s="544"/>
      <c r="P335" s="544"/>
      <c r="Q335" s="544"/>
      <c r="R335" s="544"/>
      <c r="S335" s="544"/>
      <c r="T335" s="545"/>
      <c r="U335" s="221" t="s">
        <v>630</v>
      </c>
      <c r="V335" s="546" t="s">
        <v>107</v>
      </c>
      <c r="W335" s="547"/>
      <c r="X335" s="547"/>
      <c r="Y335" s="547"/>
      <c r="Z335" s="548"/>
      <c r="AA335" s="546" t="s">
        <v>108</v>
      </c>
      <c r="AB335" s="547"/>
      <c r="AC335" s="548"/>
      <c r="AD335" s="415">
        <v>3</v>
      </c>
      <c r="AE335" s="415">
        <v>0</v>
      </c>
      <c r="AF335" s="541"/>
      <c r="AG335" s="542"/>
      <c r="AH335" s="549"/>
      <c r="AI335" s="550"/>
      <c r="AJ335" s="551"/>
      <c r="AK335" s="265"/>
      <c r="AL335" s="329"/>
      <c r="AM335" s="16"/>
      <c r="AN335" s="3" t="str">
        <f t="shared" si="18"/>
        <v>■</v>
      </c>
    </row>
    <row r="336" spans="1:40" ht="13.4" customHeight="1">
      <c r="A336" s="20" t="str">
        <f t="shared" si="17"/>
        <v>TO</v>
      </c>
      <c r="B336" s="20"/>
      <c r="C336" s="541">
        <v>24</v>
      </c>
      <c r="D336" s="542"/>
      <c r="E336" s="543" t="s">
        <v>631</v>
      </c>
      <c r="F336" s="544"/>
      <c r="G336" s="544"/>
      <c r="H336" s="544"/>
      <c r="I336" s="544"/>
      <c r="J336" s="544"/>
      <c r="K336" s="544"/>
      <c r="L336" s="544"/>
      <c r="M336" s="544"/>
      <c r="N336" s="544"/>
      <c r="O336" s="544"/>
      <c r="P336" s="544"/>
      <c r="Q336" s="544"/>
      <c r="R336" s="544"/>
      <c r="S336" s="544"/>
      <c r="T336" s="545"/>
      <c r="U336" s="221" t="s">
        <v>632</v>
      </c>
      <c r="V336" s="546" t="s">
        <v>107</v>
      </c>
      <c r="W336" s="547"/>
      <c r="X336" s="547"/>
      <c r="Y336" s="547"/>
      <c r="Z336" s="548"/>
      <c r="AA336" s="546" t="s">
        <v>108</v>
      </c>
      <c r="AB336" s="547"/>
      <c r="AC336" s="548"/>
      <c r="AD336" s="415">
        <v>3</v>
      </c>
      <c r="AE336" s="415">
        <v>0</v>
      </c>
      <c r="AF336" s="541"/>
      <c r="AG336" s="542"/>
      <c r="AH336" s="549"/>
      <c r="AI336" s="550"/>
      <c r="AJ336" s="551"/>
      <c r="AK336" s="265"/>
      <c r="AL336" s="329"/>
      <c r="AM336" s="16"/>
      <c r="AN336" s="3" t="str">
        <f t="shared" si="18"/>
        <v>■</v>
      </c>
    </row>
    <row r="337" spans="1:40" ht="13.4" customHeight="1">
      <c r="A337" s="20" t="str">
        <f t="shared" si="17"/>
        <v>TO</v>
      </c>
      <c r="B337" s="20"/>
      <c r="C337" s="541">
        <v>25</v>
      </c>
      <c r="D337" s="542"/>
      <c r="E337" s="543" t="s">
        <v>633</v>
      </c>
      <c r="F337" s="544"/>
      <c r="G337" s="544"/>
      <c r="H337" s="544"/>
      <c r="I337" s="544"/>
      <c r="J337" s="544"/>
      <c r="K337" s="544"/>
      <c r="L337" s="544"/>
      <c r="M337" s="544"/>
      <c r="N337" s="544"/>
      <c r="O337" s="544"/>
      <c r="P337" s="544"/>
      <c r="Q337" s="544"/>
      <c r="R337" s="544"/>
      <c r="S337" s="544"/>
      <c r="T337" s="545"/>
      <c r="U337" s="221" t="s">
        <v>634</v>
      </c>
      <c r="V337" s="546" t="s">
        <v>107</v>
      </c>
      <c r="W337" s="547"/>
      <c r="X337" s="547"/>
      <c r="Y337" s="547"/>
      <c r="Z337" s="548"/>
      <c r="AA337" s="546" t="s">
        <v>108</v>
      </c>
      <c r="AB337" s="547"/>
      <c r="AC337" s="548"/>
      <c r="AD337" s="415">
        <v>3</v>
      </c>
      <c r="AE337" s="415">
        <v>0</v>
      </c>
      <c r="AF337" s="541"/>
      <c r="AG337" s="542"/>
      <c r="AH337" s="549"/>
      <c r="AI337" s="550"/>
      <c r="AJ337" s="551"/>
      <c r="AK337" s="265"/>
      <c r="AL337" s="329"/>
      <c r="AM337" s="16"/>
      <c r="AN337" s="3" t="str">
        <f t="shared" si="18"/>
        <v>■</v>
      </c>
    </row>
    <row r="338" spans="1:40" ht="13.4" customHeight="1">
      <c r="A338" s="20" t="str">
        <f t="shared" si="17"/>
        <v>TO</v>
      </c>
      <c r="B338" s="20"/>
      <c r="C338" s="541">
        <v>26</v>
      </c>
      <c r="D338" s="542"/>
      <c r="E338" s="543" t="s">
        <v>635</v>
      </c>
      <c r="F338" s="544"/>
      <c r="G338" s="544"/>
      <c r="H338" s="544"/>
      <c r="I338" s="544"/>
      <c r="J338" s="544"/>
      <c r="K338" s="544"/>
      <c r="L338" s="544"/>
      <c r="M338" s="544"/>
      <c r="N338" s="544"/>
      <c r="O338" s="544"/>
      <c r="P338" s="544"/>
      <c r="Q338" s="544"/>
      <c r="R338" s="544"/>
      <c r="S338" s="544"/>
      <c r="T338" s="545"/>
      <c r="U338" s="221" t="s">
        <v>636</v>
      </c>
      <c r="V338" s="546" t="s">
        <v>107</v>
      </c>
      <c r="W338" s="547"/>
      <c r="X338" s="547"/>
      <c r="Y338" s="547"/>
      <c r="Z338" s="548"/>
      <c r="AA338" s="546" t="s">
        <v>108</v>
      </c>
      <c r="AB338" s="547"/>
      <c r="AC338" s="548"/>
      <c r="AD338" s="415">
        <v>3</v>
      </c>
      <c r="AE338" s="415">
        <v>0</v>
      </c>
      <c r="AF338" s="541"/>
      <c r="AG338" s="542"/>
      <c r="AH338" s="549"/>
      <c r="AI338" s="550"/>
      <c r="AJ338" s="551"/>
      <c r="AK338" s="265"/>
      <c r="AL338" s="329"/>
      <c r="AM338" s="16"/>
      <c r="AN338" s="3" t="str">
        <f t="shared" si="18"/>
        <v>■</v>
      </c>
    </row>
    <row r="339" spans="1:40" ht="13.4" customHeight="1">
      <c r="A339" s="20" t="str">
        <f t="shared" si="17"/>
        <v>TO</v>
      </c>
      <c r="B339" s="20"/>
      <c r="C339" s="541">
        <v>27</v>
      </c>
      <c r="D339" s="542"/>
      <c r="E339" s="543" t="s">
        <v>637</v>
      </c>
      <c r="F339" s="544"/>
      <c r="G339" s="544"/>
      <c r="H339" s="544"/>
      <c r="I339" s="544"/>
      <c r="J339" s="544"/>
      <c r="K339" s="544"/>
      <c r="L339" s="544"/>
      <c r="M339" s="544"/>
      <c r="N339" s="544"/>
      <c r="O339" s="544"/>
      <c r="P339" s="544"/>
      <c r="Q339" s="544"/>
      <c r="R339" s="544"/>
      <c r="S339" s="544"/>
      <c r="T339" s="545"/>
      <c r="U339" s="221" t="s">
        <v>638</v>
      </c>
      <c r="V339" s="546" t="s">
        <v>107</v>
      </c>
      <c r="W339" s="547"/>
      <c r="X339" s="547"/>
      <c r="Y339" s="547"/>
      <c r="Z339" s="548"/>
      <c r="AA339" s="546" t="s">
        <v>108</v>
      </c>
      <c r="AB339" s="547"/>
      <c r="AC339" s="548"/>
      <c r="AD339" s="415">
        <v>3</v>
      </c>
      <c r="AE339" s="415">
        <v>0</v>
      </c>
      <c r="AF339" s="541"/>
      <c r="AG339" s="542"/>
      <c r="AH339" s="549"/>
      <c r="AI339" s="550"/>
      <c r="AJ339" s="551"/>
      <c r="AK339" s="265"/>
      <c r="AL339" s="329"/>
      <c r="AM339" s="16"/>
      <c r="AN339" s="3" t="str">
        <f t="shared" si="18"/>
        <v>■</v>
      </c>
    </row>
    <row r="340" spans="1:40" ht="13.4" customHeight="1">
      <c r="A340" s="20" t="str">
        <f t="shared" si="17"/>
        <v>TO</v>
      </c>
      <c r="B340" s="20"/>
      <c r="C340" s="541">
        <v>28</v>
      </c>
      <c r="D340" s="542"/>
      <c r="E340" s="543" t="s">
        <v>639</v>
      </c>
      <c r="F340" s="544"/>
      <c r="G340" s="544"/>
      <c r="H340" s="544"/>
      <c r="I340" s="544"/>
      <c r="J340" s="544"/>
      <c r="K340" s="544"/>
      <c r="L340" s="544"/>
      <c r="M340" s="544"/>
      <c r="N340" s="544"/>
      <c r="O340" s="544"/>
      <c r="P340" s="544"/>
      <c r="Q340" s="544"/>
      <c r="R340" s="544"/>
      <c r="S340" s="544"/>
      <c r="T340" s="545"/>
      <c r="U340" s="221" t="s">
        <v>640</v>
      </c>
      <c r="V340" s="546" t="s">
        <v>107</v>
      </c>
      <c r="W340" s="547"/>
      <c r="X340" s="547"/>
      <c r="Y340" s="547"/>
      <c r="Z340" s="548"/>
      <c r="AA340" s="546" t="s">
        <v>108</v>
      </c>
      <c r="AB340" s="547"/>
      <c r="AC340" s="548"/>
      <c r="AD340" s="415">
        <v>3</v>
      </c>
      <c r="AE340" s="415">
        <v>0</v>
      </c>
      <c r="AF340" s="541"/>
      <c r="AG340" s="542"/>
      <c r="AH340" s="549"/>
      <c r="AI340" s="550"/>
      <c r="AJ340" s="551"/>
      <c r="AK340" s="265"/>
      <c r="AL340" s="329"/>
      <c r="AM340" s="16"/>
      <c r="AN340" s="3" t="str">
        <f t="shared" si="18"/>
        <v>■</v>
      </c>
    </row>
    <row r="341" spans="1:40" ht="13.4" customHeight="1">
      <c r="A341" s="20" t="str">
        <f t="shared" si="17"/>
        <v>TO</v>
      </c>
      <c r="B341" s="20"/>
      <c r="C341" s="541">
        <v>29</v>
      </c>
      <c r="D341" s="542"/>
      <c r="E341" s="543" t="s">
        <v>641</v>
      </c>
      <c r="F341" s="544"/>
      <c r="G341" s="544"/>
      <c r="H341" s="544"/>
      <c r="I341" s="544"/>
      <c r="J341" s="544"/>
      <c r="K341" s="544"/>
      <c r="L341" s="544"/>
      <c r="M341" s="544"/>
      <c r="N341" s="544"/>
      <c r="O341" s="544"/>
      <c r="P341" s="544"/>
      <c r="Q341" s="544"/>
      <c r="R341" s="544"/>
      <c r="S341" s="544"/>
      <c r="T341" s="545"/>
      <c r="U341" s="221" t="s">
        <v>642</v>
      </c>
      <c r="V341" s="546" t="s">
        <v>107</v>
      </c>
      <c r="W341" s="547"/>
      <c r="X341" s="547"/>
      <c r="Y341" s="547"/>
      <c r="Z341" s="548"/>
      <c r="AA341" s="546" t="s">
        <v>108</v>
      </c>
      <c r="AB341" s="547"/>
      <c r="AC341" s="548"/>
      <c r="AD341" s="415">
        <v>3</v>
      </c>
      <c r="AE341" s="415">
        <v>0</v>
      </c>
      <c r="AF341" s="541"/>
      <c r="AG341" s="542"/>
      <c r="AH341" s="549"/>
      <c r="AI341" s="550"/>
      <c r="AJ341" s="551"/>
      <c r="AK341" s="265"/>
      <c r="AL341" s="329"/>
      <c r="AM341" s="16"/>
      <c r="AN341" s="3" t="str">
        <f t="shared" si="18"/>
        <v>■</v>
      </c>
    </row>
    <row r="342" spans="1:40" ht="13.4" customHeight="1">
      <c r="A342" s="20" t="str">
        <f t="shared" si="17"/>
        <v>TO</v>
      </c>
      <c r="B342" s="20"/>
      <c r="C342" s="541">
        <v>30</v>
      </c>
      <c r="D342" s="542"/>
      <c r="E342" s="543" t="s">
        <v>643</v>
      </c>
      <c r="F342" s="544"/>
      <c r="G342" s="544"/>
      <c r="H342" s="544"/>
      <c r="I342" s="544"/>
      <c r="J342" s="544"/>
      <c r="K342" s="544"/>
      <c r="L342" s="544"/>
      <c r="M342" s="544"/>
      <c r="N342" s="544"/>
      <c r="O342" s="544"/>
      <c r="P342" s="544"/>
      <c r="Q342" s="544"/>
      <c r="R342" s="544"/>
      <c r="S342" s="544"/>
      <c r="T342" s="545"/>
      <c r="U342" s="221" t="s">
        <v>644</v>
      </c>
      <c r="V342" s="546" t="s">
        <v>107</v>
      </c>
      <c r="W342" s="547"/>
      <c r="X342" s="547"/>
      <c r="Y342" s="547"/>
      <c r="Z342" s="548"/>
      <c r="AA342" s="546" t="s">
        <v>108</v>
      </c>
      <c r="AB342" s="547"/>
      <c r="AC342" s="548"/>
      <c r="AD342" s="415">
        <v>3</v>
      </c>
      <c r="AE342" s="415">
        <v>0</v>
      </c>
      <c r="AF342" s="541"/>
      <c r="AG342" s="542"/>
      <c r="AH342" s="549"/>
      <c r="AI342" s="550"/>
      <c r="AJ342" s="551"/>
      <c r="AK342" s="265"/>
      <c r="AL342" s="329"/>
      <c r="AM342" s="16"/>
      <c r="AN342" s="3" t="str">
        <f t="shared" si="18"/>
        <v>■</v>
      </c>
    </row>
    <row r="343" spans="1:40" ht="13.4" customHeight="1">
      <c r="A343" s="20" t="str">
        <f t="shared" si="17"/>
        <v>TO</v>
      </c>
      <c r="B343" s="20"/>
      <c r="C343" s="541">
        <v>31</v>
      </c>
      <c r="D343" s="542"/>
      <c r="E343" s="543" t="s">
        <v>645</v>
      </c>
      <c r="F343" s="544"/>
      <c r="G343" s="544"/>
      <c r="H343" s="544"/>
      <c r="I343" s="544"/>
      <c r="J343" s="544"/>
      <c r="K343" s="544"/>
      <c r="L343" s="544"/>
      <c r="M343" s="544"/>
      <c r="N343" s="544"/>
      <c r="O343" s="544"/>
      <c r="P343" s="544"/>
      <c r="Q343" s="544"/>
      <c r="R343" s="544"/>
      <c r="S343" s="544"/>
      <c r="T343" s="545"/>
      <c r="U343" s="221" t="s">
        <v>646</v>
      </c>
      <c r="V343" s="546" t="s">
        <v>107</v>
      </c>
      <c r="W343" s="547"/>
      <c r="X343" s="547"/>
      <c r="Y343" s="547"/>
      <c r="Z343" s="548"/>
      <c r="AA343" s="546" t="s">
        <v>108</v>
      </c>
      <c r="AB343" s="547"/>
      <c r="AC343" s="548"/>
      <c r="AD343" s="415">
        <v>3</v>
      </c>
      <c r="AE343" s="415">
        <v>0</v>
      </c>
      <c r="AF343" s="541"/>
      <c r="AG343" s="542"/>
      <c r="AH343" s="549"/>
      <c r="AI343" s="550"/>
      <c r="AJ343" s="551"/>
      <c r="AK343" s="265"/>
      <c r="AL343" s="329"/>
      <c r="AM343" s="16"/>
      <c r="AN343" s="3" t="str">
        <f t="shared" si="18"/>
        <v>■</v>
      </c>
    </row>
    <row r="344" spans="1:40" ht="13.4" customHeight="1">
      <c r="A344" s="20" t="str">
        <f t="shared" si="17"/>
        <v>TO</v>
      </c>
      <c r="B344" s="20"/>
      <c r="C344" s="541">
        <v>32</v>
      </c>
      <c r="D344" s="542"/>
      <c r="E344" s="543" t="s">
        <v>647</v>
      </c>
      <c r="F344" s="544"/>
      <c r="G344" s="544"/>
      <c r="H344" s="544"/>
      <c r="I344" s="544"/>
      <c r="J344" s="544"/>
      <c r="K344" s="544"/>
      <c r="L344" s="544"/>
      <c r="M344" s="544"/>
      <c r="N344" s="544"/>
      <c r="O344" s="544"/>
      <c r="P344" s="544"/>
      <c r="Q344" s="544"/>
      <c r="R344" s="544"/>
      <c r="S344" s="544"/>
      <c r="T344" s="545"/>
      <c r="U344" s="221" t="s">
        <v>648</v>
      </c>
      <c r="V344" s="546" t="s">
        <v>107</v>
      </c>
      <c r="W344" s="547"/>
      <c r="X344" s="547"/>
      <c r="Y344" s="547"/>
      <c r="Z344" s="548"/>
      <c r="AA344" s="546" t="s">
        <v>108</v>
      </c>
      <c r="AB344" s="547"/>
      <c r="AC344" s="548"/>
      <c r="AD344" s="415">
        <v>3</v>
      </c>
      <c r="AE344" s="415">
        <v>0</v>
      </c>
      <c r="AF344" s="541"/>
      <c r="AG344" s="542"/>
      <c r="AH344" s="549"/>
      <c r="AI344" s="550"/>
      <c r="AJ344" s="551"/>
      <c r="AK344" s="265"/>
      <c r="AL344" s="329"/>
      <c r="AM344" s="16"/>
      <c r="AN344" s="3" t="str">
        <f t="shared" si="18"/>
        <v>■</v>
      </c>
    </row>
    <row r="345" spans="1:40" ht="13.4" customHeight="1">
      <c r="A345" s="20" t="str">
        <f t="shared" si="17"/>
        <v>TO</v>
      </c>
      <c r="B345" s="20"/>
      <c r="C345" s="541">
        <v>33</v>
      </c>
      <c r="D345" s="542"/>
      <c r="E345" s="543" t="s">
        <v>649</v>
      </c>
      <c r="F345" s="544"/>
      <c r="G345" s="544"/>
      <c r="H345" s="544"/>
      <c r="I345" s="544"/>
      <c r="J345" s="544"/>
      <c r="K345" s="544"/>
      <c r="L345" s="544"/>
      <c r="M345" s="544"/>
      <c r="N345" s="544"/>
      <c r="O345" s="544"/>
      <c r="P345" s="544"/>
      <c r="Q345" s="544"/>
      <c r="R345" s="544"/>
      <c r="S345" s="544"/>
      <c r="T345" s="545"/>
      <c r="U345" s="221" t="s">
        <v>650</v>
      </c>
      <c r="V345" s="546" t="s">
        <v>107</v>
      </c>
      <c r="W345" s="547"/>
      <c r="X345" s="547"/>
      <c r="Y345" s="547"/>
      <c r="Z345" s="548"/>
      <c r="AA345" s="546" t="s">
        <v>108</v>
      </c>
      <c r="AB345" s="547"/>
      <c r="AC345" s="548"/>
      <c r="AD345" s="415">
        <v>3</v>
      </c>
      <c r="AE345" s="415">
        <v>0</v>
      </c>
      <c r="AF345" s="541"/>
      <c r="AG345" s="542"/>
      <c r="AH345" s="549"/>
      <c r="AI345" s="550"/>
      <c r="AJ345" s="551"/>
      <c r="AK345" s="265"/>
      <c r="AL345" s="329"/>
      <c r="AM345" s="16"/>
      <c r="AN345" s="3" t="str">
        <f t="shared" si="18"/>
        <v>■</v>
      </c>
    </row>
    <row r="346" spans="1:40" ht="13.4" customHeight="1">
      <c r="A346" s="20" t="str">
        <f t="shared" si="17"/>
        <v>TO</v>
      </c>
      <c r="B346" s="20"/>
      <c r="C346" s="541">
        <v>34</v>
      </c>
      <c r="D346" s="542"/>
      <c r="E346" s="543" t="s">
        <v>651</v>
      </c>
      <c r="F346" s="544"/>
      <c r="G346" s="544"/>
      <c r="H346" s="544"/>
      <c r="I346" s="544"/>
      <c r="J346" s="544"/>
      <c r="K346" s="544"/>
      <c r="L346" s="544"/>
      <c r="M346" s="544"/>
      <c r="N346" s="544"/>
      <c r="O346" s="544"/>
      <c r="P346" s="544"/>
      <c r="Q346" s="544"/>
      <c r="R346" s="544"/>
      <c r="S346" s="544"/>
      <c r="T346" s="545"/>
      <c r="U346" s="221" t="s">
        <v>652</v>
      </c>
      <c r="V346" s="546" t="s">
        <v>107</v>
      </c>
      <c r="W346" s="547"/>
      <c r="X346" s="547"/>
      <c r="Y346" s="547"/>
      <c r="Z346" s="548"/>
      <c r="AA346" s="546" t="s">
        <v>108</v>
      </c>
      <c r="AB346" s="547"/>
      <c r="AC346" s="548"/>
      <c r="AD346" s="415">
        <v>3</v>
      </c>
      <c r="AE346" s="415">
        <v>0</v>
      </c>
      <c r="AF346" s="541"/>
      <c r="AG346" s="542"/>
      <c r="AH346" s="549"/>
      <c r="AI346" s="550"/>
      <c r="AJ346" s="551"/>
      <c r="AK346" s="265"/>
      <c r="AL346" s="329"/>
      <c r="AM346" s="16"/>
      <c r="AN346" s="3" t="str">
        <f t="shared" si="18"/>
        <v>■</v>
      </c>
    </row>
    <row r="347" spans="1:40" ht="13.4" customHeight="1">
      <c r="A347" s="20" t="str">
        <f t="shared" si="17"/>
        <v>TO</v>
      </c>
      <c r="B347" s="20"/>
      <c r="C347" s="541">
        <v>35</v>
      </c>
      <c r="D347" s="542"/>
      <c r="E347" s="543" t="s">
        <v>653</v>
      </c>
      <c r="F347" s="544"/>
      <c r="G347" s="544"/>
      <c r="H347" s="544"/>
      <c r="I347" s="544"/>
      <c r="J347" s="544"/>
      <c r="K347" s="544"/>
      <c r="L347" s="544"/>
      <c r="M347" s="544"/>
      <c r="N347" s="544"/>
      <c r="O347" s="544"/>
      <c r="P347" s="544"/>
      <c r="Q347" s="544"/>
      <c r="R347" s="544"/>
      <c r="S347" s="544"/>
      <c r="T347" s="545"/>
      <c r="U347" s="221" t="s">
        <v>654</v>
      </c>
      <c r="V347" s="546" t="s">
        <v>107</v>
      </c>
      <c r="W347" s="547"/>
      <c r="X347" s="547"/>
      <c r="Y347" s="547"/>
      <c r="Z347" s="548"/>
      <c r="AA347" s="546" t="s">
        <v>108</v>
      </c>
      <c r="AB347" s="547"/>
      <c r="AC347" s="548"/>
      <c r="AD347" s="415">
        <v>3</v>
      </c>
      <c r="AE347" s="415">
        <v>0</v>
      </c>
      <c r="AF347" s="541"/>
      <c r="AG347" s="542"/>
      <c r="AH347" s="549"/>
      <c r="AI347" s="550"/>
      <c r="AJ347" s="551"/>
      <c r="AK347" s="265"/>
      <c r="AL347" s="329"/>
      <c r="AM347" s="16"/>
      <c r="AN347" s="3" t="str">
        <f t="shared" si="18"/>
        <v>■</v>
      </c>
    </row>
    <row r="348" spans="1:40" ht="13.4" customHeight="1">
      <c r="A348" s="20" t="str">
        <f t="shared" si="17"/>
        <v>TO</v>
      </c>
      <c r="B348" s="20"/>
      <c r="C348" s="541">
        <v>36</v>
      </c>
      <c r="D348" s="542"/>
      <c r="E348" s="543" t="s">
        <v>655</v>
      </c>
      <c r="F348" s="544"/>
      <c r="G348" s="544"/>
      <c r="H348" s="544"/>
      <c r="I348" s="544"/>
      <c r="J348" s="544"/>
      <c r="K348" s="544"/>
      <c r="L348" s="544"/>
      <c r="M348" s="544"/>
      <c r="N348" s="544"/>
      <c r="O348" s="544"/>
      <c r="P348" s="544"/>
      <c r="Q348" s="544"/>
      <c r="R348" s="544"/>
      <c r="S348" s="544"/>
      <c r="T348" s="545"/>
      <c r="U348" s="221" t="s">
        <v>656</v>
      </c>
      <c r="V348" s="546" t="s">
        <v>107</v>
      </c>
      <c r="W348" s="547"/>
      <c r="X348" s="547"/>
      <c r="Y348" s="547"/>
      <c r="Z348" s="548"/>
      <c r="AA348" s="546" t="s">
        <v>108</v>
      </c>
      <c r="AB348" s="547"/>
      <c r="AC348" s="548"/>
      <c r="AD348" s="415">
        <v>3</v>
      </c>
      <c r="AE348" s="415">
        <v>0</v>
      </c>
      <c r="AF348" s="541"/>
      <c r="AG348" s="542"/>
      <c r="AH348" s="549"/>
      <c r="AI348" s="550"/>
      <c r="AJ348" s="551"/>
      <c r="AK348" s="265"/>
      <c r="AL348" s="329"/>
      <c r="AM348" s="16"/>
      <c r="AN348" s="3" t="str">
        <f t="shared" si="18"/>
        <v>■</v>
      </c>
    </row>
    <row r="349" spans="1:40" ht="13.4" customHeight="1">
      <c r="A349" s="20" t="str">
        <f t="shared" si="17"/>
        <v>TO</v>
      </c>
      <c r="B349" s="20"/>
      <c r="C349" s="541">
        <v>37</v>
      </c>
      <c r="D349" s="542"/>
      <c r="E349" s="543" t="s">
        <v>657</v>
      </c>
      <c r="F349" s="544"/>
      <c r="G349" s="544"/>
      <c r="H349" s="544"/>
      <c r="I349" s="544"/>
      <c r="J349" s="544"/>
      <c r="K349" s="544"/>
      <c r="L349" s="544"/>
      <c r="M349" s="544"/>
      <c r="N349" s="544"/>
      <c r="O349" s="544"/>
      <c r="P349" s="544"/>
      <c r="Q349" s="544"/>
      <c r="R349" s="544"/>
      <c r="S349" s="544"/>
      <c r="T349" s="545"/>
      <c r="U349" s="221" t="s">
        <v>658</v>
      </c>
      <c r="V349" s="546" t="s">
        <v>107</v>
      </c>
      <c r="W349" s="547"/>
      <c r="X349" s="547"/>
      <c r="Y349" s="547"/>
      <c r="Z349" s="548"/>
      <c r="AA349" s="546" t="s">
        <v>108</v>
      </c>
      <c r="AB349" s="547"/>
      <c r="AC349" s="548"/>
      <c r="AD349" s="415">
        <v>3</v>
      </c>
      <c r="AE349" s="415">
        <v>0</v>
      </c>
      <c r="AF349" s="541"/>
      <c r="AG349" s="542"/>
      <c r="AH349" s="549"/>
      <c r="AI349" s="550"/>
      <c r="AJ349" s="551"/>
      <c r="AK349" s="265"/>
      <c r="AL349" s="329"/>
      <c r="AM349" s="16"/>
      <c r="AN349" s="3" t="str">
        <f t="shared" si="18"/>
        <v>■</v>
      </c>
    </row>
    <row r="350" spans="1:40" ht="13.4" customHeight="1">
      <c r="A350" s="20" t="str">
        <f t="shared" si="17"/>
        <v>TO</v>
      </c>
      <c r="B350" s="20"/>
      <c r="C350" s="541">
        <v>38</v>
      </c>
      <c r="D350" s="542"/>
      <c r="E350" s="543" t="s">
        <v>659</v>
      </c>
      <c r="F350" s="544"/>
      <c r="G350" s="544"/>
      <c r="H350" s="544"/>
      <c r="I350" s="544"/>
      <c r="J350" s="544"/>
      <c r="K350" s="544"/>
      <c r="L350" s="544"/>
      <c r="M350" s="544"/>
      <c r="N350" s="544"/>
      <c r="O350" s="544"/>
      <c r="P350" s="544"/>
      <c r="Q350" s="544"/>
      <c r="R350" s="544"/>
      <c r="S350" s="544"/>
      <c r="T350" s="545"/>
      <c r="U350" s="221" t="s">
        <v>660</v>
      </c>
      <c r="V350" s="546" t="s">
        <v>107</v>
      </c>
      <c r="W350" s="547"/>
      <c r="X350" s="547"/>
      <c r="Y350" s="547"/>
      <c r="Z350" s="548"/>
      <c r="AA350" s="546" t="s">
        <v>108</v>
      </c>
      <c r="AB350" s="547"/>
      <c r="AC350" s="548"/>
      <c r="AD350" s="415">
        <v>3</v>
      </c>
      <c r="AE350" s="415">
        <v>0</v>
      </c>
      <c r="AF350" s="541"/>
      <c r="AG350" s="542"/>
      <c r="AH350" s="549"/>
      <c r="AI350" s="550"/>
      <c r="AJ350" s="551"/>
      <c r="AK350" s="265"/>
      <c r="AL350" s="329"/>
      <c r="AM350" s="16"/>
      <c r="AN350" s="3" t="str">
        <f t="shared" si="18"/>
        <v>■</v>
      </c>
    </row>
    <row r="351" spans="1:40" ht="13.4" customHeight="1">
      <c r="A351" s="20" t="str">
        <f t="shared" si="17"/>
        <v>TO</v>
      </c>
      <c r="B351" s="20"/>
      <c r="C351" s="541">
        <v>39</v>
      </c>
      <c r="D351" s="542"/>
      <c r="E351" s="543" t="s">
        <v>661</v>
      </c>
      <c r="F351" s="544"/>
      <c r="G351" s="544"/>
      <c r="H351" s="544"/>
      <c r="I351" s="544"/>
      <c r="J351" s="544"/>
      <c r="K351" s="544"/>
      <c r="L351" s="544"/>
      <c r="M351" s="544"/>
      <c r="N351" s="544"/>
      <c r="O351" s="544"/>
      <c r="P351" s="544"/>
      <c r="Q351" s="544"/>
      <c r="R351" s="544"/>
      <c r="S351" s="544"/>
      <c r="T351" s="545"/>
      <c r="U351" s="221" t="s">
        <v>662</v>
      </c>
      <c r="V351" s="546" t="s">
        <v>107</v>
      </c>
      <c r="W351" s="547"/>
      <c r="X351" s="547"/>
      <c r="Y351" s="547"/>
      <c r="Z351" s="548"/>
      <c r="AA351" s="546" t="s">
        <v>108</v>
      </c>
      <c r="AB351" s="547"/>
      <c r="AC351" s="548"/>
      <c r="AD351" s="415">
        <v>3</v>
      </c>
      <c r="AE351" s="415">
        <v>0</v>
      </c>
      <c r="AF351" s="541"/>
      <c r="AG351" s="542"/>
      <c r="AH351" s="549"/>
      <c r="AI351" s="550"/>
      <c r="AJ351" s="551"/>
      <c r="AK351" s="265"/>
      <c r="AL351" s="329"/>
      <c r="AM351" s="16"/>
      <c r="AN351" s="3" t="str">
        <f t="shared" si="18"/>
        <v>■</v>
      </c>
    </row>
    <row r="352" spans="1:40" ht="13.4" customHeight="1">
      <c r="A352" s="20" t="str">
        <f t="shared" si="17"/>
        <v>TO</v>
      </c>
      <c r="B352" s="20"/>
      <c r="C352" s="541">
        <v>40</v>
      </c>
      <c r="D352" s="542"/>
      <c r="E352" s="543" t="s">
        <v>663</v>
      </c>
      <c r="F352" s="544"/>
      <c r="G352" s="544"/>
      <c r="H352" s="544"/>
      <c r="I352" s="544"/>
      <c r="J352" s="544"/>
      <c r="K352" s="544"/>
      <c r="L352" s="544"/>
      <c r="M352" s="544"/>
      <c r="N352" s="544"/>
      <c r="O352" s="544"/>
      <c r="P352" s="544"/>
      <c r="Q352" s="544"/>
      <c r="R352" s="544"/>
      <c r="S352" s="544"/>
      <c r="T352" s="545"/>
      <c r="U352" s="221" t="s">
        <v>664</v>
      </c>
      <c r="V352" s="546" t="s">
        <v>107</v>
      </c>
      <c r="W352" s="547"/>
      <c r="X352" s="547"/>
      <c r="Y352" s="547"/>
      <c r="Z352" s="548"/>
      <c r="AA352" s="546" t="s">
        <v>108</v>
      </c>
      <c r="AB352" s="547"/>
      <c r="AC352" s="548"/>
      <c r="AD352" s="415">
        <v>3</v>
      </c>
      <c r="AE352" s="415">
        <v>0</v>
      </c>
      <c r="AF352" s="541"/>
      <c r="AG352" s="542"/>
      <c r="AH352" s="549"/>
      <c r="AI352" s="550"/>
      <c r="AJ352" s="551"/>
      <c r="AK352" s="265"/>
      <c r="AL352" s="329"/>
      <c r="AM352" s="16"/>
      <c r="AN352" s="3" t="str">
        <f t="shared" si="18"/>
        <v>■</v>
      </c>
    </row>
    <row r="353" spans="1:40" ht="13.4" customHeight="1">
      <c r="A353" s="20" t="str">
        <f t="shared" si="17"/>
        <v>TO</v>
      </c>
      <c r="B353" s="20"/>
      <c r="C353" s="541">
        <v>41</v>
      </c>
      <c r="D353" s="542"/>
      <c r="E353" s="543" t="s">
        <v>665</v>
      </c>
      <c r="F353" s="544"/>
      <c r="G353" s="544"/>
      <c r="H353" s="544"/>
      <c r="I353" s="544"/>
      <c r="J353" s="544"/>
      <c r="K353" s="544"/>
      <c r="L353" s="544"/>
      <c r="M353" s="544"/>
      <c r="N353" s="544"/>
      <c r="O353" s="544"/>
      <c r="P353" s="544"/>
      <c r="Q353" s="544"/>
      <c r="R353" s="544"/>
      <c r="S353" s="544"/>
      <c r="T353" s="545"/>
      <c r="U353" s="221" t="s">
        <v>666</v>
      </c>
      <c r="V353" s="546" t="s">
        <v>107</v>
      </c>
      <c r="W353" s="547"/>
      <c r="X353" s="547"/>
      <c r="Y353" s="547"/>
      <c r="Z353" s="548"/>
      <c r="AA353" s="546" t="s">
        <v>108</v>
      </c>
      <c r="AB353" s="547"/>
      <c r="AC353" s="548"/>
      <c r="AD353" s="415">
        <v>3</v>
      </c>
      <c r="AE353" s="415">
        <v>0</v>
      </c>
      <c r="AF353" s="541"/>
      <c r="AG353" s="542"/>
      <c r="AH353" s="549"/>
      <c r="AI353" s="550"/>
      <c r="AJ353" s="551"/>
      <c r="AK353" s="265"/>
      <c r="AL353" s="329"/>
      <c r="AM353" s="16"/>
      <c r="AN353" s="3" t="str">
        <f t="shared" si="18"/>
        <v>■</v>
      </c>
    </row>
    <row r="354" spans="1:40" ht="13.4" customHeight="1">
      <c r="A354" s="20" t="str">
        <f t="shared" si="17"/>
        <v>TO</v>
      </c>
      <c r="B354" s="20"/>
      <c r="C354" s="541">
        <v>42</v>
      </c>
      <c r="D354" s="542"/>
      <c r="E354" s="543" t="s">
        <v>667</v>
      </c>
      <c r="F354" s="544"/>
      <c r="G354" s="544"/>
      <c r="H354" s="544"/>
      <c r="I354" s="544"/>
      <c r="J354" s="544"/>
      <c r="K354" s="544"/>
      <c r="L354" s="544"/>
      <c r="M354" s="544"/>
      <c r="N354" s="544"/>
      <c r="O354" s="544"/>
      <c r="P354" s="544"/>
      <c r="Q354" s="544"/>
      <c r="R354" s="544"/>
      <c r="S354" s="544"/>
      <c r="T354" s="545"/>
      <c r="U354" s="221" t="s">
        <v>668</v>
      </c>
      <c r="V354" s="546" t="s">
        <v>107</v>
      </c>
      <c r="W354" s="547"/>
      <c r="X354" s="547"/>
      <c r="Y354" s="547"/>
      <c r="Z354" s="548"/>
      <c r="AA354" s="546" t="s">
        <v>108</v>
      </c>
      <c r="AB354" s="547"/>
      <c r="AC354" s="548"/>
      <c r="AD354" s="415">
        <v>3</v>
      </c>
      <c r="AE354" s="415">
        <v>0</v>
      </c>
      <c r="AF354" s="541"/>
      <c r="AG354" s="542"/>
      <c r="AH354" s="549"/>
      <c r="AI354" s="550"/>
      <c r="AJ354" s="551"/>
      <c r="AK354" s="265"/>
      <c r="AL354" s="329"/>
      <c r="AM354" s="16"/>
      <c r="AN354" s="3" t="str">
        <f t="shared" si="18"/>
        <v>■</v>
      </c>
    </row>
    <row r="355" spans="1:40" ht="13.4" customHeight="1">
      <c r="A355" s="20" t="str">
        <f t="shared" si="17"/>
        <v>TO</v>
      </c>
      <c r="B355" s="20"/>
      <c r="C355" s="541">
        <v>43</v>
      </c>
      <c r="D355" s="542"/>
      <c r="E355" s="543" t="s">
        <v>669</v>
      </c>
      <c r="F355" s="544"/>
      <c r="G355" s="544"/>
      <c r="H355" s="544"/>
      <c r="I355" s="544"/>
      <c r="J355" s="544"/>
      <c r="K355" s="544"/>
      <c r="L355" s="544"/>
      <c r="M355" s="544"/>
      <c r="N355" s="544"/>
      <c r="O355" s="544"/>
      <c r="P355" s="544"/>
      <c r="Q355" s="544"/>
      <c r="R355" s="544"/>
      <c r="S355" s="544"/>
      <c r="T355" s="545"/>
      <c r="U355" s="221" t="s">
        <v>670</v>
      </c>
      <c r="V355" s="546" t="s">
        <v>107</v>
      </c>
      <c r="W355" s="547"/>
      <c r="X355" s="547"/>
      <c r="Y355" s="547"/>
      <c r="Z355" s="548"/>
      <c r="AA355" s="546" t="s">
        <v>108</v>
      </c>
      <c r="AB355" s="547"/>
      <c r="AC355" s="548"/>
      <c r="AD355" s="415">
        <v>3</v>
      </c>
      <c r="AE355" s="415">
        <v>0</v>
      </c>
      <c r="AF355" s="541"/>
      <c r="AG355" s="542"/>
      <c r="AH355" s="549"/>
      <c r="AI355" s="550"/>
      <c r="AJ355" s="551"/>
      <c r="AK355" s="265"/>
      <c r="AL355" s="329"/>
      <c r="AM355" s="16"/>
      <c r="AN355" s="3" t="str">
        <f t="shared" si="18"/>
        <v>■</v>
      </c>
    </row>
    <row r="356" spans="1:40" ht="13.4" customHeight="1">
      <c r="A356" s="20" t="str">
        <f t="shared" si="17"/>
        <v>TO</v>
      </c>
      <c r="B356" s="20"/>
      <c r="C356" s="541">
        <v>44</v>
      </c>
      <c r="D356" s="542"/>
      <c r="E356" s="543" t="s">
        <v>671</v>
      </c>
      <c r="F356" s="544"/>
      <c r="G356" s="544"/>
      <c r="H356" s="544"/>
      <c r="I356" s="544"/>
      <c r="J356" s="544"/>
      <c r="K356" s="544"/>
      <c r="L356" s="544"/>
      <c r="M356" s="544"/>
      <c r="N356" s="544"/>
      <c r="O356" s="544"/>
      <c r="P356" s="544"/>
      <c r="Q356" s="544"/>
      <c r="R356" s="544"/>
      <c r="S356" s="544"/>
      <c r="T356" s="545"/>
      <c r="U356" s="221" t="s">
        <v>672</v>
      </c>
      <c r="V356" s="546" t="s">
        <v>107</v>
      </c>
      <c r="W356" s="547"/>
      <c r="X356" s="547"/>
      <c r="Y356" s="547"/>
      <c r="Z356" s="548"/>
      <c r="AA356" s="546" t="s">
        <v>108</v>
      </c>
      <c r="AB356" s="547"/>
      <c r="AC356" s="548"/>
      <c r="AD356" s="415">
        <v>3</v>
      </c>
      <c r="AE356" s="415">
        <v>0</v>
      </c>
      <c r="AF356" s="541"/>
      <c r="AG356" s="542"/>
      <c r="AH356" s="549"/>
      <c r="AI356" s="550"/>
      <c r="AJ356" s="551"/>
      <c r="AK356" s="265"/>
      <c r="AL356" s="329"/>
      <c r="AM356" s="16"/>
      <c r="AN356" s="3" t="str">
        <f t="shared" si="18"/>
        <v>■</v>
      </c>
    </row>
    <row r="357" spans="1:40" ht="13.4" customHeight="1">
      <c r="A357" s="20" t="str">
        <f t="shared" si="17"/>
        <v>TO</v>
      </c>
      <c r="B357" s="20"/>
      <c r="C357" s="541">
        <v>45</v>
      </c>
      <c r="D357" s="542"/>
      <c r="E357" s="543" t="s">
        <v>673</v>
      </c>
      <c r="F357" s="544"/>
      <c r="G357" s="544"/>
      <c r="H357" s="544"/>
      <c r="I357" s="544"/>
      <c r="J357" s="544"/>
      <c r="K357" s="544"/>
      <c r="L357" s="544"/>
      <c r="M357" s="544"/>
      <c r="N357" s="544"/>
      <c r="O357" s="544"/>
      <c r="P357" s="544"/>
      <c r="Q357" s="544"/>
      <c r="R357" s="544"/>
      <c r="S357" s="544"/>
      <c r="T357" s="545"/>
      <c r="U357" s="221" t="s">
        <v>674</v>
      </c>
      <c r="V357" s="546" t="s">
        <v>107</v>
      </c>
      <c r="W357" s="547"/>
      <c r="X357" s="547"/>
      <c r="Y357" s="547"/>
      <c r="Z357" s="548"/>
      <c r="AA357" s="546" t="s">
        <v>108</v>
      </c>
      <c r="AB357" s="547"/>
      <c r="AC357" s="548"/>
      <c r="AD357" s="415">
        <v>3</v>
      </c>
      <c r="AE357" s="415">
        <v>0</v>
      </c>
      <c r="AF357" s="541"/>
      <c r="AG357" s="542"/>
      <c r="AH357" s="549"/>
      <c r="AI357" s="550"/>
      <c r="AJ357" s="551"/>
      <c r="AK357" s="265"/>
      <c r="AL357" s="329"/>
      <c r="AM357" s="16"/>
      <c r="AN357" s="3" t="str">
        <f t="shared" si="18"/>
        <v>■</v>
      </c>
    </row>
    <row r="358" spans="1:40" ht="13.4" customHeight="1">
      <c r="A358" s="20" t="str">
        <f t="shared" si="17"/>
        <v>TO</v>
      </c>
      <c r="B358" s="20"/>
      <c r="C358" s="541">
        <v>46</v>
      </c>
      <c r="D358" s="542"/>
      <c r="E358" s="543" t="s">
        <v>675</v>
      </c>
      <c r="F358" s="544"/>
      <c r="G358" s="544"/>
      <c r="H358" s="544"/>
      <c r="I358" s="544"/>
      <c r="J358" s="544"/>
      <c r="K358" s="544"/>
      <c r="L358" s="544"/>
      <c r="M358" s="544"/>
      <c r="N358" s="544"/>
      <c r="O358" s="544"/>
      <c r="P358" s="544"/>
      <c r="Q358" s="544"/>
      <c r="R358" s="544"/>
      <c r="S358" s="544"/>
      <c r="T358" s="545"/>
      <c r="U358" s="221" t="s">
        <v>676</v>
      </c>
      <c r="V358" s="546" t="s">
        <v>107</v>
      </c>
      <c r="W358" s="547"/>
      <c r="X358" s="547"/>
      <c r="Y358" s="547"/>
      <c r="Z358" s="548"/>
      <c r="AA358" s="546" t="s">
        <v>108</v>
      </c>
      <c r="AB358" s="547"/>
      <c r="AC358" s="548"/>
      <c r="AD358" s="415">
        <v>3</v>
      </c>
      <c r="AE358" s="415">
        <v>0</v>
      </c>
      <c r="AF358" s="541"/>
      <c r="AG358" s="542"/>
      <c r="AH358" s="549"/>
      <c r="AI358" s="550"/>
      <c r="AJ358" s="551"/>
      <c r="AK358" s="265"/>
      <c r="AL358" s="329"/>
      <c r="AM358" s="16"/>
      <c r="AN358" s="3" t="str">
        <f t="shared" si="18"/>
        <v>■</v>
      </c>
    </row>
    <row r="359" spans="1:40" ht="13.4" customHeight="1">
      <c r="A359" s="20" t="str">
        <f t="shared" si="17"/>
        <v>TO</v>
      </c>
      <c r="B359" s="20"/>
      <c r="C359" s="541">
        <v>47</v>
      </c>
      <c r="D359" s="542"/>
      <c r="E359" s="543" t="s">
        <v>677</v>
      </c>
      <c r="F359" s="544"/>
      <c r="G359" s="544"/>
      <c r="H359" s="544"/>
      <c r="I359" s="544"/>
      <c r="J359" s="544"/>
      <c r="K359" s="544"/>
      <c r="L359" s="544"/>
      <c r="M359" s="544"/>
      <c r="N359" s="544"/>
      <c r="O359" s="544"/>
      <c r="P359" s="544"/>
      <c r="Q359" s="544"/>
      <c r="R359" s="544"/>
      <c r="S359" s="544"/>
      <c r="T359" s="545"/>
      <c r="U359" s="221" t="s">
        <v>678</v>
      </c>
      <c r="V359" s="546" t="s">
        <v>107</v>
      </c>
      <c r="W359" s="547"/>
      <c r="X359" s="547"/>
      <c r="Y359" s="547"/>
      <c r="Z359" s="548"/>
      <c r="AA359" s="546" t="s">
        <v>108</v>
      </c>
      <c r="AB359" s="547"/>
      <c r="AC359" s="548"/>
      <c r="AD359" s="415">
        <v>3</v>
      </c>
      <c r="AE359" s="415">
        <v>0</v>
      </c>
      <c r="AF359" s="541"/>
      <c r="AG359" s="542"/>
      <c r="AH359" s="549"/>
      <c r="AI359" s="550"/>
      <c r="AJ359" s="551"/>
      <c r="AK359" s="265"/>
      <c r="AL359" s="329"/>
      <c r="AM359" s="16"/>
      <c r="AN359" s="3" t="str">
        <f t="shared" si="18"/>
        <v>■</v>
      </c>
    </row>
    <row r="360" spans="1:40" ht="13.4" customHeight="1">
      <c r="A360" s="20" t="str">
        <f t="shared" si="17"/>
        <v>TO</v>
      </c>
      <c r="B360" s="20"/>
      <c r="C360" s="541">
        <v>48</v>
      </c>
      <c r="D360" s="542"/>
      <c r="E360" s="543" t="s">
        <v>679</v>
      </c>
      <c r="F360" s="544"/>
      <c r="G360" s="544"/>
      <c r="H360" s="544"/>
      <c r="I360" s="544"/>
      <c r="J360" s="544"/>
      <c r="K360" s="544"/>
      <c r="L360" s="544"/>
      <c r="M360" s="544"/>
      <c r="N360" s="544"/>
      <c r="O360" s="544"/>
      <c r="P360" s="544"/>
      <c r="Q360" s="544"/>
      <c r="R360" s="544"/>
      <c r="S360" s="544"/>
      <c r="T360" s="545"/>
      <c r="U360" s="221" t="s">
        <v>680</v>
      </c>
      <c r="V360" s="546" t="s">
        <v>107</v>
      </c>
      <c r="W360" s="547"/>
      <c r="X360" s="547"/>
      <c r="Y360" s="547"/>
      <c r="Z360" s="548"/>
      <c r="AA360" s="546" t="s">
        <v>108</v>
      </c>
      <c r="AB360" s="547"/>
      <c r="AC360" s="548"/>
      <c r="AD360" s="415">
        <v>3</v>
      </c>
      <c r="AE360" s="415">
        <v>0</v>
      </c>
      <c r="AF360" s="541"/>
      <c r="AG360" s="542"/>
      <c r="AH360" s="549"/>
      <c r="AI360" s="550"/>
      <c r="AJ360" s="551"/>
      <c r="AK360" s="265"/>
      <c r="AL360" s="329"/>
      <c r="AM360" s="16"/>
      <c r="AN360" s="3" t="str">
        <f t="shared" si="18"/>
        <v>■</v>
      </c>
    </row>
    <row r="361" spans="1:40" ht="13.4" customHeight="1">
      <c r="A361" s="20" t="str">
        <f t="shared" si="17"/>
        <v>TO</v>
      </c>
      <c r="B361" s="20"/>
      <c r="C361" s="541">
        <v>49</v>
      </c>
      <c r="D361" s="542"/>
      <c r="E361" s="543" t="s">
        <v>681</v>
      </c>
      <c r="F361" s="544"/>
      <c r="G361" s="544"/>
      <c r="H361" s="544"/>
      <c r="I361" s="544"/>
      <c r="J361" s="544"/>
      <c r="K361" s="544"/>
      <c r="L361" s="544"/>
      <c r="M361" s="544"/>
      <c r="N361" s="544"/>
      <c r="O361" s="544"/>
      <c r="P361" s="544"/>
      <c r="Q361" s="544"/>
      <c r="R361" s="544"/>
      <c r="S361" s="544"/>
      <c r="T361" s="545"/>
      <c r="U361" s="221" t="s">
        <v>682</v>
      </c>
      <c r="V361" s="546" t="s">
        <v>107</v>
      </c>
      <c r="W361" s="547"/>
      <c r="X361" s="547"/>
      <c r="Y361" s="547"/>
      <c r="Z361" s="548"/>
      <c r="AA361" s="546" t="s">
        <v>108</v>
      </c>
      <c r="AB361" s="547"/>
      <c r="AC361" s="548"/>
      <c r="AD361" s="415">
        <v>3</v>
      </c>
      <c r="AE361" s="415">
        <v>0</v>
      </c>
      <c r="AF361" s="541"/>
      <c r="AG361" s="542"/>
      <c r="AH361" s="549"/>
      <c r="AI361" s="550"/>
      <c r="AJ361" s="551"/>
      <c r="AK361" s="265"/>
      <c r="AL361" s="329"/>
      <c r="AM361" s="16"/>
      <c r="AN361" s="3" t="str">
        <f t="shared" si="18"/>
        <v>■</v>
      </c>
    </row>
    <row r="362" spans="1:40" ht="13.4" customHeight="1">
      <c r="A362" s="20" t="str">
        <f t="shared" si="17"/>
        <v>TO</v>
      </c>
      <c r="B362" s="20"/>
      <c r="C362" s="541">
        <v>50</v>
      </c>
      <c r="D362" s="542"/>
      <c r="E362" s="543" t="s">
        <v>683</v>
      </c>
      <c r="F362" s="544"/>
      <c r="G362" s="544"/>
      <c r="H362" s="544"/>
      <c r="I362" s="544"/>
      <c r="J362" s="544"/>
      <c r="K362" s="544"/>
      <c r="L362" s="544"/>
      <c r="M362" s="544"/>
      <c r="N362" s="544"/>
      <c r="O362" s="544"/>
      <c r="P362" s="544"/>
      <c r="Q362" s="544"/>
      <c r="R362" s="544"/>
      <c r="S362" s="544"/>
      <c r="T362" s="545"/>
      <c r="U362" s="221" t="s">
        <v>684</v>
      </c>
      <c r="V362" s="546" t="s">
        <v>107</v>
      </c>
      <c r="W362" s="547"/>
      <c r="X362" s="547"/>
      <c r="Y362" s="547"/>
      <c r="Z362" s="548"/>
      <c r="AA362" s="546" t="s">
        <v>108</v>
      </c>
      <c r="AB362" s="547"/>
      <c r="AC362" s="548"/>
      <c r="AD362" s="415">
        <v>3</v>
      </c>
      <c r="AE362" s="415">
        <v>0</v>
      </c>
      <c r="AF362" s="541"/>
      <c r="AG362" s="542"/>
      <c r="AH362" s="549"/>
      <c r="AI362" s="550"/>
      <c r="AJ362" s="551"/>
      <c r="AK362" s="265"/>
      <c r="AL362" s="329"/>
      <c r="AM362" s="16"/>
      <c r="AN362" s="3" t="str">
        <f t="shared" si="18"/>
        <v>■</v>
      </c>
    </row>
    <row r="363" spans="1:40" ht="13.4" customHeight="1">
      <c r="A363" s="20" t="str">
        <f t="shared" si="17"/>
        <v>TO</v>
      </c>
      <c r="B363" s="20"/>
      <c r="C363" s="541">
        <v>51</v>
      </c>
      <c r="D363" s="542"/>
      <c r="E363" s="543" t="s">
        <v>685</v>
      </c>
      <c r="F363" s="544"/>
      <c r="G363" s="544"/>
      <c r="H363" s="544"/>
      <c r="I363" s="544"/>
      <c r="J363" s="544"/>
      <c r="K363" s="544"/>
      <c r="L363" s="544"/>
      <c r="M363" s="544"/>
      <c r="N363" s="544"/>
      <c r="O363" s="544"/>
      <c r="P363" s="544"/>
      <c r="Q363" s="544"/>
      <c r="R363" s="544"/>
      <c r="S363" s="544"/>
      <c r="T363" s="545"/>
      <c r="U363" s="221" t="s">
        <v>686</v>
      </c>
      <c r="V363" s="546" t="s">
        <v>107</v>
      </c>
      <c r="W363" s="547"/>
      <c r="X363" s="547"/>
      <c r="Y363" s="547"/>
      <c r="Z363" s="548"/>
      <c r="AA363" s="546" t="s">
        <v>108</v>
      </c>
      <c r="AB363" s="547"/>
      <c r="AC363" s="548"/>
      <c r="AD363" s="415">
        <v>3</v>
      </c>
      <c r="AE363" s="415">
        <v>0</v>
      </c>
      <c r="AF363" s="541"/>
      <c r="AG363" s="542"/>
      <c r="AH363" s="549"/>
      <c r="AI363" s="550"/>
      <c r="AJ363" s="551"/>
      <c r="AK363" s="265"/>
      <c r="AL363" s="329"/>
      <c r="AM363" s="16"/>
      <c r="AN363" s="3" t="str">
        <f t="shared" si="18"/>
        <v>■</v>
      </c>
    </row>
    <row r="364" spans="1:40" ht="13.4" customHeight="1">
      <c r="A364" s="20" t="str">
        <f t="shared" si="17"/>
        <v>TO</v>
      </c>
      <c r="B364" s="20"/>
      <c r="C364" s="541">
        <v>52</v>
      </c>
      <c r="D364" s="542"/>
      <c r="E364" s="543" t="s">
        <v>687</v>
      </c>
      <c r="F364" s="544"/>
      <c r="G364" s="544"/>
      <c r="H364" s="544"/>
      <c r="I364" s="544"/>
      <c r="J364" s="544"/>
      <c r="K364" s="544"/>
      <c r="L364" s="544"/>
      <c r="M364" s="544"/>
      <c r="N364" s="544"/>
      <c r="O364" s="544"/>
      <c r="P364" s="544"/>
      <c r="Q364" s="544"/>
      <c r="R364" s="544"/>
      <c r="S364" s="544"/>
      <c r="T364" s="545"/>
      <c r="U364" s="221" t="s">
        <v>688</v>
      </c>
      <c r="V364" s="546" t="s">
        <v>107</v>
      </c>
      <c r="W364" s="547"/>
      <c r="X364" s="547"/>
      <c r="Y364" s="547"/>
      <c r="Z364" s="548"/>
      <c r="AA364" s="546" t="s">
        <v>108</v>
      </c>
      <c r="AB364" s="547"/>
      <c r="AC364" s="548"/>
      <c r="AD364" s="415">
        <v>3</v>
      </c>
      <c r="AE364" s="415">
        <v>0</v>
      </c>
      <c r="AF364" s="541"/>
      <c r="AG364" s="542"/>
      <c r="AH364" s="549"/>
      <c r="AI364" s="550"/>
      <c r="AJ364" s="551"/>
      <c r="AK364" s="265"/>
      <c r="AL364" s="329"/>
      <c r="AM364" s="16"/>
      <c r="AN364" s="3" t="str">
        <f t="shared" si="18"/>
        <v>■</v>
      </c>
    </row>
    <row r="365" spans="1:40" ht="13.4" customHeight="1">
      <c r="A365" s="20" t="str">
        <f t="shared" si="17"/>
        <v>TO</v>
      </c>
      <c r="B365" s="20"/>
      <c r="C365" s="541">
        <v>53</v>
      </c>
      <c r="D365" s="542"/>
      <c r="E365" s="543" t="s">
        <v>689</v>
      </c>
      <c r="F365" s="544"/>
      <c r="G365" s="544"/>
      <c r="H365" s="544"/>
      <c r="I365" s="544"/>
      <c r="J365" s="544"/>
      <c r="K365" s="544"/>
      <c r="L365" s="544"/>
      <c r="M365" s="544"/>
      <c r="N365" s="544"/>
      <c r="O365" s="544"/>
      <c r="P365" s="544"/>
      <c r="Q365" s="544"/>
      <c r="R365" s="544"/>
      <c r="S365" s="544"/>
      <c r="T365" s="545"/>
      <c r="U365" s="221" t="s">
        <v>690</v>
      </c>
      <c r="V365" s="546" t="s">
        <v>107</v>
      </c>
      <c r="W365" s="547"/>
      <c r="X365" s="547"/>
      <c r="Y365" s="547"/>
      <c r="Z365" s="548"/>
      <c r="AA365" s="546" t="s">
        <v>102</v>
      </c>
      <c r="AB365" s="547"/>
      <c r="AC365" s="548"/>
      <c r="AD365" s="415">
        <v>2</v>
      </c>
      <c r="AE365" s="415" t="s">
        <v>103</v>
      </c>
      <c r="AF365" s="541"/>
      <c r="AG365" s="542"/>
      <c r="AH365" s="549"/>
      <c r="AI365" s="550"/>
      <c r="AJ365" s="551"/>
      <c r="AK365" s="265"/>
      <c r="AL365" s="329"/>
      <c r="AM365" s="16"/>
      <c r="AN365" s="3" t="str">
        <f t="shared" si="18"/>
        <v>■</v>
      </c>
    </row>
    <row r="366" spans="1:40" ht="13.4" customHeight="1">
      <c r="A366" s="20" t="str">
        <f t="shared" si="17"/>
        <v>TO</v>
      </c>
      <c r="B366" s="20"/>
      <c r="C366" s="541">
        <v>54</v>
      </c>
      <c r="D366" s="542"/>
      <c r="E366" s="543" t="s">
        <v>691</v>
      </c>
      <c r="F366" s="544"/>
      <c r="G366" s="544"/>
      <c r="H366" s="544"/>
      <c r="I366" s="544"/>
      <c r="J366" s="544"/>
      <c r="K366" s="544"/>
      <c r="L366" s="544"/>
      <c r="M366" s="544"/>
      <c r="N366" s="544"/>
      <c r="O366" s="544"/>
      <c r="P366" s="544"/>
      <c r="Q366" s="544"/>
      <c r="R366" s="544"/>
      <c r="S366" s="544"/>
      <c r="T366" s="545"/>
      <c r="U366" s="221" t="s">
        <v>692</v>
      </c>
      <c r="V366" s="546" t="s">
        <v>107</v>
      </c>
      <c r="W366" s="547"/>
      <c r="X366" s="547"/>
      <c r="Y366" s="547"/>
      <c r="Z366" s="548"/>
      <c r="AA366" s="546" t="s">
        <v>108</v>
      </c>
      <c r="AB366" s="547"/>
      <c r="AC366" s="548"/>
      <c r="AD366" s="415">
        <v>5</v>
      </c>
      <c r="AE366" s="415">
        <v>0</v>
      </c>
      <c r="AF366" s="541"/>
      <c r="AG366" s="542"/>
      <c r="AH366" s="549"/>
      <c r="AI366" s="550"/>
      <c r="AJ366" s="551"/>
      <c r="AK366" s="265"/>
      <c r="AL366" s="329"/>
      <c r="AM366" s="16"/>
      <c r="AN366" s="3" t="str">
        <f t="shared" si="18"/>
        <v>■</v>
      </c>
    </row>
    <row r="367" spans="1:40" ht="13.4" customHeight="1">
      <c r="A367" s="20" t="str">
        <f t="shared" si="17"/>
        <v>TO</v>
      </c>
      <c r="B367" s="20"/>
      <c r="C367" s="541">
        <v>55</v>
      </c>
      <c r="D367" s="542"/>
      <c r="E367" s="543" t="s">
        <v>693</v>
      </c>
      <c r="F367" s="544"/>
      <c r="G367" s="544"/>
      <c r="H367" s="544"/>
      <c r="I367" s="544"/>
      <c r="J367" s="544"/>
      <c r="K367" s="544"/>
      <c r="L367" s="544"/>
      <c r="M367" s="544"/>
      <c r="N367" s="544"/>
      <c r="O367" s="544"/>
      <c r="P367" s="544"/>
      <c r="Q367" s="544"/>
      <c r="R367" s="544"/>
      <c r="S367" s="544"/>
      <c r="T367" s="545"/>
      <c r="U367" s="221" t="s">
        <v>694</v>
      </c>
      <c r="V367" s="546" t="s">
        <v>107</v>
      </c>
      <c r="W367" s="547"/>
      <c r="X367" s="547"/>
      <c r="Y367" s="547"/>
      <c r="Z367" s="548"/>
      <c r="AA367" s="546" t="s">
        <v>108</v>
      </c>
      <c r="AB367" s="547"/>
      <c r="AC367" s="548"/>
      <c r="AD367" s="415">
        <v>5</v>
      </c>
      <c r="AE367" s="415">
        <v>0</v>
      </c>
      <c r="AF367" s="541"/>
      <c r="AG367" s="542"/>
      <c r="AH367" s="549"/>
      <c r="AI367" s="550"/>
      <c r="AJ367" s="551"/>
      <c r="AK367" s="265"/>
      <c r="AL367" s="329"/>
      <c r="AM367" s="16"/>
      <c r="AN367" s="3" t="str">
        <f t="shared" si="18"/>
        <v>■</v>
      </c>
    </row>
    <row r="368" spans="1:40" ht="13.4" customHeight="1">
      <c r="A368" s="20" t="str">
        <f t="shared" si="17"/>
        <v>TO</v>
      </c>
      <c r="B368" s="20"/>
      <c r="C368" s="541">
        <v>56</v>
      </c>
      <c r="D368" s="542"/>
      <c r="E368" s="543" t="s">
        <v>695</v>
      </c>
      <c r="F368" s="544"/>
      <c r="G368" s="544"/>
      <c r="H368" s="544"/>
      <c r="I368" s="544"/>
      <c r="J368" s="544"/>
      <c r="K368" s="544"/>
      <c r="L368" s="544"/>
      <c r="M368" s="544"/>
      <c r="N368" s="544"/>
      <c r="O368" s="544"/>
      <c r="P368" s="544"/>
      <c r="Q368" s="544"/>
      <c r="R368" s="544"/>
      <c r="S368" s="544"/>
      <c r="T368" s="545"/>
      <c r="U368" s="221" t="s">
        <v>696</v>
      </c>
      <c r="V368" s="546" t="s">
        <v>107</v>
      </c>
      <c r="W368" s="547"/>
      <c r="X368" s="547"/>
      <c r="Y368" s="547"/>
      <c r="Z368" s="548"/>
      <c r="AA368" s="546" t="s">
        <v>108</v>
      </c>
      <c r="AB368" s="547"/>
      <c r="AC368" s="548"/>
      <c r="AD368" s="415">
        <v>7</v>
      </c>
      <c r="AE368" s="415">
        <v>0</v>
      </c>
      <c r="AF368" s="541"/>
      <c r="AG368" s="542"/>
      <c r="AH368" s="549"/>
      <c r="AI368" s="550"/>
      <c r="AJ368" s="551"/>
      <c r="AK368" s="265" t="s">
        <v>697</v>
      </c>
      <c r="AL368" s="329"/>
      <c r="AM368" s="16"/>
      <c r="AN368" s="3" t="str">
        <f t="shared" si="18"/>
        <v>■</v>
      </c>
    </row>
    <row r="369" spans="1:40" ht="13.4" customHeight="1">
      <c r="A369" s="20" t="str">
        <f t="shared" si="17"/>
        <v>TO</v>
      </c>
      <c r="B369" s="20"/>
      <c r="C369" s="541">
        <v>57</v>
      </c>
      <c r="D369" s="542"/>
      <c r="E369" s="543" t="s">
        <v>698</v>
      </c>
      <c r="F369" s="544"/>
      <c r="G369" s="544"/>
      <c r="H369" s="544"/>
      <c r="I369" s="544"/>
      <c r="J369" s="544"/>
      <c r="K369" s="544"/>
      <c r="L369" s="544"/>
      <c r="M369" s="544"/>
      <c r="N369" s="544"/>
      <c r="O369" s="544"/>
      <c r="P369" s="544"/>
      <c r="Q369" s="544"/>
      <c r="R369" s="544"/>
      <c r="S369" s="544"/>
      <c r="T369" s="545"/>
      <c r="U369" s="221" t="s">
        <v>699</v>
      </c>
      <c r="V369" s="546" t="s">
        <v>101</v>
      </c>
      <c r="W369" s="547"/>
      <c r="X369" s="547"/>
      <c r="Y369" s="547"/>
      <c r="Z369" s="548"/>
      <c r="AA369" s="546" t="s">
        <v>102</v>
      </c>
      <c r="AB369" s="547"/>
      <c r="AC369" s="548"/>
      <c r="AD369" s="415">
        <v>6</v>
      </c>
      <c r="AE369" s="415" t="s">
        <v>103</v>
      </c>
      <c r="AF369" s="541"/>
      <c r="AG369" s="542"/>
      <c r="AH369" s="549"/>
      <c r="AI369" s="550"/>
      <c r="AJ369" s="551"/>
      <c r="AK369" s="265" t="s">
        <v>697</v>
      </c>
      <c r="AL369" s="329"/>
      <c r="AM369" s="16"/>
      <c r="AN369" s="3" t="str">
        <f t="shared" si="18"/>
        <v>■</v>
      </c>
    </row>
    <row r="370" spans="1:40" ht="13.4" customHeight="1">
      <c r="A370" s="20" t="str">
        <f t="shared" si="17"/>
        <v>TO</v>
      </c>
      <c r="B370" s="20"/>
      <c r="C370" s="541">
        <v>58</v>
      </c>
      <c r="D370" s="542"/>
      <c r="E370" s="543" t="s">
        <v>700</v>
      </c>
      <c r="F370" s="544"/>
      <c r="G370" s="544"/>
      <c r="H370" s="544"/>
      <c r="I370" s="544"/>
      <c r="J370" s="544"/>
      <c r="K370" s="544"/>
      <c r="L370" s="544"/>
      <c r="M370" s="544"/>
      <c r="N370" s="544"/>
      <c r="O370" s="544"/>
      <c r="P370" s="544"/>
      <c r="Q370" s="544"/>
      <c r="R370" s="544"/>
      <c r="S370" s="544"/>
      <c r="T370" s="545"/>
      <c r="U370" s="221" t="s">
        <v>701</v>
      </c>
      <c r="V370" s="546" t="s">
        <v>107</v>
      </c>
      <c r="W370" s="547"/>
      <c r="X370" s="547"/>
      <c r="Y370" s="547"/>
      <c r="Z370" s="548"/>
      <c r="AA370" s="546" t="s">
        <v>108</v>
      </c>
      <c r="AB370" s="547"/>
      <c r="AC370" s="548"/>
      <c r="AD370" s="415">
        <v>3</v>
      </c>
      <c r="AE370" s="415">
        <v>0</v>
      </c>
      <c r="AF370" s="541"/>
      <c r="AG370" s="542"/>
      <c r="AH370" s="549"/>
      <c r="AI370" s="550"/>
      <c r="AJ370" s="551"/>
      <c r="AK370" s="265"/>
      <c r="AL370" s="329"/>
      <c r="AM370" s="16"/>
      <c r="AN370" s="3" t="str">
        <f t="shared" si="18"/>
        <v>■</v>
      </c>
    </row>
    <row r="371" spans="1:40" ht="13.4" customHeight="1">
      <c r="A371" s="20" t="str">
        <f t="shared" si="17"/>
        <v>TO</v>
      </c>
      <c r="B371" s="20"/>
      <c r="C371" s="541">
        <v>59</v>
      </c>
      <c r="D371" s="542"/>
      <c r="E371" s="543" t="s">
        <v>702</v>
      </c>
      <c r="F371" s="544"/>
      <c r="G371" s="544"/>
      <c r="H371" s="544"/>
      <c r="I371" s="544"/>
      <c r="J371" s="544"/>
      <c r="K371" s="544"/>
      <c r="L371" s="544"/>
      <c r="M371" s="544"/>
      <c r="N371" s="544"/>
      <c r="O371" s="544"/>
      <c r="P371" s="544"/>
      <c r="Q371" s="544"/>
      <c r="R371" s="544"/>
      <c r="S371" s="544"/>
      <c r="T371" s="545"/>
      <c r="U371" s="221" t="s">
        <v>703</v>
      </c>
      <c r="V371" s="546" t="s">
        <v>101</v>
      </c>
      <c r="W371" s="547"/>
      <c r="X371" s="547"/>
      <c r="Y371" s="547"/>
      <c r="Z371" s="548"/>
      <c r="AA371" s="546" t="s">
        <v>102</v>
      </c>
      <c r="AB371" s="547"/>
      <c r="AC371" s="548"/>
      <c r="AD371" s="415">
        <v>6</v>
      </c>
      <c r="AE371" s="415" t="s">
        <v>103</v>
      </c>
      <c r="AF371" s="541"/>
      <c r="AG371" s="542"/>
      <c r="AH371" s="549"/>
      <c r="AI371" s="550"/>
      <c r="AJ371" s="551"/>
      <c r="AK371" s="265"/>
      <c r="AL371" s="329"/>
      <c r="AM371" s="16"/>
      <c r="AN371" s="3" t="str">
        <f t="shared" si="18"/>
        <v>■</v>
      </c>
    </row>
    <row r="372" spans="1:40" ht="13.4" customHeight="1">
      <c r="A372" s="20" t="str">
        <f t="shared" si="17"/>
        <v>TO</v>
      </c>
      <c r="B372" s="20"/>
      <c r="C372" s="541">
        <v>60</v>
      </c>
      <c r="D372" s="542"/>
      <c r="E372" s="543" t="s">
        <v>409</v>
      </c>
      <c r="F372" s="544"/>
      <c r="G372" s="544"/>
      <c r="H372" s="544"/>
      <c r="I372" s="544"/>
      <c r="J372" s="544"/>
      <c r="K372" s="544"/>
      <c r="L372" s="544"/>
      <c r="M372" s="544"/>
      <c r="N372" s="544"/>
      <c r="O372" s="544"/>
      <c r="P372" s="544"/>
      <c r="Q372" s="544"/>
      <c r="R372" s="544"/>
      <c r="S372" s="544"/>
      <c r="T372" s="545"/>
      <c r="U372" s="221" t="s">
        <v>453</v>
      </c>
      <c r="V372" s="546" t="s">
        <v>107</v>
      </c>
      <c r="W372" s="547"/>
      <c r="X372" s="547"/>
      <c r="Y372" s="547"/>
      <c r="Z372" s="548"/>
      <c r="AA372" s="546" t="s">
        <v>102</v>
      </c>
      <c r="AB372" s="547"/>
      <c r="AC372" s="548"/>
      <c r="AD372" s="415">
        <v>6</v>
      </c>
      <c r="AE372" s="415" t="s">
        <v>103</v>
      </c>
      <c r="AF372" s="541"/>
      <c r="AG372" s="542"/>
      <c r="AH372" s="549"/>
      <c r="AI372" s="550"/>
      <c r="AJ372" s="551"/>
      <c r="AK372" s="265"/>
      <c r="AL372" s="334"/>
      <c r="AM372" s="16"/>
      <c r="AN372" s="3" t="str">
        <f t="shared" si="18"/>
        <v>■</v>
      </c>
    </row>
    <row r="373" spans="1:40" ht="13.4" customHeight="1">
      <c r="A373" s="20" t="str">
        <f t="shared" si="17"/>
        <v>TO</v>
      </c>
      <c r="B373" s="20"/>
      <c r="C373" s="541">
        <v>61</v>
      </c>
      <c r="D373" s="542"/>
      <c r="E373" s="543" t="s">
        <v>411</v>
      </c>
      <c r="F373" s="544"/>
      <c r="G373" s="544"/>
      <c r="H373" s="544"/>
      <c r="I373" s="544"/>
      <c r="J373" s="544"/>
      <c r="K373" s="544"/>
      <c r="L373" s="544"/>
      <c r="M373" s="544"/>
      <c r="N373" s="544"/>
      <c r="O373" s="544"/>
      <c r="P373" s="544"/>
      <c r="Q373" s="544"/>
      <c r="R373" s="544"/>
      <c r="S373" s="544"/>
      <c r="T373" s="545"/>
      <c r="U373" s="221" t="s">
        <v>516</v>
      </c>
      <c r="V373" s="546" t="s">
        <v>107</v>
      </c>
      <c r="W373" s="547"/>
      <c r="X373" s="547"/>
      <c r="Y373" s="547"/>
      <c r="Z373" s="548"/>
      <c r="AA373" s="546" t="s">
        <v>102</v>
      </c>
      <c r="AB373" s="547"/>
      <c r="AC373" s="548"/>
      <c r="AD373" s="415">
        <v>6</v>
      </c>
      <c r="AE373" s="415" t="s">
        <v>103</v>
      </c>
      <c r="AF373" s="541"/>
      <c r="AG373" s="542"/>
      <c r="AH373" s="549"/>
      <c r="AI373" s="550"/>
      <c r="AJ373" s="551"/>
      <c r="AK373" s="265"/>
      <c r="AL373" s="329"/>
      <c r="AM373" s="16"/>
      <c r="AN373" s="3" t="str">
        <f t="shared" si="18"/>
        <v>■</v>
      </c>
    </row>
    <row r="374" spans="1:40">
      <c r="A374" s="20" t="str">
        <f>IF(LEN(J374)&gt;0,MID(J374,FIND("（",J374,1)+1,2),A369)</f>
        <v>TO</v>
      </c>
      <c r="B374" s="20"/>
      <c r="C374" s="24"/>
      <c r="D374" s="24"/>
      <c r="E374" s="24"/>
      <c r="F374" s="24"/>
      <c r="G374" s="24"/>
      <c r="H374" s="24"/>
      <c r="I374" s="24"/>
      <c r="J374" s="24"/>
      <c r="K374" s="24"/>
      <c r="L374" s="24"/>
      <c r="M374" s="24"/>
      <c r="N374" s="24"/>
      <c r="O374" s="24"/>
      <c r="P374" s="24"/>
      <c r="Q374" s="24"/>
      <c r="R374" s="24"/>
      <c r="S374" s="24"/>
      <c r="T374" s="24"/>
      <c r="U374" s="224"/>
      <c r="V374" s="412"/>
      <c r="W374" s="412"/>
      <c r="X374" s="412"/>
      <c r="Y374" s="412"/>
      <c r="Z374" s="412"/>
      <c r="AA374" s="412"/>
      <c r="AB374" s="412"/>
      <c r="AC374" s="412"/>
      <c r="AD374" s="411"/>
      <c r="AE374" s="411"/>
      <c r="AF374" s="412"/>
      <c r="AG374" s="412"/>
      <c r="AH374" s="412"/>
      <c r="AI374" s="412"/>
      <c r="AJ374" s="412"/>
      <c r="AK374" s="26"/>
      <c r="AL374" s="329"/>
      <c r="AM374" s="16"/>
    </row>
    <row r="375" spans="1:40" s="1" customFormat="1">
      <c r="A375" s="20" t="str">
        <f t="shared" ref="A375:A391" si="19">IF(LEN(J375)&gt;0,MID(J375,FIND("（",J375,1)+1,2),A374)</f>
        <v>CO</v>
      </c>
      <c r="B375" s="20"/>
      <c r="C375" s="52" t="s">
        <v>380</v>
      </c>
      <c r="D375" s="16"/>
      <c r="E375" s="26"/>
      <c r="F375" s="26"/>
      <c r="G375" s="26"/>
      <c r="H375" s="26"/>
      <c r="I375" s="26"/>
      <c r="J375" s="26" t="s">
        <v>726</v>
      </c>
      <c r="K375" s="26"/>
      <c r="L375" s="26"/>
      <c r="M375" s="26"/>
      <c r="N375" s="26"/>
      <c r="O375" s="26"/>
      <c r="P375" s="26"/>
      <c r="Q375" s="26"/>
      <c r="R375" s="26"/>
      <c r="S375" s="26"/>
      <c r="T375" s="26"/>
      <c r="U375" s="26" t="s">
        <v>727</v>
      </c>
      <c r="V375" s="122"/>
      <c r="W375" s="122"/>
      <c r="X375" s="122"/>
      <c r="Y375" s="122"/>
      <c r="Z375" s="122"/>
      <c r="AA375" s="122"/>
      <c r="AB375" s="122"/>
      <c r="AC375" s="122"/>
      <c r="AD375" s="122"/>
      <c r="AE375" s="122"/>
      <c r="AF375" s="122"/>
      <c r="AG375" s="122"/>
      <c r="AH375" s="122"/>
      <c r="AI375" s="122"/>
      <c r="AJ375" s="122"/>
      <c r="AK375" s="26"/>
      <c r="AL375" s="329"/>
      <c r="AM375" s="26"/>
    </row>
    <row r="376" spans="1:40" ht="13.5" customHeight="1">
      <c r="A376" s="20" t="str">
        <f t="shared" si="19"/>
        <v>CO</v>
      </c>
      <c r="B376" s="20"/>
      <c r="C376" s="571" t="s">
        <v>73</v>
      </c>
      <c r="D376" s="573"/>
      <c r="E376" s="571" t="s">
        <v>94</v>
      </c>
      <c r="F376" s="571"/>
      <c r="G376" s="571"/>
      <c r="H376" s="571"/>
      <c r="I376" s="571"/>
      <c r="J376" s="571"/>
      <c r="K376" s="571"/>
      <c r="L376" s="571"/>
      <c r="M376" s="571"/>
      <c r="N376" s="571"/>
      <c r="O376" s="571"/>
      <c r="P376" s="571"/>
      <c r="Q376" s="571"/>
      <c r="R376" s="571"/>
      <c r="S376" s="571"/>
      <c r="T376" s="571"/>
      <c r="U376" s="226" t="s">
        <v>383</v>
      </c>
      <c r="V376" s="574" t="s">
        <v>138</v>
      </c>
      <c r="W376" s="574"/>
      <c r="X376" s="574"/>
      <c r="Y376" s="574"/>
      <c r="Z376" s="574"/>
      <c r="AA376" s="575" t="s">
        <v>415</v>
      </c>
      <c r="AB376" s="576"/>
      <c r="AC376" s="577"/>
      <c r="AD376" s="493" t="s">
        <v>97</v>
      </c>
      <c r="AE376" s="493"/>
      <c r="AF376" s="574" t="s">
        <v>98</v>
      </c>
      <c r="AG376" s="574"/>
      <c r="AH376" s="571" t="s">
        <v>75</v>
      </c>
      <c r="AI376" s="571"/>
      <c r="AJ376" s="571"/>
      <c r="AK376" s="581" t="s">
        <v>159</v>
      </c>
      <c r="AL376" s="329"/>
      <c r="AM376" s="16"/>
    </row>
    <row r="377" spans="1:40">
      <c r="A377" s="20" t="str">
        <f t="shared" si="19"/>
        <v>CO</v>
      </c>
      <c r="B377" s="20"/>
      <c r="C377" s="573"/>
      <c r="D377" s="573"/>
      <c r="E377" s="571"/>
      <c r="F377" s="571"/>
      <c r="G377" s="571"/>
      <c r="H377" s="571"/>
      <c r="I377" s="571"/>
      <c r="J377" s="571"/>
      <c r="K377" s="571"/>
      <c r="L377" s="571"/>
      <c r="M377" s="571"/>
      <c r="N377" s="571"/>
      <c r="O377" s="571"/>
      <c r="P377" s="571"/>
      <c r="Q377" s="571"/>
      <c r="R377" s="571"/>
      <c r="S377" s="571"/>
      <c r="T377" s="571"/>
      <c r="U377" s="227"/>
      <c r="V377" s="574"/>
      <c r="W377" s="574"/>
      <c r="X377" s="574"/>
      <c r="Y377" s="574"/>
      <c r="Z377" s="574"/>
      <c r="AA377" s="578"/>
      <c r="AB377" s="579"/>
      <c r="AC377" s="580"/>
      <c r="AD377" s="493"/>
      <c r="AE377" s="493"/>
      <c r="AF377" s="574"/>
      <c r="AG377" s="574"/>
      <c r="AH377" s="571"/>
      <c r="AI377" s="571"/>
      <c r="AJ377" s="571"/>
      <c r="AK377" s="582"/>
      <c r="AL377" s="330"/>
      <c r="AM377" s="16"/>
    </row>
    <row r="378" spans="1:40" ht="13.4" customHeight="1">
      <c r="A378" s="20" t="str">
        <f t="shared" si="19"/>
        <v>CO</v>
      </c>
      <c r="B378" s="20"/>
      <c r="C378" s="541">
        <v>1</v>
      </c>
      <c r="D378" s="542"/>
      <c r="E378" s="563" t="s">
        <v>440</v>
      </c>
      <c r="F378" s="564"/>
      <c r="G378" s="564"/>
      <c r="H378" s="564"/>
      <c r="I378" s="564"/>
      <c r="J378" s="564"/>
      <c r="K378" s="564"/>
      <c r="L378" s="564"/>
      <c r="M378" s="564"/>
      <c r="N378" s="564"/>
      <c r="O378" s="564"/>
      <c r="P378" s="564"/>
      <c r="Q378" s="564"/>
      <c r="R378" s="564"/>
      <c r="S378" s="564"/>
      <c r="T378" s="565"/>
      <c r="U378" s="219" t="s">
        <v>441</v>
      </c>
      <c r="V378" s="546" t="s">
        <v>101</v>
      </c>
      <c r="W378" s="547"/>
      <c r="X378" s="547"/>
      <c r="Y378" s="547"/>
      <c r="Z378" s="548"/>
      <c r="AA378" s="546" t="s">
        <v>102</v>
      </c>
      <c r="AB378" s="547"/>
      <c r="AC378" s="548"/>
      <c r="AD378" s="415">
        <v>10</v>
      </c>
      <c r="AE378" s="415" t="s">
        <v>103</v>
      </c>
      <c r="AF378" s="541"/>
      <c r="AG378" s="542"/>
      <c r="AH378" s="549"/>
      <c r="AI378" s="550"/>
      <c r="AJ378" s="551"/>
      <c r="AK378" s="335"/>
      <c r="AL378" s="330"/>
      <c r="AM378" s="16"/>
      <c r="AN378" s="3" t="str">
        <f>$S$20</f>
        <v>■</v>
      </c>
    </row>
    <row r="379" spans="1:40" ht="13.4" customHeight="1">
      <c r="A379" s="20" t="str">
        <f t="shared" si="19"/>
        <v>CO</v>
      </c>
      <c r="B379" s="20"/>
      <c r="C379" s="541">
        <v>2</v>
      </c>
      <c r="D379" s="542"/>
      <c r="E379" s="563" t="s">
        <v>442</v>
      </c>
      <c r="F379" s="564"/>
      <c r="G379" s="564"/>
      <c r="H379" s="564"/>
      <c r="I379" s="564"/>
      <c r="J379" s="564"/>
      <c r="K379" s="564"/>
      <c r="L379" s="564"/>
      <c r="M379" s="564"/>
      <c r="N379" s="564"/>
      <c r="O379" s="564"/>
      <c r="P379" s="564"/>
      <c r="Q379" s="564"/>
      <c r="R379" s="564"/>
      <c r="S379" s="564"/>
      <c r="T379" s="565"/>
      <c r="U379" s="219" t="s">
        <v>443</v>
      </c>
      <c r="V379" s="546" t="s">
        <v>101</v>
      </c>
      <c r="W379" s="547"/>
      <c r="X379" s="547"/>
      <c r="Y379" s="547"/>
      <c r="Z379" s="548"/>
      <c r="AA379" s="546" t="s">
        <v>102</v>
      </c>
      <c r="AB379" s="547"/>
      <c r="AC379" s="548"/>
      <c r="AD379" s="415">
        <v>51</v>
      </c>
      <c r="AE379" s="415" t="s">
        <v>103</v>
      </c>
      <c r="AF379" s="541"/>
      <c r="AG379" s="542"/>
      <c r="AH379" s="549"/>
      <c r="AI379" s="550"/>
      <c r="AJ379" s="551"/>
      <c r="AK379" s="335"/>
      <c r="AL379" s="329"/>
      <c r="AM379" s="16"/>
      <c r="AN379" s="3" t="str">
        <f t="shared" ref="AN379:AN391" si="20">$S$20</f>
        <v>■</v>
      </c>
    </row>
    <row r="380" spans="1:40" s="28" customFormat="1" ht="13.4" customHeight="1">
      <c r="A380" s="20" t="str">
        <f t="shared" si="19"/>
        <v>CO</v>
      </c>
      <c r="B380" s="20"/>
      <c r="C380" s="552">
        <v>3</v>
      </c>
      <c r="D380" s="553"/>
      <c r="E380" s="566" t="s">
        <v>106</v>
      </c>
      <c r="F380" s="567"/>
      <c r="G380" s="567"/>
      <c r="H380" s="567"/>
      <c r="I380" s="567"/>
      <c r="J380" s="567"/>
      <c r="K380" s="567"/>
      <c r="L380" s="567"/>
      <c r="M380" s="567"/>
      <c r="N380" s="567"/>
      <c r="O380" s="567"/>
      <c r="P380" s="567"/>
      <c r="Q380" s="567"/>
      <c r="R380" s="567"/>
      <c r="S380" s="567"/>
      <c r="T380" s="568"/>
      <c r="U380" s="220" t="s">
        <v>444</v>
      </c>
      <c r="V380" s="557" t="s">
        <v>107</v>
      </c>
      <c r="W380" s="558"/>
      <c r="X380" s="558"/>
      <c r="Y380" s="558"/>
      <c r="Z380" s="559"/>
      <c r="AA380" s="557" t="s">
        <v>108</v>
      </c>
      <c r="AB380" s="558"/>
      <c r="AC380" s="559"/>
      <c r="AD380" s="419">
        <v>1</v>
      </c>
      <c r="AE380" s="419">
        <v>0</v>
      </c>
      <c r="AF380" s="552" t="s">
        <v>109</v>
      </c>
      <c r="AG380" s="553"/>
      <c r="AH380" s="560"/>
      <c r="AI380" s="561"/>
      <c r="AJ380" s="562"/>
      <c r="AK380" s="321" t="s">
        <v>416</v>
      </c>
      <c r="AL380" s="329"/>
      <c r="AM380" s="331"/>
      <c r="AN380" s="3" t="str">
        <f t="shared" si="20"/>
        <v>■</v>
      </c>
    </row>
    <row r="381" spans="1:40" s="28" customFormat="1" ht="13.4" customHeight="1">
      <c r="A381" s="20" t="str">
        <f t="shared" si="19"/>
        <v>CO</v>
      </c>
      <c r="B381" s="20"/>
      <c r="C381" s="541">
        <v>4</v>
      </c>
      <c r="D381" s="542"/>
      <c r="E381" s="563" t="s">
        <v>110</v>
      </c>
      <c r="F381" s="564"/>
      <c r="G381" s="564"/>
      <c r="H381" s="564"/>
      <c r="I381" s="564"/>
      <c r="J381" s="564"/>
      <c r="K381" s="564"/>
      <c r="L381" s="564"/>
      <c r="M381" s="564"/>
      <c r="N381" s="564"/>
      <c r="O381" s="564"/>
      <c r="P381" s="564"/>
      <c r="Q381" s="564"/>
      <c r="R381" s="564"/>
      <c r="S381" s="564"/>
      <c r="T381" s="565"/>
      <c r="U381" s="221" t="s">
        <v>445</v>
      </c>
      <c r="V381" s="546" t="s">
        <v>107</v>
      </c>
      <c r="W381" s="547"/>
      <c r="X381" s="547"/>
      <c r="Y381" s="547"/>
      <c r="Z381" s="548"/>
      <c r="AA381" s="546" t="s">
        <v>108</v>
      </c>
      <c r="AB381" s="547"/>
      <c r="AC381" s="548"/>
      <c r="AD381" s="415">
        <v>1</v>
      </c>
      <c r="AE381" s="415">
        <v>0</v>
      </c>
      <c r="AF381" s="541"/>
      <c r="AG381" s="542"/>
      <c r="AH381" s="549"/>
      <c r="AI381" s="550"/>
      <c r="AJ381" s="551"/>
      <c r="AK381" s="265"/>
      <c r="AL381" s="329"/>
      <c r="AM381" s="331"/>
      <c r="AN381" s="3" t="str">
        <f t="shared" si="20"/>
        <v>■</v>
      </c>
    </row>
    <row r="382" spans="1:40">
      <c r="A382" s="20" t="str">
        <f t="shared" si="19"/>
        <v>CO</v>
      </c>
      <c r="B382" s="20"/>
      <c r="C382" s="541">
        <v>5</v>
      </c>
      <c r="D382" s="542"/>
      <c r="E382" s="543" t="s">
        <v>80</v>
      </c>
      <c r="F382" s="544"/>
      <c r="G382" s="544"/>
      <c r="H382" s="544"/>
      <c r="I382" s="544"/>
      <c r="J382" s="544"/>
      <c r="K382" s="544"/>
      <c r="L382" s="544"/>
      <c r="M382" s="544"/>
      <c r="N382" s="544"/>
      <c r="O382" s="544"/>
      <c r="P382" s="544"/>
      <c r="Q382" s="544"/>
      <c r="R382" s="544"/>
      <c r="S382" s="544"/>
      <c r="T382" s="545"/>
      <c r="U382" s="221" t="s">
        <v>446</v>
      </c>
      <c r="V382" s="546" t="s">
        <v>101</v>
      </c>
      <c r="W382" s="547"/>
      <c r="X382" s="547"/>
      <c r="Y382" s="547"/>
      <c r="Z382" s="548"/>
      <c r="AA382" s="546" t="s">
        <v>102</v>
      </c>
      <c r="AB382" s="547"/>
      <c r="AC382" s="548"/>
      <c r="AD382" s="415">
        <v>2</v>
      </c>
      <c r="AE382" s="415" t="s">
        <v>103</v>
      </c>
      <c r="AF382" s="541"/>
      <c r="AG382" s="542"/>
      <c r="AH382" s="549"/>
      <c r="AI382" s="550"/>
      <c r="AJ382" s="551"/>
      <c r="AK382" s="265"/>
      <c r="AL382" s="329"/>
      <c r="AM382" s="16"/>
      <c r="AN382" s="3" t="str">
        <f t="shared" si="20"/>
        <v>■</v>
      </c>
    </row>
    <row r="383" spans="1:40">
      <c r="A383" s="20" t="str">
        <f t="shared" si="19"/>
        <v>CO</v>
      </c>
      <c r="B383" s="20"/>
      <c r="C383" s="541">
        <v>6</v>
      </c>
      <c r="D383" s="542"/>
      <c r="E383" s="543" t="s">
        <v>172</v>
      </c>
      <c r="F383" s="544"/>
      <c r="G383" s="544"/>
      <c r="H383" s="544"/>
      <c r="I383" s="544"/>
      <c r="J383" s="544"/>
      <c r="K383" s="544"/>
      <c r="L383" s="544"/>
      <c r="M383" s="544"/>
      <c r="N383" s="544"/>
      <c r="O383" s="544"/>
      <c r="P383" s="544"/>
      <c r="Q383" s="544"/>
      <c r="R383" s="544"/>
      <c r="S383" s="544"/>
      <c r="T383" s="545"/>
      <c r="U383" s="221" t="s">
        <v>605</v>
      </c>
      <c r="V383" s="546" t="s">
        <v>107</v>
      </c>
      <c r="W383" s="547"/>
      <c r="X383" s="547"/>
      <c r="Y383" s="547"/>
      <c r="Z383" s="548"/>
      <c r="AA383" s="546" t="s">
        <v>102</v>
      </c>
      <c r="AB383" s="547"/>
      <c r="AC383" s="548"/>
      <c r="AD383" s="415">
        <v>2</v>
      </c>
      <c r="AE383" s="415" t="s">
        <v>103</v>
      </c>
      <c r="AF383" s="541"/>
      <c r="AG383" s="542"/>
      <c r="AH383" s="549"/>
      <c r="AI383" s="550"/>
      <c r="AJ383" s="551"/>
      <c r="AK383" s="265"/>
      <c r="AL383" s="330"/>
      <c r="AM383" s="16"/>
      <c r="AN383" s="3" t="str">
        <f t="shared" si="20"/>
        <v>■</v>
      </c>
    </row>
    <row r="384" spans="1:40">
      <c r="A384" s="20" t="str">
        <f t="shared" si="19"/>
        <v>CO</v>
      </c>
      <c r="B384" s="20"/>
      <c r="C384" s="541">
        <v>7</v>
      </c>
      <c r="D384" s="542"/>
      <c r="E384" s="543" t="s">
        <v>606</v>
      </c>
      <c r="F384" s="544"/>
      <c r="G384" s="544"/>
      <c r="H384" s="544"/>
      <c r="I384" s="544"/>
      <c r="J384" s="544"/>
      <c r="K384" s="544"/>
      <c r="L384" s="544"/>
      <c r="M384" s="544"/>
      <c r="N384" s="544"/>
      <c r="O384" s="544"/>
      <c r="P384" s="544"/>
      <c r="Q384" s="544"/>
      <c r="R384" s="544"/>
      <c r="S384" s="544"/>
      <c r="T384" s="545"/>
      <c r="U384" s="221" t="s">
        <v>607</v>
      </c>
      <c r="V384" s="546" t="s">
        <v>101</v>
      </c>
      <c r="W384" s="547"/>
      <c r="X384" s="547"/>
      <c r="Y384" s="547"/>
      <c r="Z384" s="548"/>
      <c r="AA384" s="546" t="s">
        <v>102</v>
      </c>
      <c r="AB384" s="547"/>
      <c r="AC384" s="548"/>
      <c r="AD384" s="415">
        <v>1</v>
      </c>
      <c r="AE384" s="415" t="s">
        <v>103</v>
      </c>
      <c r="AF384" s="541"/>
      <c r="AG384" s="542"/>
      <c r="AH384" s="549"/>
      <c r="AI384" s="550"/>
      <c r="AJ384" s="551"/>
      <c r="AK384" s="265"/>
      <c r="AL384" s="329"/>
      <c r="AM384" s="16"/>
      <c r="AN384" s="3" t="str">
        <f t="shared" si="20"/>
        <v>■</v>
      </c>
    </row>
    <row r="385" spans="1:40">
      <c r="A385" s="20" t="str">
        <f t="shared" si="19"/>
        <v>CO</v>
      </c>
      <c r="B385" s="20"/>
      <c r="C385" s="541">
        <v>8</v>
      </c>
      <c r="D385" s="542"/>
      <c r="E385" s="543" t="s">
        <v>728</v>
      </c>
      <c r="F385" s="544"/>
      <c r="G385" s="544"/>
      <c r="H385" s="544"/>
      <c r="I385" s="544"/>
      <c r="J385" s="544"/>
      <c r="K385" s="544"/>
      <c r="L385" s="544"/>
      <c r="M385" s="544"/>
      <c r="N385" s="544"/>
      <c r="O385" s="544"/>
      <c r="P385" s="544"/>
      <c r="Q385" s="544"/>
      <c r="R385" s="544"/>
      <c r="S385" s="544"/>
      <c r="T385" s="545"/>
      <c r="U385" s="225" t="s">
        <v>729</v>
      </c>
      <c r="V385" s="546" t="s">
        <v>107</v>
      </c>
      <c r="W385" s="547"/>
      <c r="X385" s="547"/>
      <c r="Y385" s="547"/>
      <c r="Z385" s="548"/>
      <c r="AA385" s="546" t="s">
        <v>102</v>
      </c>
      <c r="AB385" s="547"/>
      <c r="AC385" s="548"/>
      <c r="AD385" s="415">
        <v>9</v>
      </c>
      <c r="AE385" s="415" t="s">
        <v>103</v>
      </c>
      <c r="AF385" s="541"/>
      <c r="AG385" s="542"/>
      <c r="AH385" s="549"/>
      <c r="AI385" s="550"/>
      <c r="AJ385" s="551"/>
      <c r="AK385" s="265"/>
      <c r="AL385" s="329"/>
      <c r="AM385" s="16"/>
      <c r="AN385" s="3" t="str">
        <f t="shared" si="20"/>
        <v>■</v>
      </c>
    </row>
    <row r="386" spans="1:40" s="28" customFormat="1">
      <c r="A386" s="20" t="str">
        <f t="shared" si="19"/>
        <v>CO</v>
      </c>
      <c r="B386" s="20"/>
      <c r="C386" s="552">
        <v>9</v>
      </c>
      <c r="D386" s="553"/>
      <c r="E386" s="554" t="s">
        <v>730</v>
      </c>
      <c r="F386" s="555"/>
      <c r="G386" s="555"/>
      <c r="H386" s="555"/>
      <c r="I386" s="555"/>
      <c r="J386" s="555"/>
      <c r="K386" s="555"/>
      <c r="L386" s="555"/>
      <c r="M386" s="555"/>
      <c r="N386" s="555"/>
      <c r="O386" s="555"/>
      <c r="P386" s="555"/>
      <c r="Q386" s="555"/>
      <c r="R386" s="555"/>
      <c r="S386" s="555"/>
      <c r="T386" s="556"/>
      <c r="U386" s="261" t="s">
        <v>731</v>
      </c>
      <c r="V386" s="557" t="s">
        <v>398</v>
      </c>
      <c r="W386" s="558"/>
      <c r="X386" s="558"/>
      <c r="Y386" s="558"/>
      <c r="Z386" s="559"/>
      <c r="AA386" s="557" t="s">
        <v>102</v>
      </c>
      <c r="AB386" s="558"/>
      <c r="AC386" s="559"/>
      <c r="AD386" s="419">
        <v>38</v>
      </c>
      <c r="AE386" s="419" t="s">
        <v>103</v>
      </c>
      <c r="AF386" s="552" t="s">
        <v>109</v>
      </c>
      <c r="AG386" s="553"/>
      <c r="AH386" s="560"/>
      <c r="AI386" s="561"/>
      <c r="AJ386" s="562"/>
      <c r="AK386" s="321" t="s">
        <v>391</v>
      </c>
      <c r="AL386" s="329"/>
      <c r="AM386" s="331"/>
      <c r="AN386" s="3" t="str">
        <f t="shared" si="20"/>
        <v>■</v>
      </c>
    </row>
    <row r="387" spans="1:40">
      <c r="A387" s="20" t="str">
        <f t="shared" si="19"/>
        <v>CO</v>
      </c>
      <c r="B387" s="20"/>
      <c r="C387" s="541">
        <v>10</v>
      </c>
      <c r="D387" s="542"/>
      <c r="E387" s="543" t="s">
        <v>689</v>
      </c>
      <c r="F387" s="544"/>
      <c r="G387" s="544"/>
      <c r="H387" s="544"/>
      <c r="I387" s="544"/>
      <c r="J387" s="544"/>
      <c r="K387" s="544"/>
      <c r="L387" s="544"/>
      <c r="M387" s="544"/>
      <c r="N387" s="544"/>
      <c r="O387" s="544"/>
      <c r="P387" s="544"/>
      <c r="Q387" s="544"/>
      <c r="R387" s="544"/>
      <c r="S387" s="544"/>
      <c r="T387" s="545"/>
      <c r="U387" s="221" t="s">
        <v>690</v>
      </c>
      <c r="V387" s="546" t="s">
        <v>107</v>
      </c>
      <c r="W387" s="547"/>
      <c r="X387" s="547"/>
      <c r="Y387" s="547"/>
      <c r="Z387" s="548"/>
      <c r="AA387" s="546" t="s">
        <v>102</v>
      </c>
      <c r="AB387" s="547"/>
      <c r="AC387" s="548"/>
      <c r="AD387" s="415">
        <v>2</v>
      </c>
      <c r="AE387" s="415" t="s">
        <v>103</v>
      </c>
      <c r="AF387" s="541"/>
      <c r="AG387" s="542"/>
      <c r="AH387" s="549"/>
      <c r="AI387" s="550"/>
      <c r="AJ387" s="551"/>
      <c r="AK387" s="265"/>
      <c r="AL387" s="329"/>
      <c r="AM387" s="16"/>
      <c r="AN387" s="3" t="str">
        <f t="shared" si="20"/>
        <v>■</v>
      </c>
    </row>
    <row r="388" spans="1:40">
      <c r="A388" s="20" t="str">
        <f t="shared" si="19"/>
        <v>CO</v>
      </c>
      <c r="B388" s="20"/>
      <c r="C388" s="541">
        <v>11</v>
      </c>
      <c r="D388" s="542"/>
      <c r="E388" s="543" t="s">
        <v>691</v>
      </c>
      <c r="F388" s="544"/>
      <c r="G388" s="544"/>
      <c r="H388" s="544"/>
      <c r="I388" s="544"/>
      <c r="J388" s="544"/>
      <c r="K388" s="544"/>
      <c r="L388" s="544"/>
      <c r="M388" s="544"/>
      <c r="N388" s="544"/>
      <c r="O388" s="544"/>
      <c r="P388" s="544"/>
      <c r="Q388" s="544"/>
      <c r="R388" s="544"/>
      <c r="S388" s="544"/>
      <c r="T388" s="545"/>
      <c r="U388" s="221" t="s">
        <v>692</v>
      </c>
      <c r="V388" s="546" t="s">
        <v>107</v>
      </c>
      <c r="W388" s="547"/>
      <c r="X388" s="547"/>
      <c r="Y388" s="547"/>
      <c r="Z388" s="548"/>
      <c r="AA388" s="546" t="s">
        <v>108</v>
      </c>
      <c r="AB388" s="547"/>
      <c r="AC388" s="548"/>
      <c r="AD388" s="415">
        <v>5</v>
      </c>
      <c r="AE388" s="415">
        <v>0</v>
      </c>
      <c r="AF388" s="541"/>
      <c r="AG388" s="542"/>
      <c r="AH388" s="549"/>
      <c r="AI388" s="550"/>
      <c r="AJ388" s="551"/>
      <c r="AK388" s="265"/>
      <c r="AL388" s="329"/>
      <c r="AM388" s="16"/>
      <c r="AN388" s="3" t="str">
        <f t="shared" si="20"/>
        <v>■</v>
      </c>
    </row>
    <row r="389" spans="1:40">
      <c r="A389" s="20" t="str">
        <f t="shared" si="19"/>
        <v>CO</v>
      </c>
      <c r="B389" s="20"/>
      <c r="C389" s="541">
        <v>12</v>
      </c>
      <c r="D389" s="542"/>
      <c r="E389" s="543" t="s">
        <v>693</v>
      </c>
      <c r="F389" s="544"/>
      <c r="G389" s="544"/>
      <c r="H389" s="544"/>
      <c r="I389" s="544"/>
      <c r="J389" s="544"/>
      <c r="K389" s="544"/>
      <c r="L389" s="544"/>
      <c r="M389" s="544"/>
      <c r="N389" s="544"/>
      <c r="O389" s="544"/>
      <c r="P389" s="544"/>
      <c r="Q389" s="544"/>
      <c r="R389" s="544"/>
      <c r="S389" s="544"/>
      <c r="T389" s="545"/>
      <c r="U389" s="221" t="s">
        <v>694</v>
      </c>
      <c r="V389" s="546" t="s">
        <v>107</v>
      </c>
      <c r="W389" s="547"/>
      <c r="X389" s="547"/>
      <c r="Y389" s="547"/>
      <c r="Z389" s="548"/>
      <c r="AA389" s="546" t="s">
        <v>108</v>
      </c>
      <c r="AB389" s="547"/>
      <c r="AC389" s="548"/>
      <c r="AD389" s="415">
        <v>5</v>
      </c>
      <c r="AE389" s="415">
        <v>0</v>
      </c>
      <c r="AF389" s="541"/>
      <c r="AG389" s="542"/>
      <c r="AH389" s="549"/>
      <c r="AI389" s="550"/>
      <c r="AJ389" s="551"/>
      <c r="AK389" s="265"/>
      <c r="AL389" s="329"/>
      <c r="AM389" s="16"/>
      <c r="AN389" s="3" t="str">
        <f t="shared" si="20"/>
        <v>■</v>
      </c>
    </row>
    <row r="390" spans="1:40">
      <c r="A390" s="20" t="str">
        <f t="shared" si="19"/>
        <v>CO</v>
      </c>
      <c r="B390" s="20"/>
      <c r="C390" s="541">
        <v>13</v>
      </c>
      <c r="D390" s="542"/>
      <c r="E390" s="543" t="s">
        <v>409</v>
      </c>
      <c r="F390" s="544"/>
      <c r="G390" s="544"/>
      <c r="H390" s="544"/>
      <c r="I390" s="544"/>
      <c r="J390" s="544"/>
      <c r="K390" s="544"/>
      <c r="L390" s="544"/>
      <c r="M390" s="544"/>
      <c r="N390" s="544"/>
      <c r="O390" s="544"/>
      <c r="P390" s="544"/>
      <c r="Q390" s="544"/>
      <c r="R390" s="544"/>
      <c r="S390" s="544"/>
      <c r="T390" s="545"/>
      <c r="U390" s="221" t="s">
        <v>453</v>
      </c>
      <c r="V390" s="546" t="s">
        <v>107</v>
      </c>
      <c r="W390" s="547"/>
      <c r="X390" s="547"/>
      <c r="Y390" s="547"/>
      <c r="Z390" s="548"/>
      <c r="AA390" s="546" t="s">
        <v>102</v>
      </c>
      <c r="AB390" s="547"/>
      <c r="AC390" s="548"/>
      <c r="AD390" s="415">
        <v>6</v>
      </c>
      <c r="AE390" s="415" t="s">
        <v>103</v>
      </c>
      <c r="AF390" s="541"/>
      <c r="AG390" s="542"/>
      <c r="AH390" s="549"/>
      <c r="AI390" s="550"/>
      <c r="AJ390" s="551"/>
      <c r="AK390" s="265"/>
      <c r="AL390" s="334"/>
      <c r="AM390" s="16"/>
      <c r="AN390" s="3" t="str">
        <f t="shared" si="20"/>
        <v>■</v>
      </c>
    </row>
    <row r="391" spans="1:40">
      <c r="A391" s="20" t="str">
        <f t="shared" si="19"/>
        <v>CO</v>
      </c>
      <c r="B391" s="20"/>
      <c r="C391" s="541">
        <v>14</v>
      </c>
      <c r="D391" s="542"/>
      <c r="E391" s="543" t="s">
        <v>411</v>
      </c>
      <c r="F391" s="544"/>
      <c r="G391" s="544"/>
      <c r="H391" s="544"/>
      <c r="I391" s="544"/>
      <c r="J391" s="544"/>
      <c r="K391" s="544"/>
      <c r="L391" s="544"/>
      <c r="M391" s="544"/>
      <c r="N391" s="544"/>
      <c r="O391" s="544"/>
      <c r="P391" s="544"/>
      <c r="Q391" s="544"/>
      <c r="R391" s="544"/>
      <c r="S391" s="544"/>
      <c r="T391" s="545"/>
      <c r="U391" s="221" t="s">
        <v>516</v>
      </c>
      <c r="V391" s="546" t="s">
        <v>107</v>
      </c>
      <c r="W391" s="547"/>
      <c r="X391" s="547"/>
      <c r="Y391" s="547"/>
      <c r="Z391" s="548"/>
      <c r="AA391" s="546" t="s">
        <v>102</v>
      </c>
      <c r="AB391" s="547"/>
      <c r="AC391" s="548"/>
      <c r="AD391" s="415">
        <v>6</v>
      </c>
      <c r="AE391" s="415" t="s">
        <v>103</v>
      </c>
      <c r="AF391" s="541"/>
      <c r="AG391" s="542"/>
      <c r="AH391" s="549"/>
      <c r="AI391" s="550"/>
      <c r="AJ391" s="551"/>
      <c r="AK391" s="265"/>
      <c r="AL391" s="329"/>
      <c r="AM391" s="16"/>
      <c r="AN391" s="3" t="str">
        <f t="shared" si="20"/>
        <v>■</v>
      </c>
    </row>
    <row r="392" spans="1:40">
      <c r="A392" s="20" t="str">
        <f>IF(LEN(J392)&gt;0,MID(J392,FIND("（",J392,1)+1,2),A389)</f>
        <v>CO</v>
      </c>
      <c r="B392" s="20"/>
      <c r="V392" s="238"/>
      <c r="W392" s="238"/>
      <c r="X392" s="238"/>
      <c r="Y392" s="238"/>
      <c r="Z392" s="238"/>
      <c r="AA392" s="238"/>
      <c r="AB392" s="238"/>
      <c r="AC392" s="238"/>
      <c r="AD392" s="122"/>
      <c r="AE392" s="122"/>
      <c r="AF392" s="238"/>
      <c r="AG392" s="238"/>
      <c r="AH392" s="238"/>
      <c r="AI392" s="238"/>
      <c r="AJ392" s="238"/>
      <c r="AK392" s="55"/>
      <c r="AL392" s="329"/>
      <c r="AM392" s="16"/>
    </row>
    <row r="393" spans="1:40" s="1" customFormat="1">
      <c r="A393" s="20" t="str">
        <f t="shared" ref="A393:A433" si="21">IF(LEN(J393)&gt;0,MID(J393,FIND("（",J393,1)+1,2),A392)</f>
        <v>NI</v>
      </c>
      <c r="B393" s="20"/>
      <c r="C393" s="52" t="s">
        <v>380</v>
      </c>
      <c r="D393" s="16"/>
      <c r="E393" s="26"/>
      <c r="F393" s="26"/>
      <c r="G393" s="26"/>
      <c r="H393" s="26"/>
      <c r="I393" s="26"/>
      <c r="J393" s="26" t="s">
        <v>732</v>
      </c>
      <c r="K393" s="26"/>
      <c r="L393" s="26"/>
      <c r="M393" s="26"/>
      <c r="N393" s="26"/>
      <c r="O393" s="26"/>
      <c r="P393" s="26"/>
      <c r="Q393" s="26"/>
      <c r="R393" s="26"/>
      <c r="S393" s="26"/>
      <c r="T393" s="26"/>
      <c r="U393" s="26" t="s">
        <v>733</v>
      </c>
      <c r="V393" s="122"/>
      <c r="W393" s="122"/>
      <c r="X393" s="122"/>
      <c r="Y393" s="122"/>
      <c r="Z393" s="122"/>
      <c r="AA393" s="122"/>
      <c r="AB393" s="122"/>
      <c r="AC393" s="122"/>
      <c r="AD393" s="122"/>
      <c r="AE393" s="122"/>
      <c r="AF393" s="122"/>
      <c r="AG393" s="122"/>
      <c r="AH393" s="122"/>
      <c r="AI393" s="122"/>
      <c r="AJ393" s="122"/>
      <c r="AK393" s="26"/>
      <c r="AL393" s="329"/>
      <c r="AM393" s="26"/>
    </row>
    <row r="394" spans="1:40" ht="13.5" customHeight="1">
      <c r="A394" s="20" t="str">
        <f t="shared" si="21"/>
        <v>NI</v>
      </c>
      <c r="B394" s="20"/>
      <c r="C394" s="571" t="s">
        <v>73</v>
      </c>
      <c r="D394" s="573"/>
      <c r="E394" s="571" t="s">
        <v>94</v>
      </c>
      <c r="F394" s="571"/>
      <c r="G394" s="571"/>
      <c r="H394" s="571"/>
      <c r="I394" s="571"/>
      <c r="J394" s="571"/>
      <c r="K394" s="571"/>
      <c r="L394" s="571"/>
      <c r="M394" s="571"/>
      <c r="N394" s="571"/>
      <c r="O394" s="571"/>
      <c r="P394" s="571"/>
      <c r="Q394" s="571"/>
      <c r="R394" s="571"/>
      <c r="S394" s="571"/>
      <c r="T394" s="571"/>
      <c r="U394" s="226" t="s">
        <v>383</v>
      </c>
      <c r="V394" s="574" t="s">
        <v>138</v>
      </c>
      <c r="W394" s="574"/>
      <c r="X394" s="574"/>
      <c r="Y394" s="574"/>
      <c r="Z394" s="574"/>
      <c r="AA394" s="575" t="s">
        <v>415</v>
      </c>
      <c r="AB394" s="576"/>
      <c r="AC394" s="577"/>
      <c r="AD394" s="493" t="s">
        <v>97</v>
      </c>
      <c r="AE394" s="493"/>
      <c r="AF394" s="574" t="s">
        <v>98</v>
      </c>
      <c r="AG394" s="574"/>
      <c r="AH394" s="571" t="s">
        <v>75</v>
      </c>
      <c r="AI394" s="571"/>
      <c r="AJ394" s="571"/>
      <c r="AK394" s="572" t="s">
        <v>159</v>
      </c>
      <c r="AL394" s="329"/>
      <c r="AM394" s="16"/>
    </row>
    <row r="395" spans="1:40">
      <c r="A395" s="20" t="str">
        <f t="shared" si="21"/>
        <v>NI</v>
      </c>
      <c r="B395" s="20"/>
      <c r="C395" s="573"/>
      <c r="D395" s="573"/>
      <c r="E395" s="571"/>
      <c r="F395" s="571"/>
      <c r="G395" s="571"/>
      <c r="H395" s="571"/>
      <c r="I395" s="571"/>
      <c r="J395" s="571"/>
      <c r="K395" s="571"/>
      <c r="L395" s="571"/>
      <c r="M395" s="571"/>
      <c r="N395" s="571"/>
      <c r="O395" s="571"/>
      <c r="P395" s="571"/>
      <c r="Q395" s="571"/>
      <c r="R395" s="571"/>
      <c r="S395" s="571"/>
      <c r="T395" s="571"/>
      <c r="U395" s="227"/>
      <c r="V395" s="574"/>
      <c r="W395" s="574"/>
      <c r="X395" s="574"/>
      <c r="Y395" s="574"/>
      <c r="Z395" s="574"/>
      <c r="AA395" s="578"/>
      <c r="AB395" s="579"/>
      <c r="AC395" s="580"/>
      <c r="AD395" s="493"/>
      <c r="AE395" s="493"/>
      <c r="AF395" s="574"/>
      <c r="AG395" s="574"/>
      <c r="AH395" s="571"/>
      <c r="AI395" s="571"/>
      <c r="AJ395" s="571"/>
      <c r="AK395" s="572"/>
      <c r="AL395" s="330"/>
      <c r="AM395" s="16"/>
    </row>
    <row r="396" spans="1:40" ht="13.4" customHeight="1">
      <c r="A396" s="20" t="str">
        <f t="shared" si="21"/>
        <v>NI</v>
      </c>
      <c r="B396" s="20"/>
      <c r="C396" s="541">
        <v>1</v>
      </c>
      <c r="D396" s="542"/>
      <c r="E396" s="563" t="s">
        <v>440</v>
      </c>
      <c r="F396" s="564"/>
      <c r="G396" s="564"/>
      <c r="H396" s="564"/>
      <c r="I396" s="564"/>
      <c r="J396" s="564"/>
      <c r="K396" s="564"/>
      <c r="L396" s="564"/>
      <c r="M396" s="564"/>
      <c r="N396" s="564"/>
      <c r="O396" s="564"/>
      <c r="P396" s="564"/>
      <c r="Q396" s="564"/>
      <c r="R396" s="564"/>
      <c r="S396" s="564"/>
      <c r="T396" s="565"/>
      <c r="U396" s="219" t="s">
        <v>441</v>
      </c>
      <c r="V396" s="546" t="s">
        <v>101</v>
      </c>
      <c r="W396" s="547"/>
      <c r="X396" s="547"/>
      <c r="Y396" s="547"/>
      <c r="Z396" s="548"/>
      <c r="AA396" s="546" t="s">
        <v>102</v>
      </c>
      <c r="AB396" s="547"/>
      <c r="AC396" s="548"/>
      <c r="AD396" s="415">
        <v>10</v>
      </c>
      <c r="AE396" s="415" t="s">
        <v>103</v>
      </c>
      <c r="AF396" s="541"/>
      <c r="AG396" s="542"/>
      <c r="AH396" s="549"/>
      <c r="AI396" s="550"/>
      <c r="AJ396" s="551"/>
      <c r="AK396" s="332"/>
      <c r="AL396" s="330"/>
      <c r="AM396" s="16"/>
      <c r="AN396" s="3" t="str">
        <f t="shared" ref="AN396:AN398" si="22">$W$20</f>
        <v>■</v>
      </c>
    </row>
    <row r="397" spans="1:40" ht="13.4" customHeight="1">
      <c r="A397" s="20" t="str">
        <f t="shared" si="21"/>
        <v>NI</v>
      </c>
      <c r="B397" s="20"/>
      <c r="C397" s="541">
        <v>2</v>
      </c>
      <c r="D397" s="542"/>
      <c r="E397" s="563" t="s">
        <v>442</v>
      </c>
      <c r="F397" s="564"/>
      <c r="G397" s="564"/>
      <c r="H397" s="564"/>
      <c r="I397" s="564"/>
      <c r="J397" s="564"/>
      <c r="K397" s="564"/>
      <c r="L397" s="564"/>
      <c r="M397" s="564"/>
      <c r="N397" s="564"/>
      <c r="O397" s="564"/>
      <c r="P397" s="564"/>
      <c r="Q397" s="564"/>
      <c r="R397" s="564"/>
      <c r="S397" s="564"/>
      <c r="T397" s="565"/>
      <c r="U397" s="219" t="s">
        <v>443</v>
      </c>
      <c r="V397" s="546" t="s">
        <v>101</v>
      </c>
      <c r="W397" s="547"/>
      <c r="X397" s="547"/>
      <c r="Y397" s="547"/>
      <c r="Z397" s="548"/>
      <c r="AA397" s="546" t="s">
        <v>102</v>
      </c>
      <c r="AB397" s="547"/>
      <c r="AC397" s="548"/>
      <c r="AD397" s="415">
        <v>51</v>
      </c>
      <c r="AE397" s="415" t="s">
        <v>103</v>
      </c>
      <c r="AF397" s="541"/>
      <c r="AG397" s="542"/>
      <c r="AH397" s="549"/>
      <c r="AI397" s="550"/>
      <c r="AJ397" s="551"/>
      <c r="AK397" s="332"/>
      <c r="AL397" s="329"/>
      <c r="AM397" s="16"/>
      <c r="AN397" s="3" t="str">
        <f t="shared" si="22"/>
        <v>■</v>
      </c>
    </row>
    <row r="398" spans="1:40" s="28" customFormat="1" ht="13.4" customHeight="1">
      <c r="A398" s="20" t="str">
        <f t="shared" si="21"/>
        <v>NI</v>
      </c>
      <c r="B398" s="20"/>
      <c r="C398" s="552">
        <v>3</v>
      </c>
      <c r="D398" s="553"/>
      <c r="E398" s="566" t="s">
        <v>106</v>
      </c>
      <c r="F398" s="567"/>
      <c r="G398" s="567"/>
      <c r="H398" s="567"/>
      <c r="I398" s="567"/>
      <c r="J398" s="567"/>
      <c r="K398" s="567"/>
      <c r="L398" s="567"/>
      <c r="M398" s="567"/>
      <c r="N398" s="567"/>
      <c r="O398" s="567"/>
      <c r="P398" s="567"/>
      <c r="Q398" s="567"/>
      <c r="R398" s="567"/>
      <c r="S398" s="567"/>
      <c r="T398" s="568"/>
      <c r="U398" s="220" t="s">
        <v>444</v>
      </c>
      <c r="V398" s="557" t="s">
        <v>107</v>
      </c>
      <c r="W398" s="558"/>
      <c r="X398" s="558"/>
      <c r="Y398" s="558"/>
      <c r="Z398" s="559"/>
      <c r="AA398" s="557" t="s">
        <v>108</v>
      </c>
      <c r="AB398" s="558"/>
      <c r="AC398" s="559"/>
      <c r="AD398" s="419">
        <v>1</v>
      </c>
      <c r="AE398" s="419">
        <v>0</v>
      </c>
      <c r="AF398" s="552" t="s">
        <v>109</v>
      </c>
      <c r="AG398" s="553"/>
      <c r="AH398" s="560"/>
      <c r="AI398" s="561"/>
      <c r="AJ398" s="562"/>
      <c r="AK398" s="333" t="s">
        <v>416</v>
      </c>
      <c r="AL398" s="329"/>
      <c r="AM398" s="331"/>
      <c r="AN398" s="3" t="str">
        <f t="shared" si="22"/>
        <v>■</v>
      </c>
    </row>
    <row r="399" spans="1:40" s="28" customFormat="1" ht="13.4" customHeight="1">
      <c r="A399" s="20" t="str">
        <f t="shared" si="21"/>
        <v>NI</v>
      </c>
      <c r="B399" s="20"/>
      <c r="C399" s="541">
        <v>4</v>
      </c>
      <c r="D399" s="542"/>
      <c r="E399" s="563" t="s">
        <v>110</v>
      </c>
      <c r="F399" s="564"/>
      <c r="G399" s="564"/>
      <c r="H399" s="564"/>
      <c r="I399" s="564"/>
      <c r="J399" s="564"/>
      <c r="K399" s="564"/>
      <c r="L399" s="564"/>
      <c r="M399" s="564"/>
      <c r="N399" s="564"/>
      <c r="O399" s="564"/>
      <c r="P399" s="564"/>
      <c r="Q399" s="564"/>
      <c r="R399" s="564"/>
      <c r="S399" s="564"/>
      <c r="T399" s="565"/>
      <c r="U399" s="221" t="s">
        <v>445</v>
      </c>
      <c r="V399" s="546" t="s">
        <v>107</v>
      </c>
      <c r="W399" s="547"/>
      <c r="X399" s="547"/>
      <c r="Y399" s="547"/>
      <c r="Z399" s="548"/>
      <c r="AA399" s="546" t="s">
        <v>108</v>
      </c>
      <c r="AB399" s="547"/>
      <c r="AC399" s="548"/>
      <c r="AD399" s="415">
        <v>1</v>
      </c>
      <c r="AE399" s="415">
        <v>0</v>
      </c>
      <c r="AF399" s="541"/>
      <c r="AG399" s="542"/>
      <c r="AH399" s="549"/>
      <c r="AI399" s="550"/>
      <c r="AJ399" s="551"/>
      <c r="AK399" s="332"/>
      <c r="AL399" s="329"/>
      <c r="AM399" s="331"/>
      <c r="AN399" s="3" t="str">
        <f>$W$20</f>
        <v>■</v>
      </c>
    </row>
    <row r="400" spans="1:40">
      <c r="A400" s="20" t="str">
        <f t="shared" si="21"/>
        <v>NI</v>
      </c>
      <c r="B400" s="20"/>
      <c r="C400" s="541">
        <v>5</v>
      </c>
      <c r="D400" s="542"/>
      <c r="E400" s="543" t="s">
        <v>80</v>
      </c>
      <c r="F400" s="544"/>
      <c r="G400" s="544"/>
      <c r="H400" s="544"/>
      <c r="I400" s="544"/>
      <c r="J400" s="544"/>
      <c r="K400" s="544"/>
      <c r="L400" s="544"/>
      <c r="M400" s="544"/>
      <c r="N400" s="544"/>
      <c r="O400" s="544"/>
      <c r="P400" s="544"/>
      <c r="Q400" s="544"/>
      <c r="R400" s="544"/>
      <c r="S400" s="544"/>
      <c r="T400" s="545"/>
      <c r="U400" s="221" t="s">
        <v>446</v>
      </c>
      <c r="V400" s="546" t="s">
        <v>101</v>
      </c>
      <c r="W400" s="547"/>
      <c r="X400" s="547"/>
      <c r="Y400" s="547"/>
      <c r="Z400" s="548"/>
      <c r="AA400" s="546" t="s">
        <v>102</v>
      </c>
      <c r="AB400" s="547"/>
      <c r="AC400" s="548"/>
      <c r="AD400" s="415">
        <v>2</v>
      </c>
      <c r="AE400" s="415" t="s">
        <v>103</v>
      </c>
      <c r="AF400" s="541"/>
      <c r="AG400" s="542"/>
      <c r="AH400" s="549"/>
      <c r="AI400" s="550"/>
      <c r="AJ400" s="551"/>
      <c r="AK400" s="332"/>
      <c r="AL400" s="329"/>
      <c r="AM400" s="16"/>
      <c r="AN400" s="3" t="str">
        <f t="shared" ref="AN400:AN433" si="23">$W$20</f>
        <v>■</v>
      </c>
    </row>
    <row r="401" spans="1:40">
      <c r="A401" s="20" t="str">
        <f t="shared" si="21"/>
        <v>NI</v>
      </c>
      <c r="B401" s="20"/>
      <c r="C401" s="541">
        <v>6</v>
      </c>
      <c r="D401" s="542"/>
      <c r="E401" s="543" t="s">
        <v>627</v>
      </c>
      <c r="F401" s="544"/>
      <c r="G401" s="544"/>
      <c r="H401" s="544"/>
      <c r="I401" s="544"/>
      <c r="J401" s="544"/>
      <c r="K401" s="544"/>
      <c r="L401" s="544"/>
      <c r="M401" s="544"/>
      <c r="N401" s="544"/>
      <c r="O401" s="544"/>
      <c r="P401" s="544"/>
      <c r="Q401" s="544"/>
      <c r="R401" s="544"/>
      <c r="S401" s="544"/>
      <c r="T401" s="545"/>
      <c r="U401" s="221" t="s">
        <v>628</v>
      </c>
      <c r="V401" s="546" t="s">
        <v>107</v>
      </c>
      <c r="W401" s="547"/>
      <c r="X401" s="547"/>
      <c r="Y401" s="547"/>
      <c r="Z401" s="548"/>
      <c r="AA401" s="546" t="s">
        <v>108</v>
      </c>
      <c r="AB401" s="547"/>
      <c r="AC401" s="548"/>
      <c r="AD401" s="415">
        <v>3</v>
      </c>
      <c r="AE401" s="415">
        <v>0</v>
      </c>
      <c r="AF401" s="541"/>
      <c r="AG401" s="542"/>
      <c r="AH401" s="549"/>
      <c r="AI401" s="550"/>
      <c r="AJ401" s="551"/>
      <c r="AK401" s="332"/>
      <c r="AL401" s="329"/>
      <c r="AM401" s="16"/>
      <c r="AN401" s="3" t="str">
        <f t="shared" si="23"/>
        <v>■</v>
      </c>
    </row>
    <row r="402" spans="1:40">
      <c r="A402" s="20" t="str">
        <f t="shared" si="21"/>
        <v>NI</v>
      </c>
      <c r="B402" s="20"/>
      <c r="C402" s="541">
        <v>7</v>
      </c>
      <c r="D402" s="542"/>
      <c r="E402" s="543" t="s">
        <v>629</v>
      </c>
      <c r="F402" s="544"/>
      <c r="G402" s="544"/>
      <c r="H402" s="544"/>
      <c r="I402" s="544"/>
      <c r="J402" s="544"/>
      <c r="K402" s="544"/>
      <c r="L402" s="544"/>
      <c r="M402" s="544"/>
      <c r="N402" s="544"/>
      <c r="O402" s="544"/>
      <c r="P402" s="544"/>
      <c r="Q402" s="544"/>
      <c r="R402" s="544"/>
      <c r="S402" s="544"/>
      <c r="T402" s="545"/>
      <c r="U402" s="221" t="s">
        <v>630</v>
      </c>
      <c r="V402" s="546" t="s">
        <v>107</v>
      </c>
      <c r="W402" s="547"/>
      <c r="X402" s="547"/>
      <c r="Y402" s="547"/>
      <c r="Z402" s="548"/>
      <c r="AA402" s="546" t="s">
        <v>108</v>
      </c>
      <c r="AB402" s="547"/>
      <c r="AC402" s="548"/>
      <c r="AD402" s="415">
        <v>3</v>
      </c>
      <c r="AE402" s="415">
        <v>0</v>
      </c>
      <c r="AF402" s="541"/>
      <c r="AG402" s="542"/>
      <c r="AH402" s="549"/>
      <c r="AI402" s="550"/>
      <c r="AJ402" s="551"/>
      <c r="AK402" s="332"/>
      <c r="AL402" s="329"/>
      <c r="AM402" s="16"/>
      <c r="AN402" s="3" t="str">
        <f t="shared" si="23"/>
        <v>■</v>
      </c>
    </row>
    <row r="403" spans="1:40">
      <c r="A403" s="20" t="str">
        <f t="shared" si="21"/>
        <v>NI</v>
      </c>
      <c r="B403" s="20"/>
      <c r="C403" s="541">
        <v>8</v>
      </c>
      <c r="D403" s="542"/>
      <c r="E403" s="543" t="s">
        <v>631</v>
      </c>
      <c r="F403" s="544"/>
      <c r="G403" s="544"/>
      <c r="H403" s="544"/>
      <c r="I403" s="544"/>
      <c r="J403" s="544"/>
      <c r="K403" s="544"/>
      <c r="L403" s="544"/>
      <c r="M403" s="544"/>
      <c r="N403" s="544"/>
      <c r="O403" s="544"/>
      <c r="P403" s="544"/>
      <c r="Q403" s="544"/>
      <c r="R403" s="544"/>
      <c r="S403" s="544"/>
      <c r="T403" s="545"/>
      <c r="U403" s="221" t="s">
        <v>632</v>
      </c>
      <c r="V403" s="546" t="s">
        <v>107</v>
      </c>
      <c r="W403" s="547"/>
      <c r="X403" s="547"/>
      <c r="Y403" s="547"/>
      <c r="Z403" s="548"/>
      <c r="AA403" s="546" t="s">
        <v>108</v>
      </c>
      <c r="AB403" s="547"/>
      <c r="AC403" s="548"/>
      <c r="AD403" s="415">
        <v>3</v>
      </c>
      <c r="AE403" s="415">
        <v>0</v>
      </c>
      <c r="AF403" s="541"/>
      <c r="AG403" s="542"/>
      <c r="AH403" s="549"/>
      <c r="AI403" s="550"/>
      <c r="AJ403" s="551"/>
      <c r="AK403" s="332"/>
      <c r="AL403" s="329"/>
      <c r="AM403" s="16"/>
      <c r="AN403" s="3" t="str">
        <f t="shared" si="23"/>
        <v>■</v>
      </c>
    </row>
    <row r="404" spans="1:40">
      <c r="A404" s="20" t="str">
        <f t="shared" si="21"/>
        <v>NI</v>
      </c>
      <c r="B404" s="20"/>
      <c r="C404" s="541">
        <v>9</v>
      </c>
      <c r="D404" s="542"/>
      <c r="E404" s="543" t="s">
        <v>633</v>
      </c>
      <c r="F404" s="544"/>
      <c r="G404" s="544"/>
      <c r="H404" s="544"/>
      <c r="I404" s="544"/>
      <c r="J404" s="544"/>
      <c r="K404" s="544"/>
      <c r="L404" s="544"/>
      <c r="M404" s="544"/>
      <c r="N404" s="544"/>
      <c r="O404" s="544"/>
      <c r="P404" s="544"/>
      <c r="Q404" s="544"/>
      <c r="R404" s="544"/>
      <c r="S404" s="544"/>
      <c r="T404" s="545"/>
      <c r="U404" s="221" t="s">
        <v>634</v>
      </c>
      <c r="V404" s="546" t="s">
        <v>107</v>
      </c>
      <c r="W404" s="547"/>
      <c r="X404" s="547"/>
      <c r="Y404" s="547"/>
      <c r="Z404" s="548"/>
      <c r="AA404" s="546" t="s">
        <v>108</v>
      </c>
      <c r="AB404" s="547"/>
      <c r="AC404" s="548"/>
      <c r="AD404" s="415">
        <v>3</v>
      </c>
      <c r="AE404" s="415">
        <v>0</v>
      </c>
      <c r="AF404" s="541"/>
      <c r="AG404" s="542"/>
      <c r="AH404" s="549"/>
      <c r="AI404" s="550"/>
      <c r="AJ404" s="551"/>
      <c r="AK404" s="332"/>
      <c r="AL404" s="329"/>
      <c r="AM404" s="16"/>
      <c r="AN404" s="3" t="str">
        <f t="shared" si="23"/>
        <v>■</v>
      </c>
    </row>
    <row r="405" spans="1:40">
      <c r="A405" s="20" t="str">
        <f t="shared" si="21"/>
        <v>NI</v>
      </c>
      <c r="B405" s="20"/>
      <c r="C405" s="541">
        <v>10</v>
      </c>
      <c r="D405" s="542"/>
      <c r="E405" s="543" t="s">
        <v>635</v>
      </c>
      <c r="F405" s="544"/>
      <c r="G405" s="544"/>
      <c r="H405" s="544"/>
      <c r="I405" s="544"/>
      <c r="J405" s="544"/>
      <c r="K405" s="544"/>
      <c r="L405" s="544"/>
      <c r="M405" s="544"/>
      <c r="N405" s="544"/>
      <c r="O405" s="544"/>
      <c r="P405" s="544"/>
      <c r="Q405" s="544"/>
      <c r="R405" s="544"/>
      <c r="S405" s="544"/>
      <c r="T405" s="545"/>
      <c r="U405" s="221" t="s">
        <v>636</v>
      </c>
      <c r="V405" s="546" t="s">
        <v>107</v>
      </c>
      <c r="W405" s="547"/>
      <c r="X405" s="547"/>
      <c r="Y405" s="547"/>
      <c r="Z405" s="548"/>
      <c r="AA405" s="546" t="s">
        <v>108</v>
      </c>
      <c r="AB405" s="547"/>
      <c r="AC405" s="548"/>
      <c r="AD405" s="415">
        <v>3</v>
      </c>
      <c r="AE405" s="415">
        <v>0</v>
      </c>
      <c r="AF405" s="541"/>
      <c r="AG405" s="542"/>
      <c r="AH405" s="549"/>
      <c r="AI405" s="550"/>
      <c r="AJ405" s="551"/>
      <c r="AK405" s="332"/>
      <c r="AL405" s="329"/>
      <c r="AM405" s="16"/>
      <c r="AN405" s="3" t="str">
        <f t="shared" si="23"/>
        <v>■</v>
      </c>
    </row>
    <row r="406" spans="1:40">
      <c r="A406" s="20" t="str">
        <f t="shared" si="21"/>
        <v>NI</v>
      </c>
      <c r="B406" s="20"/>
      <c r="C406" s="541">
        <v>11</v>
      </c>
      <c r="D406" s="542"/>
      <c r="E406" s="543" t="s">
        <v>637</v>
      </c>
      <c r="F406" s="544"/>
      <c r="G406" s="544"/>
      <c r="H406" s="544"/>
      <c r="I406" s="544"/>
      <c r="J406" s="544"/>
      <c r="K406" s="544"/>
      <c r="L406" s="544"/>
      <c r="M406" s="544"/>
      <c r="N406" s="544"/>
      <c r="O406" s="544"/>
      <c r="P406" s="544"/>
      <c r="Q406" s="544"/>
      <c r="R406" s="544"/>
      <c r="S406" s="544"/>
      <c r="T406" s="545"/>
      <c r="U406" s="221" t="s">
        <v>638</v>
      </c>
      <c r="V406" s="546" t="s">
        <v>107</v>
      </c>
      <c r="W406" s="547"/>
      <c r="X406" s="547"/>
      <c r="Y406" s="547"/>
      <c r="Z406" s="548"/>
      <c r="AA406" s="546" t="s">
        <v>108</v>
      </c>
      <c r="AB406" s="547"/>
      <c r="AC406" s="548"/>
      <c r="AD406" s="415">
        <v>3</v>
      </c>
      <c r="AE406" s="415">
        <v>0</v>
      </c>
      <c r="AF406" s="541"/>
      <c r="AG406" s="542"/>
      <c r="AH406" s="549"/>
      <c r="AI406" s="550"/>
      <c r="AJ406" s="551"/>
      <c r="AK406" s="332"/>
      <c r="AL406" s="329"/>
      <c r="AM406" s="16"/>
      <c r="AN406" s="3" t="str">
        <f t="shared" si="23"/>
        <v>■</v>
      </c>
    </row>
    <row r="407" spans="1:40">
      <c r="A407" s="20" t="str">
        <f t="shared" si="21"/>
        <v>NI</v>
      </c>
      <c r="B407" s="20"/>
      <c r="C407" s="541">
        <v>12</v>
      </c>
      <c r="D407" s="542"/>
      <c r="E407" s="543" t="s">
        <v>639</v>
      </c>
      <c r="F407" s="544"/>
      <c r="G407" s="544"/>
      <c r="H407" s="544"/>
      <c r="I407" s="544"/>
      <c r="J407" s="544"/>
      <c r="K407" s="544"/>
      <c r="L407" s="544"/>
      <c r="M407" s="544"/>
      <c r="N407" s="544"/>
      <c r="O407" s="544"/>
      <c r="P407" s="544"/>
      <c r="Q407" s="544"/>
      <c r="R407" s="544"/>
      <c r="S407" s="544"/>
      <c r="T407" s="545"/>
      <c r="U407" s="221" t="s">
        <v>640</v>
      </c>
      <c r="V407" s="546" t="s">
        <v>107</v>
      </c>
      <c r="W407" s="547"/>
      <c r="X407" s="547"/>
      <c r="Y407" s="547"/>
      <c r="Z407" s="548"/>
      <c r="AA407" s="546" t="s">
        <v>108</v>
      </c>
      <c r="AB407" s="547"/>
      <c r="AC407" s="548"/>
      <c r="AD407" s="415">
        <v>3</v>
      </c>
      <c r="AE407" s="415">
        <v>0</v>
      </c>
      <c r="AF407" s="541"/>
      <c r="AG407" s="542"/>
      <c r="AH407" s="549"/>
      <c r="AI407" s="550"/>
      <c r="AJ407" s="551"/>
      <c r="AK407" s="332"/>
      <c r="AL407" s="329"/>
      <c r="AM407" s="16"/>
      <c r="AN407" s="3" t="str">
        <f t="shared" si="23"/>
        <v>■</v>
      </c>
    </row>
    <row r="408" spans="1:40">
      <c r="A408" s="20" t="str">
        <f t="shared" si="21"/>
        <v>NI</v>
      </c>
      <c r="B408" s="20"/>
      <c r="C408" s="541">
        <v>13</v>
      </c>
      <c r="D408" s="542"/>
      <c r="E408" s="543" t="s">
        <v>641</v>
      </c>
      <c r="F408" s="544"/>
      <c r="G408" s="544"/>
      <c r="H408" s="544"/>
      <c r="I408" s="544"/>
      <c r="J408" s="544"/>
      <c r="K408" s="544"/>
      <c r="L408" s="544"/>
      <c r="M408" s="544"/>
      <c r="N408" s="544"/>
      <c r="O408" s="544"/>
      <c r="P408" s="544"/>
      <c r="Q408" s="544"/>
      <c r="R408" s="544"/>
      <c r="S408" s="544"/>
      <c r="T408" s="545"/>
      <c r="U408" s="221" t="s">
        <v>642</v>
      </c>
      <c r="V408" s="546" t="s">
        <v>107</v>
      </c>
      <c r="W408" s="547"/>
      <c r="X408" s="547"/>
      <c r="Y408" s="547"/>
      <c r="Z408" s="548"/>
      <c r="AA408" s="546" t="s">
        <v>108</v>
      </c>
      <c r="AB408" s="547"/>
      <c r="AC408" s="548"/>
      <c r="AD408" s="415">
        <v>3</v>
      </c>
      <c r="AE408" s="415">
        <v>0</v>
      </c>
      <c r="AF408" s="541"/>
      <c r="AG408" s="542"/>
      <c r="AH408" s="549"/>
      <c r="AI408" s="550"/>
      <c r="AJ408" s="551"/>
      <c r="AK408" s="332"/>
      <c r="AL408" s="329"/>
      <c r="AM408" s="16"/>
      <c r="AN408" s="3" t="str">
        <f t="shared" si="23"/>
        <v>■</v>
      </c>
    </row>
    <row r="409" spans="1:40">
      <c r="A409" s="20" t="str">
        <f t="shared" si="21"/>
        <v>NI</v>
      </c>
      <c r="B409" s="20"/>
      <c r="C409" s="541">
        <v>14</v>
      </c>
      <c r="D409" s="542"/>
      <c r="E409" s="543" t="s">
        <v>643</v>
      </c>
      <c r="F409" s="544"/>
      <c r="G409" s="544"/>
      <c r="H409" s="544"/>
      <c r="I409" s="544"/>
      <c r="J409" s="544"/>
      <c r="K409" s="544"/>
      <c r="L409" s="544"/>
      <c r="M409" s="544"/>
      <c r="N409" s="544"/>
      <c r="O409" s="544"/>
      <c r="P409" s="544"/>
      <c r="Q409" s="544"/>
      <c r="R409" s="544"/>
      <c r="S409" s="544"/>
      <c r="T409" s="545"/>
      <c r="U409" s="221" t="s">
        <v>644</v>
      </c>
      <c r="V409" s="546" t="s">
        <v>107</v>
      </c>
      <c r="W409" s="547"/>
      <c r="X409" s="547"/>
      <c r="Y409" s="547"/>
      <c r="Z409" s="548"/>
      <c r="AA409" s="546" t="s">
        <v>108</v>
      </c>
      <c r="AB409" s="547"/>
      <c r="AC409" s="548"/>
      <c r="AD409" s="415">
        <v>3</v>
      </c>
      <c r="AE409" s="415">
        <v>0</v>
      </c>
      <c r="AF409" s="541"/>
      <c r="AG409" s="542"/>
      <c r="AH409" s="549"/>
      <c r="AI409" s="550"/>
      <c r="AJ409" s="551"/>
      <c r="AK409" s="332"/>
      <c r="AL409" s="329"/>
      <c r="AM409" s="16"/>
      <c r="AN409" s="3" t="str">
        <f t="shared" si="23"/>
        <v>■</v>
      </c>
    </row>
    <row r="410" spans="1:40">
      <c r="A410" s="20" t="str">
        <f t="shared" si="21"/>
        <v>NI</v>
      </c>
      <c r="B410" s="20"/>
      <c r="C410" s="541">
        <v>15</v>
      </c>
      <c r="D410" s="542"/>
      <c r="E410" s="543" t="s">
        <v>645</v>
      </c>
      <c r="F410" s="544"/>
      <c r="G410" s="544"/>
      <c r="H410" s="544"/>
      <c r="I410" s="544"/>
      <c r="J410" s="544"/>
      <c r="K410" s="544"/>
      <c r="L410" s="544"/>
      <c r="M410" s="544"/>
      <c r="N410" s="544"/>
      <c r="O410" s="544"/>
      <c r="P410" s="544"/>
      <c r="Q410" s="544"/>
      <c r="R410" s="544"/>
      <c r="S410" s="544"/>
      <c r="T410" s="545"/>
      <c r="U410" s="221" t="s">
        <v>646</v>
      </c>
      <c r="V410" s="546" t="s">
        <v>107</v>
      </c>
      <c r="W410" s="547"/>
      <c r="X410" s="547"/>
      <c r="Y410" s="547"/>
      <c r="Z410" s="548"/>
      <c r="AA410" s="546" t="s">
        <v>108</v>
      </c>
      <c r="AB410" s="547"/>
      <c r="AC410" s="548"/>
      <c r="AD410" s="415">
        <v>3</v>
      </c>
      <c r="AE410" s="415">
        <v>0</v>
      </c>
      <c r="AF410" s="541"/>
      <c r="AG410" s="542"/>
      <c r="AH410" s="549"/>
      <c r="AI410" s="550"/>
      <c r="AJ410" s="551"/>
      <c r="AK410" s="332"/>
      <c r="AL410" s="329"/>
      <c r="AM410" s="16"/>
      <c r="AN410" s="3" t="str">
        <f t="shared" si="23"/>
        <v>■</v>
      </c>
    </row>
    <row r="411" spans="1:40">
      <c r="A411" s="20" t="str">
        <f t="shared" si="21"/>
        <v>NI</v>
      </c>
      <c r="B411" s="20"/>
      <c r="C411" s="541">
        <v>16</v>
      </c>
      <c r="D411" s="542"/>
      <c r="E411" s="543" t="s">
        <v>647</v>
      </c>
      <c r="F411" s="544"/>
      <c r="G411" s="544"/>
      <c r="H411" s="544"/>
      <c r="I411" s="544"/>
      <c r="J411" s="544"/>
      <c r="K411" s="544"/>
      <c r="L411" s="544"/>
      <c r="M411" s="544"/>
      <c r="N411" s="544"/>
      <c r="O411" s="544"/>
      <c r="P411" s="544"/>
      <c r="Q411" s="544"/>
      <c r="R411" s="544"/>
      <c r="S411" s="544"/>
      <c r="T411" s="545"/>
      <c r="U411" s="221" t="s">
        <v>648</v>
      </c>
      <c r="V411" s="546" t="s">
        <v>107</v>
      </c>
      <c r="W411" s="547"/>
      <c r="X411" s="547"/>
      <c r="Y411" s="547"/>
      <c r="Z411" s="548"/>
      <c r="AA411" s="546" t="s">
        <v>108</v>
      </c>
      <c r="AB411" s="547"/>
      <c r="AC411" s="548"/>
      <c r="AD411" s="415">
        <v>3</v>
      </c>
      <c r="AE411" s="415">
        <v>0</v>
      </c>
      <c r="AF411" s="541"/>
      <c r="AG411" s="542"/>
      <c r="AH411" s="549"/>
      <c r="AI411" s="550"/>
      <c r="AJ411" s="551"/>
      <c r="AK411" s="332"/>
      <c r="AL411" s="329"/>
      <c r="AM411" s="16"/>
      <c r="AN411" s="3" t="str">
        <f t="shared" si="23"/>
        <v>■</v>
      </c>
    </row>
    <row r="412" spans="1:40">
      <c r="A412" s="20" t="str">
        <f t="shared" si="21"/>
        <v>NI</v>
      </c>
      <c r="B412" s="20"/>
      <c r="C412" s="541">
        <v>17</v>
      </c>
      <c r="D412" s="542"/>
      <c r="E412" s="543" t="s">
        <v>649</v>
      </c>
      <c r="F412" s="544"/>
      <c r="G412" s="544"/>
      <c r="H412" s="544"/>
      <c r="I412" s="544"/>
      <c r="J412" s="544"/>
      <c r="K412" s="544"/>
      <c r="L412" s="544"/>
      <c r="M412" s="544"/>
      <c r="N412" s="544"/>
      <c r="O412" s="544"/>
      <c r="P412" s="544"/>
      <c r="Q412" s="544"/>
      <c r="R412" s="544"/>
      <c r="S412" s="544"/>
      <c r="T412" s="545"/>
      <c r="U412" s="221" t="s">
        <v>650</v>
      </c>
      <c r="V412" s="546" t="s">
        <v>107</v>
      </c>
      <c r="W412" s="547"/>
      <c r="X412" s="547"/>
      <c r="Y412" s="547"/>
      <c r="Z412" s="548"/>
      <c r="AA412" s="546" t="s">
        <v>108</v>
      </c>
      <c r="AB412" s="547"/>
      <c r="AC412" s="548"/>
      <c r="AD412" s="415">
        <v>3</v>
      </c>
      <c r="AE412" s="415">
        <v>0</v>
      </c>
      <c r="AF412" s="541"/>
      <c r="AG412" s="542"/>
      <c r="AH412" s="549"/>
      <c r="AI412" s="550"/>
      <c r="AJ412" s="551"/>
      <c r="AK412" s="332"/>
      <c r="AL412" s="329"/>
      <c r="AM412" s="16"/>
      <c r="AN412" s="3" t="str">
        <f t="shared" si="23"/>
        <v>■</v>
      </c>
    </row>
    <row r="413" spans="1:40">
      <c r="A413" s="20" t="str">
        <f t="shared" si="21"/>
        <v>NI</v>
      </c>
      <c r="B413" s="20"/>
      <c r="C413" s="541">
        <v>18</v>
      </c>
      <c r="D413" s="542"/>
      <c r="E413" s="543" t="s">
        <v>651</v>
      </c>
      <c r="F413" s="544"/>
      <c r="G413" s="544"/>
      <c r="H413" s="544"/>
      <c r="I413" s="544"/>
      <c r="J413" s="544"/>
      <c r="K413" s="544"/>
      <c r="L413" s="544"/>
      <c r="M413" s="544"/>
      <c r="N413" s="544"/>
      <c r="O413" s="544"/>
      <c r="P413" s="544"/>
      <c r="Q413" s="544"/>
      <c r="R413" s="544"/>
      <c r="S413" s="544"/>
      <c r="T413" s="545"/>
      <c r="U413" s="221" t="s">
        <v>652</v>
      </c>
      <c r="V413" s="546" t="s">
        <v>107</v>
      </c>
      <c r="W413" s="547"/>
      <c r="X413" s="547"/>
      <c r="Y413" s="547"/>
      <c r="Z413" s="548"/>
      <c r="AA413" s="546" t="s">
        <v>108</v>
      </c>
      <c r="AB413" s="547"/>
      <c r="AC413" s="548"/>
      <c r="AD413" s="415">
        <v>3</v>
      </c>
      <c r="AE413" s="415">
        <v>0</v>
      </c>
      <c r="AF413" s="541"/>
      <c r="AG413" s="542"/>
      <c r="AH413" s="549"/>
      <c r="AI413" s="550"/>
      <c r="AJ413" s="551"/>
      <c r="AK413" s="332"/>
      <c r="AL413" s="329"/>
      <c r="AM413" s="16"/>
      <c r="AN413" s="3" t="str">
        <f t="shared" si="23"/>
        <v>■</v>
      </c>
    </row>
    <row r="414" spans="1:40">
      <c r="A414" s="20" t="str">
        <f t="shared" si="21"/>
        <v>NI</v>
      </c>
      <c r="B414" s="20"/>
      <c r="C414" s="541">
        <v>19</v>
      </c>
      <c r="D414" s="542"/>
      <c r="E414" s="543" t="s">
        <v>653</v>
      </c>
      <c r="F414" s="544"/>
      <c r="G414" s="544"/>
      <c r="H414" s="544"/>
      <c r="I414" s="544"/>
      <c r="J414" s="544"/>
      <c r="K414" s="544"/>
      <c r="L414" s="544"/>
      <c r="M414" s="544"/>
      <c r="N414" s="544"/>
      <c r="O414" s="544"/>
      <c r="P414" s="544"/>
      <c r="Q414" s="544"/>
      <c r="R414" s="544"/>
      <c r="S414" s="544"/>
      <c r="T414" s="545"/>
      <c r="U414" s="221" t="s">
        <v>654</v>
      </c>
      <c r="V414" s="546" t="s">
        <v>107</v>
      </c>
      <c r="W414" s="547"/>
      <c r="X414" s="547"/>
      <c r="Y414" s="547"/>
      <c r="Z414" s="548"/>
      <c r="AA414" s="546" t="s">
        <v>108</v>
      </c>
      <c r="AB414" s="547"/>
      <c r="AC414" s="548"/>
      <c r="AD414" s="415">
        <v>3</v>
      </c>
      <c r="AE414" s="415">
        <v>0</v>
      </c>
      <c r="AF414" s="541"/>
      <c r="AG414" s="542"/>
      <c r="AH414" s="549"/>
      <c r="AI414" s="550"/>
      <c r="AJ414" s="551"/>
      <c r="AK414" s="332"/>
      <c r="AL414" s="329"/>
      <c r="AM414" s="16"/>
      <c r="AN414" s="3" t="str">
        <f t="shared" si="23"/>
        <v>■</v>
      </c>
    </row>
    <row r="415" spans="1:40">
      <c r="A415" s="20" t="str">
        <f t="shared" si="21"/>
        <v>NI</v>
      </c>
      <c r="B415" s="20"/>
      <c r="C415" s="541">
        <v>20</v>
      </c>
      <c r="D415" s="542"/>
      <c r="E415" s="543" t="s">
        <v>655</v>
      </c>
      <c r="F415" s="544"/>
      <c r="G415" s="544"/>
      <c r="H415" s="544"/>
      <c r="I415" s="544"/>
      <c r="J415" s="544"/>
      <c r="K415" s="544"/>
      <c r="L415" s="544"/>
      <c r="M415" s="544"/>
      <c r="N415" s="544"/>
      <c r="O415" s="544"/>
      <c r="P415" s="544"/>
      <c r="Q415" s="544"/>
      <c r="R415" s="544"/>
      <c r="S415" s="544"/>
      <c r="T415" s="545"/>
      <c r="U415" s="221" t="s">
        <v>656</v>
      </c>
      <c r="V415" s="546" t="s">
        <v>107</v>
      </c>
      <c r="W415" s="547"/>
      <c r="X415" s="547"/>
      <c r="Y415" s="547"/>
      <c r="Z415" s="548"/>
      <c r="AA415" s="546" t="s">
        <v>108</v>
      </c>
      <c r="AB415" s="547"/>
      <c r="AC415" s="548"/>
      <c r="AD415" s="415">
        <v>3</v>
      </c>
      <c r="AE415" s="415">
        <v>0</v>
      </c>
      <c r="AF415" s="541"/>
      <c r="AG415" s="542"/>
      <c r="AH415" s="549"/>
      <c r="AI415" s="550"/>
      <c r="AJ415" s="551"/>
      <c r="AK415" s="332"/>
      <c r="AL415" s="329"/>
      <c r="AM415" s="16"/>
      <c r="AN415" s="3" t="str">
        <f t="shared" si="23"/>
        <v>■</v>
      </c>
    </row>
    <row r="416" spans="1:40">
      <c r="A416" s="20" t="str">
        <f t="shared" si="21"/>
        <v>NI</v>
      </c>
      <c r="B416" s="20"/>
      <c r="C416" s="541">
        <v>21</v>
      </c>
      <c r="D416" s="542"/>
      <c r="E416" s="543" t="s">
        <v>657</v>
      </c>
      <c r="F416" s="544"/>
      <c r="G416" s="544"/>
      <c r="H416" s="544"/>
      <c r="I416" s="544"/>
      <c r="J416" s="544"/>
      <c r="K416" s="544"/>
      <c r="L416" s="544"/>
      <c r="M416" s="544"/>
      <c r="N416" s="544"/>
      <c r="O416" s="544"/>
      <c r="P416" s="544"/>
      <c r="Q416" s="544"/>
      <c r="R416" s="544"/>
      <c r="S416" s="544"/>
      <c r="T416" s="545"/>
      <c r="U416" s="221" t="s">
        <v>658</v>
      </c>
      <c r="V416" s="546" t="s">
        <v>107</v>
      </c>
      <c r="W416" s="547"/>
      <c r="X416" s="547"/>
      <c r="Y416" s="547"/>
      <c r="Z416" s="548"/>
      <c r="AA416" s="546" t="s">
        <v>108</v>
      </c>
      <c r="AB416" s="547"/>
      <c r="AC416" s="548"/>
      <c r="AD416" s="415">
        <v>3</v>
      </c>
      <c r="AE416" s="415">
        <v>0</v>
      </c>
      <c r="AF416" s="541"/>
      <c r="AG416" s="542"/>
      <c r="AH416" s="549"/>
      <c r="AI416" s="550"/>
      <c r="AJ416" s="551"/>
      <c r="AK416" s="332"/>
      <c r="AL416" s="329"/>
      <c r="AM416" s="16"/>
      <c r="AN416" s="3" t="str">
        <f t="shared" si="23"/>
        <v>■</v>
      </c>
    </row>
    <row r="417" spans="1:40">
      <c r="A417" s="20" t="str">
        <f t="shared" si="21"/>
        <v>NI</v>
      </c>
      <c r="B417" s="20"/>
      <c r="C417" s="541">
        <v>22</v>
      </c>
      <c r="D417" s="542"/>
      <c r="E417" s="543" t="s">
        <v>659</v>
      </c>
      <c r="F417" s="544"/>
      <c r="G417" s="544"/>
      <c r="H417" s="544"/>
      <c r="I417" s="544"/>
      <c r="J417" s="544"/>
      <c r="K417" s="544"/>
      <c r="L417" s="544"/>
      <c r="M417" s="544"/>
      <c r="N417" s="544"/>
      <c r="O417" s="544"/>
      <c r="P417" s="544"/>
      <c r="Q417" s="544"/>
      <c r="R417" s="544"/>
      <c r="S417" s="544"/>
      <c r="T417" s="545"/>
      <c r="U417" s="221" t="s">
        <v>660</v>
      </c>
      <c r="V417" s="546" t="s">
        <v>107</v>
      </c>
      <c r="W417" s="547"/>
      <c r="X417" s="547"/>
      <c r="Y417" s="547"/>
      <c r="Z417" s="548"/>
      <c r="AA417" s="546" t="s">
        <v>108</v>
      </c>
      <c r="AB417" s="547"/>
      <c r="AC417" s="548"/>
      <c r="AD417" s="415">
        <v>3</v>
      </c>
      <c r="AE417" s="415">
        <v>0</v>
      </c>
      <c r="AF417" s="541"/>
      <c r="AG417" s="542"/>
      <c r="AH417" s="549"/>
      <c r="AI417" s="550"/>
      <c r="AJ417" s="551"/>
      <c r="AK417" s="332"/>
      <c r="AL417" s="329"/>
      <c r="AM417" s="16"/>
      <c r="AN417" s="3" t="str">
        <f t="shared" si="23"/>
        <v>■</v>
      </c>
    </row>
    <row r="418" spans="1:40">
      <c r="A418" s="20" t="str">
        <f t="shared" si="21"/>
        <v>NI</v>
      </c>
      <c r="B418" s="20"/>
      <c r="C418" s="541">
        <v>23</v>
      </c>
      <c r="D418" s="542"/>
      <c r="E418" s="543" t="s">
        <v>661</v>
      </c>
      <c r="F418" s="544"/>
      <c r="G418" s="544"/>
      <c r="H418" s="544"/>
      <c r="I418" s="544"/>
      <c r="J418" s="544"/>
      <c r="K418" s="544"/>
      <c r="L418" s="544"/>
      <c r="M418" s="544"/>
      <c r="N418" s="544"/>
      <c r="O418" s="544"/>
      <c r="P418" s="544"/>
      <c r="Q418" s="544"/>
      <c r="R418" s="544"/>
      <c r="S418" s="544"/>
      <c r="T418" s="545"/>
      <c r="U418" s="221" t="s">
        <v>662</v>
      </c>
      <c r="V418" s="546" t="s">
        <v>107</v>
      </c>
      <c r="W418" s="547"/>
      <c r="X418" s="547"/>
      <c r="Y418" s="547"/>
      <c r="Z418" s="548"/>
      <c r="AA418" s="546" t="s">
        <v>108</v>
      </c>
      <c r="AB418" s="547"/>
      <c r="AC418" s="548"/>
      <c r="AD418" s="415">
        <v>3</v>
      </c>
      <c r="AE418" s="415">
        <v>0</v>
      </c>
      <c r="AF418" s="541"/>
      <c r="AG418" s="542"/>
      <c r="AH418" s="549"/>
      <c r="AI418" s="550"/>
      <c r="AJ418" s="551"/>
      <c r="AK418" s="332"/>
      <c r="AL418" s="329"/>
      <c r="AM418" s="16"/>
      <c r="AN418" s="3" t="str">
        <f t="shared" si="23"/>
        <v>■</v>
      </c>
    </row>
    <row r="419" spans="1:40">
      <c r="A419" s="20" t="str">
        <f t="shared" si="21"/>
        <v>NI</v>
      </c>
      <c r="B419" s="20"/>
      <c r="C419" s="541">
        <v>24</v>
      </c>
      <c r="D419" s="542"/>
      <c r="E419" s="543" t="s">
        <v>663</v>
      </c>
      <c r="F419" s="544"/>
      <c r="G419" s="544"/>
      <c r="H419" s="544"/>
      <c r="I419" s="544"/>
      <c r="J419" s="544"/>
      <c r="K419" s="544"/>
      <c r="L419" s="544"/>
      <c r="M419" s="544"/>
      <c r="N419" s="544"/>
      <c r="O419" s="544"/>
      <c r="P419" s="544"/>
      <c r="Q419" s="544"/>
      <c r="R419" s="544"/>
      <c r="S419" s="544"/>
      <c r="T419" s="545"/>
      <c r="U419" s="221" t="s">
        <v>664</v>
      </c>
      <c r="V419" s="546" t="s">
        <v>107</v>
      </c>
      <c r="W419" s="547"/>
      <c r="X419" s="547"/>
      <c r="Y419" s="547"/>
      <c r="Z419" s="548"/>
      <c r="AA419" s="546" t="s">
        <v>108</v>
      </c>
      <c r="AB419" s="547"/>
      <c r="AC419" s="548"/>
      <c r="AD419" s="415">
        <v>3</v>
      </c>
      <c r="AE419" s="415">
        <v>0</v>
      </c>
      <c r="AF419" s="541"/>
      <c r="AG419" s="542"/>
      <c r="AH419" s="549"/>
      <c r="AI419" s="550"/>
      <c r="AJ419" s="551"/>
      <c r="AK419" s="332"/>
      <c r="AL419" s="329"/>
      <c r="AM419" s="16"/>
      <c r="AN419" s="3" t="str">
        <f t="shared" si="23"/>
        <v>■</v>
      </c>
    </row>
    <row r="420" spans="1:40">
      <c r="A420" s="20" t="str">
        <f t="shared" si="21"/>
        <v>NI</v>
      </c>
      <c r="B420" s="20"/>
      <c r="C420" s="541">
        <v>25</v>
      </c>
      <c r="D420" s="542"/>
      <c r="E420" s="543" t="s">
        <v>665</v>
      </c>
      <c r="F420" s="544"/>
      <c r="G420" s="544"/>
      <c r="H420" s="544"/>
      <c r="I420" s="544"/>
      <c r="J420" s="544"/>
      <c r="K420" s="544"/>
      <c r="L420" s="544"/>
      <c r="M420" s="544"/>
      <c r="N420" s="544"/>
      <c r="O420" s="544"/>
      <c r="P420" s="544"/>
      <c r="Q420" s="544"/>
      <c r="R420" s="544"/>
      <c r="S420" s="544"/>
      <c r="T420" s="545"/>
      <c r="U420" s="221" t="s">
        <v>666</v>
      </c>
      <c r="V420" s="546" t="s">
        <v>107</v>
      </c>
      <c r="W420" s="547"/>
      <c r="X420" s="547"/>
      <c r="Y420" s="547"/>
      <c r="Z420" s="548"/>
      <c r="AA420" s="546" t="s">
        <v>108</v>
      </c>
      <c r="AB420" s="547"/>
      <c r="AC420" s="548"/>
      <c r="AD420" s="415">
        <v>3</v>
      </c>
      <c r="AE420" s="415">
        <v>0</v>
      </c>
      <c r="AF420" s="541"/>
      <c r="AG420" s="542"/>
      <c r="AH420" s="549"/>
      <c r="AI420" s="550"/>
      <c r="AJ420" s="551"/>
      <c r="AK420" s="332"/>
      <c r="AL420" s="329"/>
      <c r="AM420" s="16"/>
      <c r="AN420" s="3" t="str">
        <f t="shared" si="23"/>
        <v>■</v>
      </c>
    </row>
    <row r="421" spans="1:40">
      <c r="A421" s="20" t="str">
        <f t="shared" si="21"/>
        <v>NI</v>
      </c>
      <c r="B421" s="20"/>
      <c r="C421" s="541">
        <v>26</v>
      </c>
      <c r="D421" s="542"/>
      <c r="E421" s="543" t="s">
        <v>667</v>
      </c>
      <c r="F421" s="544"/>
      <c r="G421" s="544"/>
      <c r="H421" s="544"/>
      <c r="I421" s="544"/>
      <c r="J421" s="544"/>
      <c r="K421" s="544"/>
      <c r="L421" s="544"/>
      <c r="M421" s="544"/>
      <c r="N421" s="544"/>
      <c r="O421" s="544"/>
      <c r="P421" s="544"/>
      <c r="Q421" s="544"/>
      <c r="R421" s="544"/>
      <c r="S421" s="544"/>
      <c r="T421" s="545"/>
      <c r="U421" s="221" t="s">
        <v>668</v>
      </c>
      <c r="V421" s="546" t="s">
        <v>107</v>
      </c>
      <c r="W421" s="547"/>
      <c r="X421" s="547"/>
      <c r="Y421" s="547"/>
      <c r="Z421" s="548"/>
      <c r="AA421" s="546" t="s">
        <v>108</v>
      </c>
      <c r="AB421" s="547"/>
      <c r="AC421" s="548"/>
      <c r="AD421" s="415">
        <v>3</v>
      </c>
      <c r="AE421" s="415">
        <v>0</v>
      </c>
      <c r="AF421" s="541"/>
      <c r="AG421" s="542"/>
      <c r="AH421" s="549"/>
      <c r="AI421" s="550"/>
      <c r="AJ421" s="551"/>
      <c r="AK421" s="332"/>
      <c r="AL421" s="329"/>
      <c r="AM421" s="16"/>
      <c r="AN421" s="3" t="str">
        <f t="shared" si="23"/>
        <v>■</v>
      </c>
    </row>
    <row r="422" spans="1:40">
      <c r="A422" s="20" t="str">
        <f t="shared" si="21"/>
        <v>NI</v>
      </c>
      <c r="B422" s="20"/>
      <c r="C422" s="541">
        <v>27</v>
      </c>
      <c r="D422" s="542"/>
      <c r="E422" s="543" t="s">
        <v>669</v>
      </c>
      <c r="F422" s="544"/>
      <c r="G422" s="544"/>
      <c r="H422" s="544"/>
      <c r="I422" s="544"/>
      <c r="J422" s="544"/>
      <c r="K422" s="544"/>
      <c r="L422" s="544"/>
      <c r="M422" s="544"/>
      <c r="N422" s="544"/>
      <c r="O422" s="544"/>
      <c r="P422" s="544"/>
      <c r="Q422" s="544"/>
      <c r="R422" s="544"/>
      <c r="S422" s="544"/>
      <c r="T422" s="545"/>
      <c r="U422" s="221" t="s">
        <v>670</v>
      </c>
      <c r="V422" s="546" t="s">
        <v>107</v>
      </c>
      <c r="W422" s="547"/>
      <c r="X422" s="547"/>
      <c r="Y422" s="547"/>
      <c r="Z422" s="548"/>
      <c r="AA422" s="546" t="s">
        <v>108</v>
      </c>
      <c r="AB422" s="547"/>
      <c r="AC422" s="548"/>
      <c r="AD422" s="415">
        <v>3</v>
      </c>
      <c r="AE422" s="415">
        <v>0</v>
      </c>
      <c r="AF422" s="541"/>
      <c r="AG422" s="542"/>
      <c r="AH422" s="549"/>
      <c r="AI422" s="550"/>
      <c r="AJ422" s="551"/>
      <c r="AK422" s="332"/>
      <c r="AL422" s="329"/>
      <c r="AM422" s="16"/>
      <c r="AN422" s="3" t="str">
        <f t="shared" si="23"/>
        <v>■</v>
      </c>
    </row>
    <row r="423" spans="1:40">
      <c r="A423" s="20" t="str">
        <f t="shared" si="21"/>
        <v>NI</v>
      </c>
      <c r="B423" s="20"/>
      <c r="C423" s="541">
        <v>28</v>
      </c>
      <c r="D423" s="542"/>
      <c r="E423" s="543" t="s">
        <v>671</v>
      </c>
      <c r="F423" s="544"/>
      <c r="G423" s="544"/>
      <c r="H423" s="544"/>
      <c r="I423" s="544"/>
      <c r="J423" s="544"/>
      <c r="K423" s="544"/>
      <c r="L423" s="544"/>
      <c r="M423" s="544"/>
      <c r="N423" s="544"/>
      <c r="O423" s="544"/>
      <c r="P423" s="544"/>
      <c r="Q423" s="544"/>
      <c r="R423" s="544"/>
      <c r="S423" s="544"/>
      <c r="T423" s="545"/>
      <c r="U423" s="221" t="s">
        <v>672</v>
      </c>
      <c r="V423" s="546" t="s">
        <v>107</v>
      </c>
      <c r="W423" s="547"/>
      <c r="X423" s="547"/>
      <c r="Y423" s="547"/>
      <c r="Z423" s="548"/>
      <c r="AA423" s="546" t="s">
        <v>108</v>
      </c>
      <c r="AB423" s="547"/>
      <c r="AC423" s="548"/>
      <c r="AD423" s="415">
        <v>3</v>
      </c>
      <c r="AE423" s="415">
        <v>0</v>
      </c>
      <c r="AF423" s="541"/>
      <c r="AG423" s="542"/>
      <c r="AH423" s="549"/>
      <c r="AI423" s="550"/>
      <c r="AJ423" s="551"/>
      <c r="AK423" s="332"/>
      <c r="AL423" s="329"/>
      <c r="AM423" s="16"/>
      <c r="AN423" s="3" t="str">
        <f t="shared" si="23"/>
        <v>■</v>
      </c>
    </row>
    <row r="424" spans="1:40">
      <c r="A424" s="20" t="str">
        <f t="shared" si="21"/>
        <v>NI</v>
      </c>
      <c r="B424" s="20"/>
      <c r="C424" s="541">
        <v>29</v>
      </c>
      <c r="D424" s="542"/>
      <c r="E424" s="543" t="s">
        <v>673</v>
      </c>
      <c r="F424" s="544"/>
      <c r="G424" s="544"/>
      <c r="H424" s="544"/>
      <c r="I424" s="544"/>
      <c r="J424" s="544"/>
      <c r="K424" s="544"/>
      <c r="L424" s="544"/>
      <c r="M424" s="544"/>
      <c r="N424" s="544"/>
      <c r="O424" s="544"/>
      <c r="P424" s="544"/>
      <c r="Q424" s="544"/>
      <c r="R424" s="544"/>
      <c r="S424" s="544"/>
      <c r="T424" s="545"/>
      <c r="U424" s="221" t="s">
        <v>674</v>
      </c>
      <c r="V424" s="546" t="s">
        <v>107</v>
      </c>
      <c r="W424" s="547"/>
      <c r="X424" s="547"/>
      <c r="Y424" s="547"/>
      <c r="Z424" s="548"/>
      <c r="AA424" s="546" t="s">
        <v>108</v>
      </c>
      <c r="AB424" s="547"/>
      <c r="AC424" s="548"/>
      <c r="AD424" s="415">
        <v>3</v>
      </c>
      <c r="AE424" s="415">
        <v>0</v>
      </c>
      <c r="AF424" s="541"/>
      <c r="AG424" s="542"/>
      <c r="AH424" s="549"/>
      <c r="AI424" s="550"/>
      <c r="AJ424" s="551"/>
      <c r="AK424" s="332"/>
      <c r="AL424" s="329"/>
      <c r="AM424" s="16"/>
      <c r="AN424" s="3" t="str">
        <f t="shared" si="23"/>
        <v>■</v>
      </c>
    </row>
    <row r="425" spans="1:40">
      <c r="A425" s="20" t="str">
        <f t="shared" si="21"/>
        <v>NI</v>
      </c>
      <c r="B425" s="20"/>
      <c r="C425" s="541">
        <v>30</v>
      </c>
      <c r="D425" s="542"/>
      <c r="E425" s="543" t="s">
        <v>675</v>
      </c>
      <c r="F425" s="544"/>
      <c r="G425" s="544"/>
      <c r="H425" s="544"/>
      <c r="I425" s="544"/>
      <c r="J425" s="544"/>
      <c r="K425" s="544"/>
      <c r="L425" s="544"/>
      <c r="M425" s="544"/>
      <c r="N425" s="544"/>
      <c r="O425" s="544"/>
      <c r="P425" s="544"/>
      <c r="Q425" s="544"/>
      <c r="R425" s="544"/>
      <c r="S425" s="544"/>
      <c r="T425" s="545"/>
      <c r="U425" s="221" t="s">
        <v>676</v>
      </c>
      <c r="V425" s="546" t="s">
        <v>107</v>
      </c>
      <c r="W425" s="547"/>
      <c r="X425" s="547"/>
      <c r="Y425" s="547"/>
      <c r="Z425" s="548"/>
      <c r="AA425" s="546" t="s">
        <v>108</v>
      </c>
      <c r="AB425" s="547"/>
      <c r="AC425" s="548"/>
      <c r="AD425" s="415">
        <v>3</v>
      </c>
      <c r="AE425" s="415">
        <v>0</v>
      </c>
      <c r="AF425" s="541"/>
      <c r="AG425" s="542"/>
      <c r="AH425" s="549"/>
      <c r="AI425" s="550"/>
      <c r="AJ425" s="551"/>
      <c r="AK425" s="332"/>
      <c r="AL425" s="329"/>
      <c r="AM425" s="16"/>
      <c r="AN425" s="3" t="str">
        <f t="shared" si="23"/>
        <v>■</v>
      </c>
    </row>
    <row r="426" spans="1:40">
      <c r="A426" s="20" t="str">
        <f t="shared" si="21"/>
        <v>NI</v>
      </c>
      <c r="B426" s="20"/>
      <c r="C426" s="541">
        <v>31</v>
      </c>
      <c r="D426" s="542"/>
      <c r="E426" s="543" t="s">
        <v>677</v>
      </c>
      <c r="F426" s="544"/>
      <c r="G426" s="544"/>
      <c r="H426" s="544"/>
      <c r="I426" s="544"/>
      <c r="J426" s="544"/>
      <c r="K426" s="544"/>
      <c r="L426" s="544"/>
      <c r="M426" s="544"/>
      <c r="N426" s="544"/>
      <c r="O426" s="544"/>
      <c r="P426" s="544"/>
      <c r="Q426" s="544"/>
      <c r="R426" s="544"/>
      <c r="S426" s="544"/>
      <c r="T426" s="545"/>
      <c r="U426" s="221" t="s">
        <v>678</v>
      </c>
      <c r="V426" s="546" t="s">
        <v>107</v>
      </c>
      <c r="W426" s="547"/>
      <c r="X426" s="547"/>
      <c r="Y426" s="547"/>
      <c r="Z426" s="548"/>
      <c r="AA426" s="546" t="s">
        <v>108</v>
      </c>
      <c r="AB426" s="547"/>
      <c r="AC426" s="548"/>
      <c r="AD426" s="415">
        <v>3</v>
      </c>
      <c r="AE426" s="415">
        <v>0</v>
      </c>
      <c r="AF426" s="541"/>
      <c r="AG426" s="542"/>
      <c r="AH426" s="549"/>
      <c r="AI426" s="550"/>
      <c r="AJ426" s="551"/>
      <c r="AK426" s="332"/>
      <c r="AL426" s="329"/>
      <c r="AM426" s="16"/>
      <c r="AN426" s="3" t="str">
        <f t="shared" si="23"/>
        <v>■</v>
      </c>
    </row>
    <row r="427" spans="1:40">
      <c r="A427" s="20" t="str">
        <f t="shared" si="21"/>
        <v>NI</v>
      </c>
      <c r="B427" s="20"/>
      <c r="C427" s="541">
        <v>32</v>
      </c>
      <c r="D427" s="542"/>
      <c r="E427" s="543" t="s">
        <v>679</v>
      </c>
      <c r="F427" s="544"/>
      <c r="G427" s="544"/>
      <c r="H427" s="544"/>
      <c r="I427" s="544"/>
      <c r="J427" s="544"/>
      <c r="K427" s="544"/>
      <c r="L427" s="544"/>
      <c r="M427" s="544"/>
      <c r="N427" s="544"/>
      <c r="O427" s="544"/>
      <c r="P427" s="544"/>
      <c r="Q427" s="544"/>
      <c r="R427" s="544"/>
      <c r="S427" s="544"/>
      <c r="T427" s="545"/>
      <c r="U427" s="221" t="s">
        <v>680</v>
      </c>
      <c r="V427" s="546" t="s">
        <v>107</v>
      </c>
      <c r="W427" s="547"/>
      <c r="X427" s="547"/>
      <c r="Y427" s="547"/>
      <c r="Z427" s="548"/>
      <c r="AA427" s="546" t="s">
        <v>108</v>
      </c>
      <c r="AB427" s="547"/>
      <c r="AC427" s="548"/>
      <c r="AD427" s="415">
        <v>3</v>
      </c>
      <c r="AE427" s="415">
        <v>0</v>
      </c>
      <c r="AF427" s="541"/>
      <c r="AG427" s="542"/>
      <c r="AH427" s="549"/>
      <c r="AI427" s="550"/>
      <c r="AJ427" s="551"/>
      <c r="AK427" s="332"/>
      <c r="AL427" s="329"/>
      <c r="AM427" s="16"/>
      <c r="AN427" s="3" t="str">
        <f t="shared" si="23"/>
        <v>■</v>
      </c>
    </row>
    <row r="428" spans="1:40">
      <c r="A428" s="20" t="str">
        <f t="shared" si="21"/>
        <v>NI</v>
      </c>
      <c r="B428" s="20"/>
      <c r="C428" s="541">
        <v>33</v>
      </c>
      <c r="D428" s="542"/>
      <c r="E428" s="543" t="s">
        <v>681</v>
      </c>
      <c r="F428" s="544"/>
      <c r="G428" s="544"/>
      <c r="H428" s="544"/>
      <c r="I428" s="544"/>
      <c r="J428" s="544"/>
      <c r="K428" s="544"/>
      <c r="L428" s="544"/>
      <c r="M428" s="544"/>
      <c r="N428" s="544"/>
      <c r="O428" s="544"/>
      <c r="P428" s="544"/>
      <c r="Q428" s="544"/>
      <c r="R428" s="544"/>
      <c r="S428" s="544"/>
      <c r="T428" s="545"/>
      <c r="U428" s="221" t="s">
        <v>682</v>
      </c>
      <c r="V428" s="546" t="s">
        <v>107</v>
      </c>
      <c r="W428" s="547"/>
      <c r="X428" s="547"/>
      <c r="Y428" s="547"/>
      <c r="Z428" s="548"/>
      <c r="AA428" s="546" t="s">
        <v>108</v>
      </c>
      <c r="AB428" s="547"/>
      <c r="AC428" s="548"/>
      <c r="AD428" s="415">
        <v>3</v>
      </c>
      <c r="AE428" s="415">
        <v>0</v>
      </c>
      <c r="AF428" s="541"/>
      <c r="AG428" s="542"/>
      <c r="AH428" s="549"/>
      <c r="AI428" s="550"/>
      <c r="AJ428" s="551"/>
      <c r="AK428" s="332"/>
      <c r="AL428" s="329"/>
      <c r="AM428" s="16"/>
      <c r="AN428" s="3" t="str">
        <f t="shared" si="23"/>
        <v>■</v>
      </c>
    </row>
    <row r="429" spans="1:40">
      <c r="A429" s="20" t="str">
        <f t="shared" si="21"/>
        <v>NI</v>
      </c>
      <c r="B429" s="20"/>
      <c r="C429" s="541">
        <v>34</v>
      </c>
      <c r="D429" s="542"/>
      <c r="E429" s="543" t="s">
        <v>683</v>
      </c>
      <c r="F429" s="544"/>
      <c r="G429" s="544"/>
      <c r="H429" s="544"/>
      <c r="I429" s="544"/>
      <c r="J429" s="544"/>
      <c r="K429" s="544"/>
      <c r="L429" s="544"/>
      <c r="M429" s="544"/>
      <c r="N429" s="544"/>
      <c r="O429" s="544"/>
      <c r="P429" s="544"/>
      <c r="Q429" s="544"/>
      <c r="R429" s="544"/>
      <c r="S429" s="544"/>
      <c r="T429" s="545"/>
      <c r="U429" s="221" t="s">
        <v>684</v>
      </c>
      <c r="V429" s="546" t="s">
        <v>107</v>
      </c>
      <c r="W429" s="547"/>
      <c r="X429" s="547"/>
      <c r="Y429" s="547"/>
      <c r="Z429" s="548"/>
      <c r="AA429" s="546" t="s">
        <v>108</v>
      </c>
      <c r="AB429" s="547"/>
      <c r="AC429" s="548"/>
      <c r="AD429" s="415">
        <v>3</v>
      </c>
      <c r="AE429" s="415">
        <v>0</v>
      </c>
      <c r="AF429" s="541"/>
      <c r="AG429" s="542"/>
      <c r="AH429" s="549"/>
      <c r="AI429" s="550"/>
      <c r="AJ429" s="551"/>
      <c r="AK429" s="332"/>
      <c r="AL429" s="329"/>
      <c r="AM429" s="16"/>
      <c r="AN429" s="3" t="str">
        <f t="shared" si="23"/>
        <v>■</v>
      </c>
    </row>
    <row r="430" spans="1:40">
      <c r="A430" s="20" t="str">
        <f t="shared" si="21"/>
        <v>NI</v>
      </c>
      <c r="B430" s="20"/>
      <c r="C430" s="541">
        <v>35</v>
      </c>
      <c r="D430" s="542"/>
      <c r="E430" s="543" t="s">
        <v>685</v>
      </c>
      <c r="F430" s="544"/>
      <c r="G430" s="544"/>
      <c r="H430" s="544"/>
      <c r="I430" s="544"/>
      <c r="J430" s="544"/>
      <c r="K430" s="544"/>
      <c r="L430" s="544"/>
      <c r="M430" s="544"/>
      <c r="N430" s="544"/>
      <c r="O430" s="544"/>
      <c r="P430" s="544"/>
      <c r="Q430" s="544"/>
      <c r="R430" s="544"/>
      <c r="S430" s="544"/>
      <c r="T430" s="545"/>
      <c r="U430" s="221" t="s">
        <v>686</v>
      </c>
      <c r="V430" s="546" t="s">
        <v>107</v>
      </c>
      <c r="W430" s="547"/>
      <c r="X430" s="547"/>
      <c r="Y430" s="547"/>
      <c r="Z430" s="548"/>
      <c r="AA430" s="546" t="s">
        <v>108</v>
      </c>
      <c r="AB430" s="547"/>
      <c r="AC430" s="548"/>
      <c r="AD430" s="415">
        <v>3</v>
      </c>
      <c r="AE430" s="415">
        <v>0</v>
      </c>
      <c r="AF430" s="541"/>
      <c r="AG430" s="542"/>
      <c r="AH430" s="549"/>
      <c r="AI430" s="550"/>
      <c r="AJ430" s="551"/>
      <c r="AK430" s="332"/>
      <c r="AL430" s="329"/>
      <c r="AM430" s="16"/>
      <c r="AN430" s="3" t="str">
        <f t="shared" si="23"/>
        <v>■</v>
      </c>
    </row>
    <row r="431" spans="1:40">
      <c r="A431" s="20" t="str">
        <f t="shared" si="21"/>
        <v>NI</v>
      </c>
      <c r="B431" s="20"/>
      <c r="C431" s="541">
        <v>36</v>
      </c>
      <c r="D431" s="542"/>
      <c r="E431" s="543" t="s">
        <v>687</v>
      </c>
      <c r="F431" s="544"/>
      <c r="G431" s="544"/>
      <c r="H431" s="544"/>
      <c r="I431" s="544"/>
      <c r="J431" s="544"/>
      <c r="K431" s="544"/>
      <c r="L431" s="544"/>
      <c r="M431" s="544"/>
      <c r="N431" s="544"/>
      <c r="O431" s="544"/>
      <c r="P431" s="544"/>
      <c r="Q431" s="544"/>
      <c r="R431" s="544"/>
      <c r="S431" s="544"/>
      <c r="T431" s="545"/>
      <c r="U431" s="221" t="s">
        <v>688</v>
      </c>
      <c r="V431" s="546" t="s">
        <v>107</v>
      </c>
      <c r="W431" s="547"/>
      <c r="X431" s="547"/>
      <c r="Y431" s="547"/>
      <c r="Z431" s="548"/>
      <c r="AA431" s="546" t="s">
        <v>108</v>
      </c>
      <c r="AB431" s="547"/>
      <c r="AC431" s="548"/>
      <c r="AD431" s="415">
        <v>3</v>
      </c>
      <c r="AE431" s="415">
        <v>0</v>
      </c>
      <c r="AF431" s="541"/>
      <c r="AG431" s="542"/>
      <c r="AH431" s="549"/>
      <c r="AI431" s="550"/>
      <c r="AJ431" s="551"/>
      <c r="AK431" s="332"/>
      <c r="AL431" s="329"/>
      <c r="AM431" s="16"/>
      <c r="AN431" s="3" t="str">
        <f t="shared" si="23"/>
        <v>■</v>
      </c>
    </row>
    <row r="432" spans="1:40">
      <c r="A432" s="20" t="str">
        <f t="shared" si="21"/>
        <v>NI</v>
      </c>
      <c r="B432" s="20"/>
      <c r="C432" s="541">
        <v>37</v>
      </c>
      <c r="D432" s="542"/>
      <c r="E432" s="543" t="s">
        <v>409</v>
      </c>
      <c r="F432" s="544"/>
      <c r="G432" s="544"/>
      <c r="H432" s="544"/>
      <c r="I432" s="544"/>
      <c r="J432" s="544"/>
      <c r="K432" s="544"/>
      <c r="L432" s="544"/>
      <c r="M432" s="544"/>
      <c r="N432" s="544"/>
      <c r="O432" s="544"/>
      <c r="P432" s="544"/>
      <c r="Q432" s="544"/>
      <c r="R432" s="544"/>
      <c r="S432" s="544"/>
      <c r="T432" s="545"/>
      <c r="U432" s="221" t="s">
        <v>453</v>
      </c>
      <c r="V432" s="546" t="s">
        <v>107</v>
      </c>
      <c r="W432" s="547"/>
      <c r="X432" s="547"/>
      <c r="Y432" s="547"/>
      <c r="Z432" s="548"/>
      <c r="AA432" s="546" t="s">
        <v>102</v>
      </c>
      <c r="AB432" s="547"/>
      <c r="AC432" s="548"/>
      <c r="AD432" s="415">
        <v>6</v>
      </c>
      <c r="AE432" s="415" t="s">
        <v>103</v>
      </c>
      <c r="AF432" s="541"/>
      <c r="AG432" s="542"/>
      <c r="AH432" s="549"/>
      <c r="AI432" s="550"/>
      <c r="AJ432" s="551"/>
      <c r="AK432" s="332"/>
      <c r="AL432" s="334"/>
      <c r="AM432" s="16"/>
      <c r="AN432" s="3" t="str">
        <f t="shared" si="23"/>
        <v>■</v>
      </c>
    </row>
    <row r="433" spans="1:40">
      <c r="A433" s="20" t="str">
        <f t="shared" si="21"/>
        <v>NI</v>
      </c>
      <c r="B433" s="20"/>
      <c r="C433" s="541">
        <v>38</v>
      </c>
      <c r="D433" s="542"/>
      <c r="E433" s="543" t="s">
        <v>411</v>
      </c>
      <c r="F433" s="544"/>
      <c r="G433" s="544"/>
      <c r="H433" s="544"/>
      <c r="I433" s="544"/>
      <c r="J433" s="544"/>
      <c r="K433" s="544"/>
      <c r="L433" s="544"/>
      <c r="M433" s="544"/>
      <c r="N433" s="544"/>
      <c r="O433" s="544"/>
      <c r="P433" s="544"/>
      <c r="Q433" s="544"/>
      <c r="R433" s="544"/>
      <c r="S433" s="544"/>
      <c r="T433" s="545"/>
      <c r="U433" s="221" t="s">
        <v>516</v>
      </c>
      <c r="V433" s="546" t="s">
        <v>107</v>
      </c>
      <c r="W433" s="547"/>
      <c r="X433" s="547"/>
      <c r="Y433" s="547"/>
      <c r="Z433" s="548"/>
      <c r="AA433" s="546" t="s">
        <v>102</v>
      </c>
      <c r="AB433" s="547"/>
      <c r="AC433" s="548"/>
      <c r="AD433" s="415">
        <v>6</v>
      </c>
      <c r="AE433" s="415" t="s">
        <v>103</v>
      </c>
      <c r="AF433" s="541"/>
      <c r="AG433" s="542"/>
      <c r="AH433" s="549"/>
      <c r="AI433" s="550"/>
      <c r="AJ433" s="551"/>
      <c r="AK433" s="332"/>
      <c r="AL433" s="329"/>
      <c r="AM433" s="16"/>
      <c r="AN433" s="3" t="str">
        <f t="shared" si="23"/>
        <v>■</v>
      </c>
    </row>
    <row r="434" spans="1:40">
      <c r="A434" s="20" t="str">
        <f>IF(LEN(J434)&gt;0,MID(J434,FIND("（",J434,1)+1,2),A431)</f>
        <v>NI</v>
      </c>
      <c r="B434" s="20"/>
      <c r="V434" s="238"/>
      <c r="W434" s="238"/>
      <c r="X434" s="238"/>
      <c r="Y434" s="238"/>
      <c r="Z434" s="238"/>
      <c r="AA434" s="238"/>
      <c r="AB434" s="238"/>
      <c r="AC434" s="238"/>
      <c r="AD434" s="122"/>
      <c r="AE434" s="122"/>
      <c r="AF434" s="238"/>
      <c r="AG434" s="238"/>
      <c r="AH434" s="238"/>
      <c r="AI434" s="238"/>
      <c r="AJ434" s="238"/>
      <c r="AK434" s="55"/>
      <c r="AL434" s="329"/>
      <c r="AM434" s="16"/>
    </row>
    <row r="435" spans="1:40" s="1" customFormat="1">
      <c r="A435" s="20" t="str">
        <f t="shared" ref="A435:A446" si="24">IF(LEN(J435)&gt;0,MID(J435,FIND("（",J435,1)+1,2),A434)</f>
        <v>SJ</v>
      </c>
      <c r="B435" s="20"/>
      <c r="C435" s="52" t="s">
        <v>380</v>
      </c>
      <c r="D435" s="16"/>
      <c r="E435" s="26"/>
      <c r="F435" s="26"/>
      <c r="G435" s="26"/>
      <c r="H435" s="26"/>
      <c r="I435" s="26"/>
      <c r="J435" s="26" t="s">
        <v>734</v>
      </c>
      <c r="K435" s="26"/>
      <c r="L435" s="26"/>
      <c r="M435" s="26"/>
      <c r="N435" s="26"/>
      <c r="O435" s="26"/>
      <c r="P435" s="26"/>
      <c r="Q435" s="26"/>
      <c r="R435" s="26"/>
      <c r="S435" s="26"/>
      <c r="T435" s="26"/>
      <c r="U435" s="26" t="s">
        <v>735</v>
      </c>
      <c r="V435" s="122"/>
      <c r="W435" s="122"/>
      <c r="X435" s="122"/>
      <c r="Y435" s="122"/>
      <c r="Z435" s="122"/>
      <c r="AA435" s="122"/>
      <c r="AB435" s="122"/>
      <c r="AC435" s="122"/>
      <c r="AD435" s="122"/>
      <c r="AE435" s="122"/>
      <c r="AF435" s="122"/>
      <c r="AG435" s="122"/>
      <c r="AH435" s="122"/>
      <c r="AI435" s="122"/>
      <c r="AJ435" s="122"/>
      <c r="AK435" s="26"/>
      <c r="AL435" s="329"/>
      <c r="AM435" s="26"/>
    </row>
    <row r="436" spans="1:40" ht="13.5" customHeight="1">
      <c r="A436" s="20" t="str">
        <f t="shared" si="24"/>
        <v>SJ</v>
      </c>
      <c r="B436" s="20"/>
      <c r="C436" s="571" t="s">
        <v>73</v>
      </c>
      <c r="D436" s="573"/>
      <c r="E436" s="571" t="s">
        <v>94</v>
      </c>
      <c r="F436" s="571"/>
      <c r="G436" s="571"/>
      <c r="H436" s="571"/>
      <c r="I436" s="571"/>
      <c r="J436" s="571"/>
      <c r="K436" s="571"/>
      <c r="L436" s="571"/>
      <c r="M436" s="571"/>
      <c r="N436" s="571"/>
      <c r="O436" s="571"/>
      <c r="P436" s="571"/>
      <c r="Q436" s="571"/>
      <c r="R436" s="571"/>
      <c r="S436" s="571"/>
      <c r="T436" s="571"/>
      <c r="U436" s="226" t="s">
        <v>383</v>
      </c>
      <c r="V436" s="574" t="s">
        <v>138</v>
      </c>
      <c r="W436" s="574"/>
      <c r="X436" s="574"/>
      <c r="Y436" s="574"/>
      <c r="Z436" s="574"/>
      <c r="AA436" s="575" t="s">
        <v>415</v>
      </c>
      <c r="AB436" s="576"/>
      <c r="AC436" s="577"/>
      <c r="AD436" s="493" t="s">
        <v>97</v>
      </c>
      <c r="AE436" s="493"/>
      <c r="AF436" s="574" t="s">
        <v>98</v>
      </c>
      <c r="AG436" s="574"/>
      <c r="AH436" s="571" t="s">
        <v>75</v>
      </c>
      <c r="AI436" s="571"/>
      <c r="AJ436" s="571"/>
      <c r="AK436" s="581" t="s">
        <v>159</v>
      </c>
      <c r="AL436" s="329"/>
      <c r="AM436" s="16"/>
    </row>
    <row r="437" spans="1:40">
      <c r="A437" s="20" t="str">
        <f t="shared" si="24"/>
        <v>SJ</v>
      </c>
      <c r="B437" s="20"/>
      <c r="C437" s="573"/>
      <c r="D437" s="573"/>
      <c r="E437" s="571"/>
      <c r="F437" s="571"/>
      <c r="G437" s="571"/>
      <c r="H437" s="571"/>
      <c r="I437" s="571"/>
      <c r="J437" s="571"/>
      <c r="K437" s="571"/>
      <c r="L437" s="571"/>
      <c r="M437" s="571"/>
      <c r="N437" s="571"/>
      <c r="O437" s="571"/>
      <c r="P437" s="571"/>
      <c r="Q437" s="571"/>
      <c r="R437" s="571"/>
      <c r="S437" s="571"/>
      <c r="T437" s="571"/>
      <c r="U437" s="227"/>
      <c r="V437" s="574"/>
      <c r="W437" s="574"/>
      <c r="X437" s="574"/>
      <c r="Y437" s="574"/>
      <c r="Z437" s="574"/>
      <c r="AA437" s="578"/>
      <c r="AB437" s="579"/>
      <c r="AC437" s="580"/>
      <c r="AD437" s="493"/>
      <c r="AE437" s="493"/>
      <c r="AF437" s="574"/>
      <c r="AG437" s="574"/>
      <c r="AH437" s="571"/>
      <c r="AI437" s="571"/>
      <c r="AJ437" s="571"/>
      <c r="AK437" s="582"/>
      <c r="AL437" s="330"/>
      <c r="AM437" s="16"/>
    </row>
    <row r="438" spans="1:40" ht="13.4" customHeight="1">
      <c r="A438" s="20" t="str">
        <f t="shared" si="24"/>
        <v>SJ</v>
      </c>
      <c r="B438" s="20"/>
      <c r="C438" s="541">
        <v>1</v>
      </c>
      <c r="D438" s="542"/>
      <c r="E438" s="563" t="s">
        <v>440</v>
      </c>
      <c r="F438" s="564"/>
      <c r="G438" s="564"/>
      <c r="H438" s="564"/>
      <c r="I438" s="564"/>
      <c r="J438" s="564"/>
      <c r="K438" s="564"/>
      <c r="L438" s="564"/>
      <c r="M438" s="564"/>
      <c r="N438" s="564"/>
      <c r="O438" s="564"/>
      <c r="P438" s="564"/>
      <c r="Q438" s="564"/>
      <c r="R438" s="564"/>
      <c r="S438" s="564"/>
      <c r="T438" s="565"/>
      <c r="U438" s="219" t="s">
        <v>441</v>
      </c>
      <c r="V438" s="546" t="s">
        <v>101</v>
      </c>
      <c r="W438" s="547"/>
      <c r="X438" s="547"/>
      <c r="Y438" s="547"/>
      <c r="Z438" s="548"/>
      <c r="AA438" s="546" t="s">
        <v>102</v>
      </c>
      <c r="AB438" s="547"/>
      <c r="AC438" s="548"/>
      <c r="AD438" s="415">
        <v>10</v>
      </c>
      <c r="AE438" s="415" t="s">
        <v>103</v>
      </c>
      <c r="AF438" s="541"/>
      <c r="AG438" s="542"/>
      <c r="AH438" s="549"/>
      <c r="AI438" s="550"/>
      <c r="AJ438" s="551"/>
      <c r="AK438" s="335"/>
      <c r="AL438" s="330"/>
      <c r="AM438" s="16"/>
      <c r="AN438" s="3" t="str">
        <f>$Z$20</f>
        <v>■</v>
      </c>
    </row>
    <row r="439" spans="1:40" ht="13.4" customHeight="1">
      <c r="A439" s="20" t="str">
        <f t="shared" si="24"/>
        <v>SJ</v>
      </c>
      <c r="B439" s="20"/>
      <c r="C439" s="541">
        <v>2</v>
      </c>
      <c r="D439" s="542"/>
      <c r="E439" s="563" t="s">
        <v>442</v>
      </c>
      <c r="F439" s="564"/>
      <c r="G439" s="564"/>
      <c r="H439" s="564"/>
      <c r="I439" s="564"/>
      <c r="J439" s="564"/>
      <c r="K439" s="564"/>
      <c r="L439" s="564"/>
      <c r="M439" s="564"/>
      <c r="N439" s="564"/>
      <c r="O439" s="564"/>
      <c r="P439" s="564"/>
      <c r="Q439" s="564"/>
      <c r="R439" s="564"/>
      <c r="S439" s="564"/>
      <c r="T439" s="565"/>
      <c r="U439" s="219" t="s">
        <v>443</v>
      </c>
      <c r="V439" s="546" t="s">
        <v>101</v>
      </c>
      <c r="W439" s="547"/>
      <c r="X439" s="547"/>
      <c r="Y439" s="547"/>
      <c r="Z439" s="548"/>
      <c r="AA439" s="546" t="s">
        <v>102</v>
      </c>
      <c r="AB439" s="547"/>
      <c r="AC439" s="548"/>
      <c r="AD439" s="415">
        <v>51</v>
      </c>
      <c r="AE439" s="415" t="s">
        <v>103</v>
      </c>
      <c r="AF439" s="541"/>
      <c r="AG439" s="542"/>
      <c r="AH439" s="549"/>
      <c r="AI439" s="550"/>
      <c r="AJ439" s="551"/>
      <c r="AK439" s="335"/>
      <c r="AL439" s="329"/>
      <c r="AM439" s="16"/>
      <c r="AN439" s="3" t="str">
        <f t="shared" ref="AN439:AN446" si="25">$Z$20</f>
        <v>■</v>
      </c>
    </row>
    <row r="440" spans="1:40" s="28" customFormat="1" ht="13.4" customHeight="1">
      <c r="A440" s="20" t="str">
        <f t="shared" si="24"/>
        <v>SJ</v>
      </c>
      <c r="B440" s="20"/>
      <c r="C440" s="552">
        <v>3</v>
      </c>
      <c r="D440" s="553"/>
      <c r="E440" s="566" t="s">
        <v>106</v>
      </c>
      <c r="F440" s="567"/>
      <c r="G440" s="567"/>
      <c r="H440" s="567"/>
      <c r="I440" s="567"/>
      <c r="J440" s="567"/>
      <c r="K440" s="567"/>
      <c r="L440" s="567"/>
      <c r="M440" s="567"/>
      <c r="N440" s="567"/>
      <c r="O440" s="567"/>
      <c r="P440" s="567"/>
      <c r="Q440" s="567"/>
      <c r="R440" s="567"/>
      <c r="S440" s="567"/>
      <c r="T440" s="568"/>
      <c r="U440" s="220" t="s">
        <v>444</v>
      </c>
      <c r="V440" s="557" t="s">
        <v>107</v>
      </c>
      <c r="W440" s="558"/>
      <c r="X440" s="558"/>
      <c r="Y440" s="558"/>
      <c r="Z440" s="559"/>
      <c r="AA440" s="557" t="s">
        <v>108</v>
      </c>
      <c r="AB440" s="558"/>
      <c r="AC440" s="559"/>
      <c r="AD440" s="419">
        <v>1</v>
      </c>
      <c r="AE440" s="419">
        <v>0</v>
      </c>
      <c r="AF440" s="552" t="s">
        <v>109</v>
      </c>
      <c r="AG440" s="553"/>
      <c r="AH440" s="560"/>
      <c r="AI440" s="561"/>
      <c r="AJ440" s="562"/>
      <c r="AK440" s="321" t="s">
        <v>391</v>
      </c>
      <c r="AL440" s="329"/>
      <c r="AM440" s="331"/>
      <c r="AN440" s="3" t="str">
        <f t="shared" si="25"/>
        <v>■</v>
      </c>
    </row>
    <row r="441" spans="1:40" s="28" customFormat="1" ht="13.4" customHeight="1">
      <c r="A441" s="20" t="str">
        <f t="shared" si="24"/>
        <v>SJ</v>
      </c>
      <c r="B441" s="20"/>
      <c r="C441" s="541">
        <v>4</v>
      </c>
      <c r="D441" s="542"/>
      <c r="E441" s="563" t="s">
        <v>110</v>
      </c>
      <c r="F441" s="564"/>
      <c r="G441" s="564"/>
      <c r="H441" s="564"/>
      <c r="I441" s="564"/>
      <c r="J441" s="564"/>
      <c r="K441" s="564"/>
      <c r="L441" s="564"/>
      <c r="M441" s="564"/>
      <c r="N441" s="564"/>
      <c r="O441" s="564"/>
      <c r="P441" s="564"/>
      <c r="Q441" s="564"/>
      <c r="R441" s="564"/>
      <c r="S441" s="564"/>
      <c r="T441" s="565"/>
      <c r="U441" s="221" t="s">
        <v>445</v>
      </c>
      <c r="V441" s="546" t="s">
        <v>107</v>
      </c>
      <c r="W441" s="547"/>
      <c r="X441" s="547"/>
      <c r="Y441" s="547"/>
      <c r="Z441" s="548"/>
      <c r="AA441" s="546" t="s">
        <v>108</v>
      </c>
      <c r="AB441" s="547"/>
      <c r="AC441" s="548"/>
      <c r="AD441" s="415">
        <v>1</v>
      </c>
      <c r="AE441" s="415">
        <v>0</v>
      </c>
      <c r="AF441" s="541"/>
      <c r="AG441" s="542"/>
      <c r="AH441" s="549"/>
      <c r="AI441" s="550"/>
      <c r="AJ441" s="551"/>
      <c r="AK441" s="265"/>
      <c r="AL441" s="330"/>
      <c r="AM441" s="331"/>
      <c r="AN441" s="3" t="str">
        <f t="shared" si="25"/>
        <v>■</v>
      </c>
    </row>
    <row r="442" spans="1:40">
      <c r="A442" s="20" t="str">
        <f t="shared" si="24"/>
        <v>SJ</v>
      </c>
      <c r="B442" s="20"/>
      <c r="C442" s="541">
        <v>5</v>
      </c>
      <c r="D442" s="542"/>
      <c r="E442" s="543" t="s">
        <v>80</v>
      </c>
      <c r="F442" s="544"/>
      <c r="G442" s="544"/>
      <c r="H442" s="544"/>
      <c r="I442" s="544"/>
      <c r="J442" s="544"/>
      <c r="K442" s="544"/>
      <c r="L442" s="544"/>
      <c r="M442" s="544"/>
      <c r="N442" s="544"/>
      <c r="O442" s="544"/>
      <c r="P442" s="544"/>
      <c r="Q442" s="544"/>
      <c r="R442" s="544"/>
      <c r="S442" s="544"/>
      <c r="T442" s="545"/>
      <c r="U442" s="221" t="s">
        <v>446</v>
      </c>
      <c r="V442" s="546" t="s">
        <v>101</v>
      </c>
      <c r="W442" s="547"/>
      <c r="X442" s="547"/>
      <c r="Y442" s="547"/>
      <c r="Z442" s="548"/>
      <c r="AA442" s="546" t="s">
        <v>102</v>
      </c>
      <c r="AB442" s="547"/>
      <c r="AC442" s="548"/>
      <c r="AD442" s="415">
        <v>2</v>
      </c>
      <c r="AE442" s="415" t="s">
        <v>103</v>
      </c>
      <c r="AF442" s="541"/>
      <c r="AG442" s="542"/>
      <c r="AH442" s="549"/>
      <c r="AI442" s="550"/>
      <c r="AJ442" s="551"/>
      <c r="AK442" s="265"/>
      <c r="AL442" s="330"/>
      <c r="AM442" s="16"/>
      <c r="AN442" s="3" t="str">
        <f t="shared" si="25"/>
        <v>■</v>
      </c>
    </row>
    <row r="443" spans="1:40">
      <c r="A443" s="20" t="str">
        <f t="shared" si="24"/>
        <v>SJ</v>
      </c>
      <c r="B443" s="20"/>
      <c r="C443" s="541">
        <v>6</v>
      </c>
      <c r="D443" s="542"/>
      <c r="E443" s="543" t="s">
        <v>736</v>
      </c>
      <c r="F443" s="544"/>
      <c r="G443" s="544"/>
      <c r="H443" s="544"/>
      <c r="I443" s="544"/>
      <c r="J443" s="544"/>
      <c r="K443" s="544"/>
      <c r="L443" s="544"/>
      <c r="M443" s="544"/>
      <c r="N443" s="544"/>
      <c r="O443" s="544"/>
      <c r="P443" s="544"/>
      <c r="Q443" s="544"/>
      <c r="R443" s="544"/>
      <c r="S443" s="544"/>
      <c r="T443" s="545"/>
      <c r="U443" s="221" t="s">
        <v>737</v>
      </c>
      <c r="V443" s="546" t="s">
        <v>717</v>
      </c>
      <c r="W443" s="547"/>
      <c r="X443" s="547"/>
      <c r="Y443" s="547"/>
      <c r="Z443" s="548"/>
      <c r="AA443" s="546" t="s">
        <v>102</v>
      </c>
      <c r="AB443" s="547"/>
      <c r="AC443" s="548"/>
      <c r="AD443" s="415">
        <v>2</v>
      </c>
      <c r="AE443" s="415" t="s">
        <v>103</v>
      </c>
      <c r="AF443" s="541"/>
      <c r="AG443" s="542"/>
      <c r="AH443" s="549"/>
      <c r="AI443" s="550"/>
      <c r="AJ443" s="551"/>
      <c r="AK443" s="265"/>
      <c r="AL443" s="330"/>
      <c r="AM443" s="16"/>
      <c r="AN443" s="3" t="str">
        <f t="shared" si="25"/>
        <v>■</v>
      </c>
    </row>
    <row r="444" spans="1:40" s="28" customFormat="1">
      <c r="A444" s="20" t="str">
        <f t="shared" si="24"/>
        <v>SJ</v>
      </c>
      <c r="B444" s="20"/>
      <c r="C444" s="552">
        <v>7</v>
      </c>
      <c r="D444" s="553"/>
      <c r="E444" s="554" t="s">
        <v>738</v>
      </c>
      <c r="F444" s="555"/>
      <c r="G444" s="555"/>
      <c r="H444" s="555"/>
      <c r="I444" s="555"/>
      <c r="J444" s="555"/>
      <c r="K444" s="555"/>
      <c r="L444" s="555"/>
      <c r="M444" s="555"/>
      <c r="N444" s="555"/>
      <c r="O444" s="555"/>
      <c r="P444" s="555"/>
      <c r="Q444" s="555"/>
      <c r="R444" s="555"/>
      <c r="S444" s="555"/>
      <c r="T444" s="556"/>
      <c r="U444" s="259" t="s">
        <v>739</v>
      </c>
      <c r="V444" s="557" t="s">
        <v>398</v>
      </c>
      <c r="W444" s="558"/>
      <c r="X444" s="558"/>
      <c r="Y444" s="558"/>
      <c r="Z444" s="559"/>
      <c r="AA444" s="557" t="s">
        <v>102</v>
      </c>
      <c r="AB444" s="558"/>
      <c r="AC444" s="559"/>
      <c r="AD444" s="419">
        <v>1200</v>
      </c>
      <c r="AE444" s="419" t="s">
        <v>103</v>
      </c>
      <c r="AF444" s="552" t="s">
        <v>109</v>
      </c>
      <c r="AG444" s="553"/>
      <c r="AH444" s="560"/>
      <c r="AI444" s="561"/>
      <c r="AJ444" s="562"/>
      <c r="AK444" s="333" t="s">
        <v>399</v>
      </c>
      <c r="AL444" s="329"/>
      <c r="AM444" s="331"/>
      <c r="AN444" s="3" t="str">
        <f t="shared" si="25"/>
        <v>■</v>
      </c>
    </row>
    <row r="445" spans="1:40" s="28" customFormat="1">
      <c r="A445" s="20" t="str">
        <f t="shared" si="24"/>
        <v>SJ</v>
      </c>
      <c r="B445" s="20"/>
      <c r="C445" s="541">
        <v>8</v>
      </c>
      <c r="D445" s="542"/>
      <c r="E445" s="543" t="s">
        <v>409</v>
      </c>
      <c r="F445" s="544"/>
      <c r="G445" s="544"/>
      <c r="H445" s="544"/>
      <c r="I445" s="544"/>
      <c r="J445" s="544"/>
      <c r="K445" s="544"/>
      <c r="L445" s="544"/>
      <c r="M445" s="544"/>
      <c r="N445" s="544"/>
      <c r="O445" s="544"/>
      <c r="P445" s="544"/>
      <c r="Q445" s="544"/>
      <c r="R445" s="544"/>
      <c r="S445" s="544"/>
      <c r="T445" s="545"/>
      <c r="U445" s="221" t="s">
        <v>453</v>
      </c>
      <c r="V445" s="546" t="s">
        <v>107</v>
      </c>
      <c r="W445" s="547"/>
      <c r="X445" s="547"/>
      <c r="Y445" s="547"/>
      <c r="Z445" s="548"/>
      <c r="AA445" s="546" t="s">
        <v>102</v>
      </c>
      <c r="AB445" s="547"/>
      <c r="AC445" s="548"/>
      <c r="AD445" s="415">
        <v>6</v>
      </c>
      <c r="AE445" s="415" t="s">
        <v>103</v>
      </c>
      <c r="AF445" s="541"/>
      <c r="AG445" s="542"/>
      <c r="AH445" s="549"/>
      <c r="AI445" s="550"/>
      <c r="AJ445" s="551"/>
      <c r="AK445" s="265"/>
      <c r="AL445" s="334"/>
      <c r="AM445" s="331"/>
      <c r="AN445" s="3" t="str">
        <f t="shared" si="25"/>
        <v>■</v>
      </c>
    </row>
    <row r="446" spans="1:40" s="28" customFormat="1">
      <c r="A446" s="20" t="str">
        <f t="shared" si="24"/>
        <v>SJ</v>
      </c>
      <c r="B446" s="20"/>
      <c r="C446" s="541">
        <v>9</v>
      </c>
      <c r="D446" s="542"/>
      <c r="E446" s="543" t="s">
        <v>411</v>
      </c>
      <c r="F446" s="544"/>
      <c r="G446" s="544"/>
      <c r="H446" s="544"/>
      <c r="I446" s="544"/>
      <c r="J446" s="544"/>
      <c r="K446" s="544"/>
      <c r="L446" s="544"/>
      <c r="M446" s="544"/>
      <c r="N446" s="544"/>
      <c r="O446" s="544"/>
      <c r="P446" s="544"/>
      <c r="Q446" s="544"/>
      <c r="R446" s="544"/>
      <c r="S446" s="544"/>
      <c r="T446" s="545"/>
      <c r="U446" s="221" t="s">
        <v>516</v>
      </c>
      <c r="V446" s="546" t="s">
        <v>107</v>
      </c>
      <c r="W446" s="547"/>
      <c r="X446" s="547"/>
      <c r="Y446" s="547"/>
      <c r="Z446" s="548"/>
      <c r="AA446" s="546" t="s">
        <v>102</v>
      </c>
      <c r="AB446" s="547"/>
      <c r="AC446" s="548"/>
      <c r="AD446" s="415">
        <v>6</v>
      </c>
      <c r="AE446" s="415" t="s">
        <v>103</v>
      </c>
      <c r="AF446" s="541"/>
      <c r="AG446" s="542"/>
      <c r="AH446" s="549"/>
      <c r="AI446" s="550"/>
      <c r="AJ446" s="551"/>
      <c r="AK446" s="265"/>
      <c r="AL446" s="329"/>
      <c r="AM446" s="331"/>
      <c r="AN446" s="3" t="str">
        <f t="shared" si="25"/>
        <v>■</v>
      </c>
    </row>
    <row r="447" spans="1:40">
      <c r="A447" s="20" t="str">
        <f>IF(LEN(J447)&gt;0,MID(J447,FIND("（",J447,1)+1,2),A444)</f>
        <v>SJ</v>
      </c>
      <c r="B447" s="20"/>
      <c r="E447" s="26"/>
      <c r="F447" s="26"/>
      <c r="G447" s="26"/>
      <c r="H447" s="26"/>
      <c r="I447" s="26"/>
      <c r="J447" s="26"/>
      <c r="K447" s="26"/>
      <c r="L447" s="26"/>
      <c r="M447" s="26"/>
      <c r="N447" s="26"/>
      <c r="O447" s="26"/>
      <c r="P447" s="26"/>
      <c r="Q447" s="26"/>
      <c r="R447" s="26"/>
      <c r="S447" s="26"/>
      <c r="T447" s="26"/>
      <c r="V447" s="122"/>
      <c r="W447" s="122"/>
      <c r="X447" s="122"/>
      <c r="Y447" s="122"/>
      <c r="Z447" s="122"/>
      <c r="AA447" s="122"/>
      <c r="AB447" s="122"/>
      <c r="AC447" s="122"/>
      <c r="AD447" s="122"/>
      <c r="AE447" s="122"/>
      <c r="AF447" s="122"/>
      <c r="AG447" s="122"/>
      <c r="AH447" s="122"/>
      <c r="AI447" s="122"/>
      <c r="AJ447" s="122"/>
      <c r="AK447" s="55"/>
      <c r="AL447" s="329"/>
      <c r="AM447" s="16"/>
    </row>
    <row r="448" spans="1:40" s="1" customFormat="1">
      <c r="A448" s="20" t="str">
        <f t="shared" ref="A448:A464" si="26">IF(LEN(J448)&gt;0,MID(J448,FIND("（",J448,1)+1,2),A447)</f>
        <v>TI</v>
      </c>
      <c r="B448" s="20"/>
      <c r="C448" s="52" t="s">
        <v>380</v>
      </c>
      <c r="D448" s="16"/>
      <c r="E448" s="26"/>
      <c r="F448" s="26"/>
      <c r="G448" s="26"/>
      <c r="H448" s="26"/>
      <c r="I448" s="26"/>
      <c r="J448" s="26" t="s">
        <v>3036</v>
      </c>
      <c r="K448" s="26"/>
      <c r="L448" s="26"/>
      <c r="M448" s="26"/>
      <c r="N448" s="26"/>
      <c r="O448" s="26"/>
      <c r="P448" s="26"/>
      <c r="Q448" s="26"/>
      <c r="R448" s="26"/>
      <c r="S448" s="26"/>
      <c r="T448" s="26"/>
      <c r="U448" s="26" t="s">
        <v>741</v>
      </c>
      <c r="V448" s="122"/>
      <c r="W448" s="122"/>
      <c r="X448" s="122"/>
      <c r="Y448" s="122"/>
      <c r="Z448" s="122"/>
      <c r="AA448" s="122"/>
      <c r="AB448" s="122"/>
      <c r="AC448" s="122"/>
      <c r="AD448" s="122"/>
      <c r="AE448" s="122"/>
      <c r="AF448" s="122"/>
      <c r="AG448" s="122"/>
      <c r="AH448" s="122"/>
      <c r="AI448" s="122"/>
      <c r="AJ448" s="122"/>
      <c r="AK448" s="26"/>
      <c r="AL448" s="329"/>
      <c r="AM448" s="26"/>
    </row>
    <row r="449" spans="1:40" ht="13.5" customHeight="1">
      <c r="A449" s="20" t="str">
        <f t="shared" si="26"/>
        <v>TI</v>
      </c>
      <c r="B449" s="20"/>
      <c r="C449" s="571" t="s">
        <v>73</v>
      </c>
      <c r="D449" s="573"/>
      <c r="E449" s="583" t="s">
        <v>94</v>
      </c>
      <c r="F449" s="583"/>
      <c r="G449" s="583"/>
      <c r="H449" s="583"/>
      <c r="I449" s="583"/>
      <c r="J449" s="583"/>
      <c r="K449" s="583"/>
      <c r="L449" s="583"/>
      <c r="M449" s="583"/>
      <c r="N449" s="583"/>
      <c r="O449" s="583"/>
      <c r="P449" s="583"/>
      <c r="Q449" s="583"/>
      <c r="R449" s="583"/>
      <c r="S449" s="583"/>
      <c r="T449" s="583"/>
      <c r="U449" s="226" t="s">
        <v>383</v>
      </c>
      <c r="V449" s="572" t="s">
        <v>138</v>
      </c>
      <c r="W449" s="572"/>
      <c r="X449" s="572"/>
      <c r="Y449" s="572"/>
      <c r="Z449" s="572"/>
      <c r="AA449" s="575" t="s">
        <v>415</v>
      </c>
      <c r="AB449" s="576"/>
      <c r="AC449" s="577"/>
      <c r="AD449" s="572" t="s">
        <v>97</v>
      </c>
      <c r="AE449" s="572"/>
      <c r="AF449" s="572" t="s">
        <v>98</v>
      </c>
      <c r="AG449" s="572"/>
      <c r="AH449" s="583" t="s">
        <v>75</v>
      </c>
      <c r="AI449" s="583"/>
      <c r="AJ449" s="583"/>
      <c r="AK449" s="581" t="s">
        <v>159</v>
      </c>
      <c r="AL449" s="329"/>
      <c r="AM449" s="16"/>
    </row>
    <row r="450" spans="1:40">
      <c r="A450" s="20" t="str">
        <f t="shared" si="26"/>
        <v>TI</v>
      </c>
      <c r="B450" s="20"/>
      <c r="C450" s="573"/>
      <c r="D450" s="573"/>
      <c r="E450" s="583"/>
      <c r="F450" s="583"/>
      <c r="G450" s="583"/>
      <c r="H450" s="583"/>
      <c r="I450" s="583"/>
      <c r="J450" s="583"/>
      <c r="K450" s="583"/>
      <c r="L450" s="583"/>
      <c r="M450" s="583"/>
      <c r="N450" s="583"/>
      <c r="O450" s="583"/>
      <c r="P450" s="583"/>
      <c r="Q450" s="583"/>
      <c r="R450" s="583"/>
      <c r="S450" s="583"/>
      <c r="T450" s="583"/>
      <c r="U450" s="227"/>
      <c r="V450" s="572"/>
      <c r="W450" s="572"/>
      <c r="X450" s="572"/>
      <c r="Y450" s="572"/>
      <c r="Z450" s="572"/>
      <c r="AA450" s="578"/>
      <c r="AB450" s="579"/>
      <c r="AC450" s="580"/>
      <c r="AD450" s="572"/>
      <c r="AE450" s="572"/>
      <c r="AF450" s="572"/>
      <c r="AG450" s="572"/>
      <c r="AH450" s="583"/>
      <c r="AI450" s="583"/>
      <c r="AJ450" s="583"/>
      <c r="AK450" s="582"/>
      <c r="AL450" s="330"/>
      <c r="AM450" s="16"/>
    </row>
    <row r="451" spans="1:40" ht="13.4" customHeight="1">
      <c r="A451" s="20" t="str">
        <f t="shared" si="26"/>
        <v>TI</v>
      </c>
      <c r="B451" s="20"/>
      <c r="C451" s="541">
        <v>1</v>
      </c>
      <c r="D451" s="542"/>
      <c r="E451" s="563" t="s">
        <v>440</v>
      </c>
      <c r="F451" s="564"/>
      <c r="G451" s="564"/>
      <c r="H451" s="564"/>
      <c r="I451" s="564"/>
      <c r="J451" s="564"/>
      <c r="K451" s="564"/>
      <c r="L451" s="564"/>
      <c r="M451" s="564"/>
      <c r="N451" s="564"/>
      <c r="O451" s="564"/>
      <c r="P451" s="564"/>
      <c r="Q451" s="564"/>
      <c r="R451" s="564"/>
      <c r="S451" s="564"/>
      <c r="T451" s="565"/>
      <c r="U451" s="219" t="s">
        <v>441</v>
      </c>
      <c r="V451" s="546" t="s">
        <v>101</v>
      </c>
      <c r="W451" s="547"/>
      <c r="X451" s="547"/>
      <c r="Y451" s="547"/>
      <c r="Z451" s="548"/>
      <c r="AA451" s="546" t="s">
        <v>102</v>
      </c>
      <c r="AB451" s="547"/>
      <c r="AC451" s="548"/>
      <c r="AD451" s="415">
        <v>10</v>
      </c>
      <c r="AE451" s="415" t="s">
        <v>103</v>
      </c>
      <c r="AF451" s="541"/>
      <c r="AG451" s="542"/>
      <c r="AH451" s="549"/>
      <c r="AI451" s="550"/>
      <c r="AJ451" s="551"/>
      <c r="AK451" s="265"/>
      <c r="AL451" s="330"/>
      <c r="AM451" s="16"/>
      <c r="AN451" s="3" t="str">
        <f>$G$21</f>
        <v>■</v>
      </c>
    </row>
    <row r="452" spans="1:40" ht="13.4" customHeight="1">
      <c r="A452" s="20" t="str">
        <f t="shared" si="26"/>
        <v>TI</v>
      </c>
      <c r="B452" s="20"/>
      <c r="C452" s="541">
        <v>2</v>
      </c>
      <c r="D452" s="542"/>
      <c r="E452" s="563" t="s">
        <v>442</v>
      </c>
      <c r="F452" s="564"/>
      <c r="G452" s="564"/>
      <c r="H452" s="564"/>
      <c r="I452" s="564"/>
      <c r="J452" s="564"/>
      <c r="K452" s="564"/>
      <c r="L452" s="564"/>
      <c r="M452" s="564"/>
      <c r="N452" s="564"/>
      <c r="O452" s="564"/>
      <c r="P452" s="564"/>
      <c r="Q452" s="564"/>
      <c r="R452" s="564"/>
      <c r="S452" s="564"/>
      <c r="T452" s="565"/>
      <c r="U452" s="219" t="s">
        <v>443</v>
      </c>
      <c r="V452" s="546" t="s">
        <v>101</v>
      </c>
      <c r="W452" s="547"/>
      <c r="X452" s="547"/>
      <c r="Y452" s="547"/>
      <c r="Z452" s="548"/>
      <c r="AA452" s="546" t="s">
        <v>102</v>
      </c>
      <c r="AB452" s="547"/>
      <c r="AC452" s="548"/>
      <c r="AD452" s="415">
        <v>51</v>
      </c>
      <c r="AE452" s="415" t="s">
        <v>103</v>
      </c>
      <c r="AF452" s="541"/>
      <c r="AG452" s="542"/>
      <c r="AH452" s="549"/>
      <c r="AI452" s="550"/>
      <c r="AJ452" s="551"/>
      <c r="AK452" s="265"/>
      <c r="AL452" s="329"/>
      <c r="AM452" s="16"/>
      <c r="AN452" s="3" t="str">
        <f t="shared" ref="AN452:AN464" si="27">$G$21</f>
        <v>■</v>
      </c>
    </row>
    <row r="453" spans="1:40" s="28" customFormat="1" ht="13.4" customHeight="1">
      <c r="A453" s="20" t="str">
        <f t="shared" si="26"/>
        <v>TI</v>
      </c>
      <c r="B453" s="20"/>
      <c r="C453" s="552">
        <v>3</v>
      </c>
      <c r="D453" s="553"/>
      <c r="E453" s="566" t="s">
        <v>106</v>
      </c>
      <c r="F453" s="567"/>
      <c r="G453" s="567"/>
      <c r="H453" s="567"/>
      <c r="I453" s="567"/>
      <c r="J453" s="567"/>
      <c r="K453" s="567"/>
      <c r="L453" s="567"/>
      <c r="M453" s="567"/>
      <c r="N453" s="567"/>
      <c r="O453" s="567"/>
      <c r="P453" s="567"/>
      <c r="Q453" s="567"/>
      <c r="R453" s="567"/>
      <c r="S453" s="567"/>
      <c r="T453" s="568"/>
      <c r="U453" s="220" t="s">
        <v>444</v>
      </c>
      <c r="V453" s="557" t="s">
        <v>107</v>
      </c>
      <c r="W453" s="558"/>
      <c r="X453" s="558"/>
      <c r="Y453" s="558"/>
      <c r="Z453" s="559"/>
      <c r="AA453" s="557" t="s">
        <v>108</v>
      </c>
      <c r="AB453" s="558"/>
      <c r="AC453" s="559"/>
      <c r="AD453" s="419">
        <v>1</v>
      </c>
      <c r="AE453" s="419">
        <v>0</v>
      </c>
      <c r="AF453" s="552" t="s">
        <v>109</v>
      </c>
      <c r="AG453" s="553"/>
      <c r="AH453" s="560"/>
      <c r="AI453" s="561"/>
      <c r="AJ453" s="562"/>
      <c r="AK453" s="321" t="s">
        <v>391</v>
      </c>
      <c r="AL453" s="329"/>
      <c r="AM453" s="331"/>
      <c r="AN453" s="3" t="str">
        <f t="shared" si="27"/>
        <v>■</v>
      </c>
    </row>
    <row r="454" spans="1:40" s="28" customFormat="1" ht="13.4" customHeight="1">
      <c r="A454" s="20" t="str">
        <f t="shared" si="26"/>
        <v>TI</v>
      </c>
      <c r="B454" s="20"/>
      <c r="C454" s="541">
        <v>4</v>
      </c>
      <c r="D454" s="542"/>
      <c r="E454" s="563" t="s">
        <v>110</v>
      </c>
      <c r="F454" s="564"/>
      <c r="G454" s="564"/>
      <c r="H454" s="564"/>
      <c r="I454" s="564"/>
      <c r="J454" s="564"/>
      <c r="K454" s="564"/>
      <c r="L454" s="564"/>
      <c r="M454" s="564"/>
      <c r="N454" s="564"/>
      <c r="O454" s="564"/>
      <c r="P454" s="564"/>
      <c r="Q454" s="564"/>
      <c r="R454" s="564"/>
      <c r="S454" s="564"/>
      <c r="T454" s="565"/>
      <c r="U454" s="221" t="s">
        <v>445</v>
      </c>
      <c r="V454" s="546" t="s">
        <v>107</v>
      </c>
      <c r="W454" s="547"/>
      <c r="X454" s="547"/>
      <c r="Y454" s="547"/>
      <c r="Z454" s="548"/>
      <c r="AA454" s="546" t="s">
        <v>108</v>
      </c>
      <c r="AB454" s="547"/>
      <c r="AC454" s="548"/>
      <c r="AD454" s="415">
        <v>1</v>
      </c>
      <c r="AE454" s="415">
        <v>0</v>
      </c>
      <c r="AF454" s="541"/>
      <c r="AG454" s="542"/>
      <c r="AH454" s="549"/>
      <c r="AI454" s="550"/>
      <c r="AJ454" s="551"/>
      <c r="AK454" s="265"/>
      <c r="AL454" s="329"/>
      <c r="AM454" s="331"/>
      <c r="AN454" s="3" t="str">
        <f t="shared" si="27"/>
        <v>■</v>
      </c>
    </row>
    <row r="455" spans="1:40">
      <c r="A455" s="20" t="str">
        <f t="shared" si="26"/>
        <v>TI</v>
      </c>
      <c r="B455" s="20"/>
      <c r="C455" s="541">
        <v>5</v>
      </c>
      <c r="D455" s="542"/>
      <c r="E455" s="543" t="s">
        <v>80</v>
      </c>
      <c r="F455" s="544"/>
      <c r="G455" s="544"/>
      <c r="H455" s="544"/>
      <c r="I455" s="544"/>
      <c r="J455" s="544"/>
      <c r="K455" s="544"/>
      <c r="L455" s="544"/>
      <c r="M455" s="544"/>
      <c r="N455" s="544"/>
      <c r="O455" s="544"/>
      <c r="P455" s="544"/>
      <c r="Q455" s="544"/>
      <c r="R455" s="544"/>
      <c r="S455" s="544"/>
      <c r="T455" s="545"/>
      <c r="U455" s="221" t="s">
        <v>446</v>
      </c>
      <c r="V455" s="546" t="s">
        <v>101</v>
      </c>
      <c r="W455" s="547"/>
      <c r="X455" s="547"/>
      <c r="Y455" s="547"/>
      <c r="Z455" s="548"/>
      <c r="AA455" s="546" t="s">
        <v>102</v>
      </c>
      <c r="AB455" s="547"/>
      <c r="AC455" s="548"/>
      <c r="AD455" s="415">
        <v>2</v>
      </c>
      <c r="AE455" s="415" t="s">
        <v>103</v>
      </c>
      <c r="AF455" s="541"/>
      <c r="AG455" s="542"/>
      <c r="AH455" s="549"/>
      <c r="AI455" s="550"/>
      <c r="AJ455" s="551"/>
      <c r="AK455" s="265"/>
      <c r="AL455" s="329"/>
      <c r="AM455" s="16"/>
      <c r="AN455" s="3" t="str">
        <f t="shared" si="27"/>
        <v>■</v>
      </c>
    </row>
    <row r="456" spans="1:40">
      <c r="A456" s="20" t="str">
        <f t="shared" si="26"/>
        <v>TI</v>
      </c>
      <c r="B456" s="20"/>
      <c r="C456" s="541">
        <v>6</v>
      </c>
      <c r="D456" s="542"/>
      <c r="E456" s="543" t="s">
        <v>742</v>
      </c>
      <c r="F456" s="544"/>
      <c r="G456" s="544"/>
      <c r="H456" s="544"/>
      <c r="I456" s="544"/>
      <c r="J456" s="544"/>
      <c r="K456" s="544"/>
      <c r="L456" s="544"/>
      <c r="M456" s="544"/>
      <c r="N456" s="544"/>
      <c r="O456" s="544"/>
      <c r="P456" s="544"/>
      <c r="Q456" s="544"/>
      <c r="R456" s="544"/>
      <c r="S456" s="544"/>
      <c r="T456" s="545"/>
      <c r="U456" s="221" t="s">
        <v>743</v>
      </c>
      <c r="V456" s="546" t="s">
        <v>107</v>
      </c>
      <c r="W456" s="547"/>
      <c r="X456" s="547"/>
      <c r="Y456" s="547"/>
      <c r="Z456" s="548"/>
      <c r="AA456" s="546" t="s">
        <v>102</v>
      </c>
      <c r="AB456" s="547"/>
      <c r="AC456" s="548"/>
      <c r="AD456" s="415">
        <v>1</v>
      </c>
      <c r="AE456" s="415" t="s">
        <v>103</v>
      </c>
      <c r="AF456" s="541"/>
      <c r="AG456" s="542"/>
      <c r="AH456" s="549"/>
      <c r="AI456" s="550"/>
      <c r="AJ456" s="551"/>
      <c r="AK456" s="265"/>
      <c r="AL456" s="329"/>
      <c r="AM456" s="16"/>
      <c r="AN456" s="3" t="str">
        <f t="shared" si="27"/>
        <v>■</v>
      </c>
    </row>
    <row r="457" spans="1:40">
      <c r="A457" s="20" t="str">
        <f t="shared" si="26"/>
        <v>TI</v>
      </c>
      <c r="B457" s="20"/>
      <c r="C457" s="541">
        <v>7</v>
      </c>
      <c r="D457" s="542"/>
      <c r="E457" s="543" t="s">
        <v>744</v>
      </c>
      <c r="F457" s="544"/>
      <c r="G457" s="544"/>
      <c r="H457" s="544"/>
      <c r="I457" s="544"/>
      <c r="J457" s="544"/>
      <c r="K457" s="544"/>
      <c r="L457" s="544"/>
      <c r="M457" s="544"/>
      <c r="N457" s="544"/>
      <c r="O457" s="544"/>
      <c r="P457" s="544"/>
      <c r="Q457" s="544"/>
      <c r="R457" s="544"/>
      <c r="S457" s="544"/>
      <c r="T457" s="545"/>
      <c r="U457" s="221" t="s">
        <v>745</v>
      </c>
      <c r="V457" s="546" t="s">
        <v>107</v>
      </c>
      <c r="W457" s="547"/>
      <c r="X457" s="547"/>
      <c r="Y457" s="547"/>
      <c r="Z457" s="548"/>
      <c r="AA457" s="546" t="s">
        <v>102</v>
      </c>
      <c r="AB457" s="547"/>
      <c r="AC457" s="548"/>
      <c r="AD457" s="415">
        <v>1</v>
      </c>
      <c r="AE457" s="415" t="s">
        <v>103</v>
      </c>
      <c r="AF457" s="541"/>
      <c r="AG457" s="542"/>
      <c r="AH457" s="549"/>
      <c r="AI457" s="550"/>
      <c r="AJ457" s="551"/>
      <c r="AK457" s="265"/>
      <c r="AL457" s="330"/>
      <c r="AM457" s="16"/>
      <c r="AN457" s="3" t="str">
        <f t="shared" si="27"/>
        <v>■</v>
      </c>
    </row>
    <row r="458" spans="1:40">
      <c r="A458" s="20" t="str">
        <f t="shared" si="26"/>
        <v>TI</v>
      </c>
      <c r="B458" s="20"/>
      <c r="C458" s="541">
        <v>8</v>
      </c>
      <c r="D458" s="542"/>
      <c r="E458" s="543" t="s">
        <v>420</v>
      </c>
      <c r="F458" s="544"/>
      <c r="G458" s="544"/>
      <c r="H458" s="544"/>
      <c r="I458" s="544"/>
      <c r="J458" s="544"/>
      <c r="K458" s="544"/>
      <c r="L458" s="544"/>
      <c r="M458" s="544"/>
      <c r="N458" s="544"/>
      <c r="O458" s="544"/>
      <c r="P458" s="544"/>
      <c r="Q458" s="544"/>
      <c r="R458" s="544"/>
      <c r="S458" s="544"/>
      <c r="T458" s="545"/>
      <c r="U458" s="221" t="s">
        <v>746</v>
      </c>
      <c r="V458" s="546" t="s">
        <v>107</v>
      </c>
      <c r="W458" s="547"/>
      <c r="X458" s="547"/>
      <c r="Y458" s="547"/>
      <c r="Z458" s="548"/>
      <c r="AA458" s="546" t="s">
        <v>102</v>
      </c>
      <c r="AB458" s="547"/>
      <c r="AC458" s="548"/>
      <c r="AD458" s="415">
        <v>2</v>
      </c>
      <c r="AE458" s="415" t="s">
        <v>103</v>
      </c>
      <c r="AF458" s="541"/>
      <c r="AG458" s="542"/>
      <c r="AH458" s="549"/>
      <c r="AI458" s="550"/>
      <c r="AJ458" s="551"/>
      <c r="AK458" s="265"/>
      <c r="AL458" s="329"/>
      <c r="AM458" s="16"/>
      <c r="AN458" s="3" t="str">
        <f t="shared" si="27"/>
        <v>■</v>
      </c>
    </row>
    <row r="459" spans="1:40">
      <c r="A459" s="20" t="str">
        <f t="shared" si="26"/>
        <v>TI</v>
      </c>
      <c r="B459" s="20"/>
      <c r="C459" s="541">
        <v>9</v>
      </c>
      <c r="D459" s="542"/>
      <c r="E459" s="543" t="s">
        <v>422</v>
      </c>
      <c r="F459" s="544"/>
      <c r="G459" s="544"/>
      <c r="H459" s="544"/>
      <c r="I459" s="544"/>
      <c r="J459" s="544"/>
      <c r="K459" s="544"/>
      <c r="L459" s="544"/>
      <c r="M459" s="544"/>
      <c r="N459" s="544"/>
      <c r="O459" s="544"/>
      <c r="P459" s="544"/>
      <c r="Q459" s="544"/>
      <c r="R459" s="544"/>
      <c r="S459" s="544"/>
      <c r="T459" s="545"/>
      <c r="U459" s="221" t="s">
        <v>747</v>
      </c>
      <c r="V459" s="546" t="s">
        <v>107</v>
      </c>
      <c r="W459" s="547"/>
      <c r="X459" s="547"/>
      <c r="Y459" s="547"/>
      <c r="Z459" s="548"/>
      <c r="AA459" s="546" t="s">
        <v>102</v>
      </c>
      <c r="AB459" s="547"/>
      <c r="AC459" s="548"/>
      <c r="AD459" s="415">
        <v>1</v>
      </c>
      <c r="AE459" s="415" t="s">
        <v>103</v>
      </c>
      <c r="AF459" s="541"/>
      <c r="AG459" s="542"/>
      <c r="AH459" s="549"/>
      <c r="AI459" s="550"/>
      <c r="AJ459" s="551"/>
      <c r="AK459" s="265"/>
      <c r="AL459" s="329"/>
      <c r="AM459" s="16"/>
      <c r="AN459" s="3" t="str">
        <f t="shared" si="27"/>
        <v>■</v>
      </c>
    </row>
    <row r="460" spans="1:40" s="28" customFormat="1">
      <c r="A460" s="20" t="str">
        <f t="shared" si="26"/>
        <v>TI</v>
      </c>
      <c r="B460" s="20"/>
      <c r="C460" s="552">
        <v>10</v>
      </c>
      <c r="D460" s="553"/>
      <c r="E460" s="554" t="s">
        <v>424</v>
      </c>
      <c r="F460" s="555"/>
      <c r="G460" s="555"/>
      <c r="H460" s="555"/>
      <c r="I460" s="555"/>
      <c r="J460" s="555"/>
      <c r="K460" s="555"/>
      <c r="L460" s="555"/>
      <c r="M460" s="555"/>
      <c r="N460" s="555"/>
      <c r="O460" s="555"/>
      <c r="P460" s="555"/>
      <c r="Q460" s="555"/>
      <c r="R460" s="555"/>
      <c r="S460" s="555"/>
      <c r="T460" s="556"/>
      <c r="U460" s="259" t="s">
        <v>748</v>
      </c>
      <c r="V460" s="557" t="s">
        <v>107</v>
      </c>
      <c r="W460" s="558"/>
      <c r="X460" s="558"/>
      <c r="Y460" s="558"/>
      <c r="Z460" s="559"/>
      <c r="AA460" s="557" t="s">
        <v>102</v>
      </c>
      <c r="AB460" s="558"/>
      <c r="AC460" s="559"/>
      <c r="AD460" s="419">
        <v>7</v>
      </c>
      <c r="AE460" s="419" t="s">
        <v>103</v>
      </c>
      <c r="AF460" s="552" t="s">
        <v>109</v>
      </c>
      <c r="AG460" s="553"/>
      <c r="AH460" s="560"/>
      <c r="AI460" s="561"/>
      <c r="AJ460" s="562"/>
      <c r="AK460" s="321" t="s">
        <v>391</v>
      </c>
      <c r="AL460" s="329"/>
      <c r="AM460" s="331"/>
      <c r="AN460" s="3" t="str">
        <f t="shared" si="27"/>
        <v>■</v>
      </c>
    </row>
    <row r="461" spans="1:40" ht="13.4" customHeight="1">
      <c r="A461" s="20" t="str">
        <f t="shared" si="26"/>
        <v>TI</v>
      </c>
      <c r="B461" s="20"/>
      <c r="C461" s="541">
        <v>11</v>
      </c>
      <c r="D461" s="542"/>
      <c r="E461" s="563" t="s">
        <v>426</v>
      </c>
      <c r="F461" s="564"/>
      <c r="G461" s="564"/>
      <c r="H461" s="564"/>
      <c r="I461" s="564"/>
      <c r="J461" s="564"/>
      <c r="K461" s="564"/>
      <c r="L461" s="564"/>
      <c r="M461" s="564"/>
      <c r="N461" s="564"/>
      <c r="O461" s="564"/>
      <c r="P461" s="564"/>
      <c r="Q461" s="564"/>
      <c r="R461" s="564"/>
      <c r="S461" s="564"/>
      <c r="T461" s="565"/>
      <c r="U461" s="221" t="s">
        <v>749</v>
      </c>
      <c r="V461" s="546" t="s">
        <v>107</v>
      </c>
      <c r="W461" s="547"/>
      <c r="X461" s="547"/>
      <c r="Y461" s="547"/>
      <c r="Z461" s="548"/>
      <c r="AA461" s="546" t="s">
        <v>102</v>
      </c>
      <c r="AB461" s="547"/>
      <c r="AC461" s="548"/>
      <c r="AD461" s="415">
        <v>7</v>
      </c>
      <c r="AE461" s="415" t="s">
        <v>103</v>
      </c>
      <c r="AF461" s="541"/>
      <c r="AG461" s="542"/>
      <c r="AH461" s="549"/>
      <c r="AI461" s="550"/>
      <c r="AJ461" s="551"/>
      <c r="AK461" s="265" t="s">
        <v>3020</v>
      </c>
      <c r="AL461" s="329"/>
      <c r="AM461" s="16"/>
      <c r="AN461" s="3" t="str">
        <f t="shared" si="27"/>
        <v>■</v>
      </c>
    </row>
    <row r="462" spans="1:40">
      <c r="A462" s="20" t="str">
        <f t="shared" si="26"/>
        <v>TI</v>
      </c>
      <c r="B462" s="20"/>
      <c r="C462" s="552">
        <v>12</v>
      </c>
      <c r="D462" s="553"/>
      <c r="E462" s="554" t="s">
        <v>750</v>
      </c>
      <c r="F462" s="555"/>
      <c r="G462" s="555"/>
      <c r="H462" s="555"/>
      <c r="I462" s="555"/>
      <c r="J462" s="555"/>
      <c r="K462" s="555"/>
      <c r="L462" s="555"/>
      <c r="M462" s="555"/>
      <c r="N462" s="555"/>
      <c r="O462" s="555"/>
      <c r="P462" s="555"/>
      <c r="Q462" s="555"/>
      <c r="R462" s="555"/>
      <c r="S462" s="555"/>
      <c r="T462" s="556"/>
      <c r="U462" s="259" t="s">
        <v>751</v>
      </c>
      <c r="V462" s="557" t="s">
        <v>107</v>
      </c>
      <c r="W462" s="558"/>
      <c r="X462" s="558"/>
      <c r="Y462" s="558"/>
      <c r="Z462" s="559"/>
      <c r="AA462" s="557" t="s">
        <v>102</v>
      </c>
      <c r="AB462" s="558"/>
      <c r="AC462" s="559"/>
      <c r="AD462" s="419">
        <v>2</v>
      </c>
      <c r="AE462" s="419" t="s">
        <v>103</v>
      </c>
      <c r="AF462" s="552" t="s">
        <v>109</v>
      </c>
      <c r="AG462" s="553"/>
      <c r="AH462" s="560"/>
      <c r="AI462" s="561"/>
      <c r="AJ462" s="562"/>
      <c r="AK462" s="321" t="s">
        <v>391</v>
      </c>
      <c r="AL462" s="329"/>
      <c r="AM462" s="16"/>
      <c r="AN462" s="3" t="str">
        <f t="shared" si="27"/>
        <v>■</v>
      </c>
    </row>
    <row r="463" spans="1:40" ht="13.4" customHeight="1">
      <c r="A463" s="20" t="str">
        <f t="shared" si="26"/>
        <v>TI</v>
      </c>
      <c r="B463" s="20"/>
      <c r="C463" s="541">
        <v>13</v>
      </c>
      <c r="D463" s="542"/>
      <c r="E463" s="563" t="s">
        <v>409</v>
      </c>
      <c r="F463" s="564"/>
      <c r="G463" s="564"/>
      <c r="H463" s="564"/>
      <c r="I463" s="564"/>
      <c r="J463" s="564"/>
      <c r="K463" s="564"/>
      <c r="L463" s="564"/>
      <c r="M463" s="564"/>
      <c r="N463" s="564"/>
      <c r="O463" s="564"/>
      <c r="P463" s="564"/>
      <c r="Q463" s="564"/>
      <c r="R463" s="564"/>
      <c r="S463" s="564"/>
      <c r="T463" s="565"/>
      <c r="U463" s="221" t="s">
        <v>453</v>
      </c>
      <c r="V463" s="546" t="s">
        <v>107</v>
      </c>
      <c r="W463" s="547"/>
      <c r="X463" s="547"/>
      <c r="Y463" s="547"/>
      <c r="Z463" s="548"/>
      <c r="AA463" s="546" t="s">
        <v>102</v>
      </c>
      <c r="AB463" s="547"/>
      <c r="AC463" s="548"/>
      <c r="AD463" s="415">
        <v>6</v>
      </c>
      <c r="AE463" s="415" t="s">
        <v>103</v>
      </c>
      <c r="AF463" s="541"/>
      <c r="AG463" s="542"/>
      <c r="AH463" s="549"/>
      <c r="AI463" s="550"/>
      <c r="AJ463" s="551"/>
      <c r="AK463" s="265"/>
      <c r="AL463" s="334"/>
      <c r="AM463" s="16"/>
      <c r="AN463" s="3" t="str">
        <f t="shared" si="27"/>
        <v>■</v>
      </c>
    </row>
    <row r="464" spans="1:40">
      <c r="A464" s="20" t="str">
        <f t="shared" si="26"/>
        <v>TI</v>
      </c>
      <c r="B464" s="20"/>
      <c r="C464" s="541">
        <v>14</v>
      </c>
      <c r="D464" s="542"/>
      <c r="E464" s="543" t="s">
        <v>411</v>
      </c>
      <c r="F464" s="544"/>
      <c r="G464" s="544"/>
      <c r="H464" s="544"/>
      <c r="I464" s="544"/>
      <c r="J464" s="544"/>
      <c r="K464" s="544"/>
      <c r="L464" s="544"/>
      <c r="M464" s="544"/>
      <c r="N464" s="544"/>
      <c r="O464" s="544"/>
      <c r="P464" s="544"/>
      <c r="Q464" s="544"/>
      <c r="R464" s="544"/>
      <c r="S464" s="544"/>
      <c r="T464" s="545"/>
      <c r="U464" s="221" t="s">
        <v>516</v>
      </c>
      <c r="V464" s="546" t="s">
        <v>107</v>
      </c>
      <c r="W464" s="547"/>
      <c r="X464" s="547"/>
      <c r="Y464" s="547"/>
      <c r="Z464" s="548"/>
      <c r="AA464" s="546" t="s">
        <v>102</v>
      </c>
      <c r="AB464" s="547"/>
      <c r="AC464" s="548"/>
      <c r="AD464" s="415">
        <v>6</v>
      </c>
      <c r="AE464" s="415" t="s">
        <v>103</v>
      </c>
      <c r="AF464" s="541"/>
      <c r="AG464" s="542"/>
      <c r="AH464" s="549"/>
      <c r="AI464" s="550"/>
      <c r="AJ464" s="551"/>
      <c r="AK464" s="265"/>
      <c r="AL464" s="329"/>
      <c r="AM464" s="16"/>
      <c r="AN464" s="3" t="str">
        <f t="shared" si="27"/>
        <v>■</v>
      </c>
    </row>
    <row r="465" spans="1:40">
      <c r="A465" s="20" t="str">
        <f>IF(LEN(J465)&gt;0,MID(J465,FIND("（",J465,1)+1,2),A462)</f>
        <v>TI</v>
      </c>
      <c r="B465" s="20"/>
      <c r="V465" s="238"/>
      <c r="W465" s="238"/>
      <c r="X465" s="238"/>
      <c r="Y465" s="238"/>
      <c r="Z465" s="238"/>
      <c r="AA465" s="238"/>
      <c r="AB465" s="238"/>
      <c r="AC465" s="238"/>
      <c r="AD465" s="122"/>
      <c r="AE465" s="122"/>
      <c r="AF465" s="238"/>
      <c r="AG465" s="238"/>
      <c r="AH465" s="238"/>
      <c r="AI465" s="238"/>
      <c r="AJ465" s="238"/>
      <c r="AK465" s="26"/>
      <c r="AL465" s="329"/>
      <c r="AM465" s="16"/>
    </row>
    <row r="466" spans="1:40" s="1" customFormat="1">
      <c r="A466" s="20" t="str">
        <f t="shared" ref="A466:A491" si="28">IF(LEN(J466)&gt;0,MID(J466,FIND("（",J466,1)+1,2),A465)</f>
        <v>TR</v>
      </c>
      <c r="B466" s="20"/>
      <c r="C466" s="52" t="s">
        <v>380</v>
      </c>
      <c r="D466" s="16"/>
      <c r="E466" s="26"/>
      <c r="F466" s="26"/>
      <c r="G466" s="26"/>
      <c r="H466" s="26"/>
      <c r="I466" s="26"/>
      <c r="J466" s="26" t="s">
        <v>752</v>
      </c>
      <c r="K466" s="26"/>
      <c r="L466" s="26"/>
      <c r="M466" s="26"/>
      <c r="N466" s="26"/>
      <c r="O466" s="26"/>
      <c r="P466" s="26"/>
      <c r="Q466" s="26"/>
      <c r="R466" s="26"/>
      <c r="S466" s="26"/>
      <c r="T466" s="26"/>
      <c r="U466" s="26" t="s">
        <v>753</v>
      </c>
      <c r="V466" s="122"/>
      <c r="W466" s="122"/>
      <c r="X466" s="122"/>
      <c r="Y466" s="122"/>
      <c r="Z466" s="122"/>
      <c r="AA466" s="122"/>
      <c r="AB466" s="122"/>
      <c r="AC466" s="122"/>
      <c r="AD466" s="122"/>
      <c r="AE466" s="122"/>
      <c r="AF466" s="122"/>
      <c r="AG466" s="122"/>
      <c r="AH466" s="122"/>
      <c r="AI466" s="122"/>
      <c r="AJ466" s="122"/>
      <c r="AK466" s="26"/>
      <c r="AL466" s="329"/>
      <c r="AM466" s="26"/>
    </row>
    <row r="467" spans="1:40" ht="13.5" customHeight="1">
      <c r="A467" s="20" t="str">
        <f t="shared" si="28"/>
        <v>TR</v>
      </c>
      <c r="B467" s="20"/>
      <c r="C467" s="571" t="s">
        <v>73</v>
      </c>
      <c r="D467" s="573"/>
      <c r="E467" s="571" t="s">
        <v>94</v>
      </c>
      <c r="F467" s="571"/>
      <c r="G467" s="571"/>
      <c r="H467" s="571"/>
      <c r="I467" s="571"/>
      <c r="J467" s="571"/>
      <c r="K467" s="571"/>
      <c r="L467" s="571"/>
      <c r="M467" s="571"/>
      <c r="N467" s="571"/>
      <c r="O467" s="571"/>
      <c r="P467" s="571"/>
      <c r="Q467" s="571"/>
      <c r="R467" s="571"/>
      <c r="S467" s="571"/>
      <c r="T467" s="571"/>
      <c r="U467" s="226" t="s">
        <v>383</v>
      </c>
      <c r="V467" s="574" t="s">
        <v>138</v>
      </c>
      <c r="W467" s="574"/>
      <c r="X467" s="574"/>
      <c r="Y467" s="574"/>
      <c r="Z467" s="574"/>
      <c r="AA467" s="575" t="s">
        <v>415</v>
      </c>
      <c r="AB467" s="576"/>
      <c r="AC467" s="577"/>
      <c r="AD467" s="493" t="s">
        <v>97</v>
      </c>
      <c r="AE467" s="493"/>
      <c r="AF467" s="574" t="s">
        <v>98</v>
      </c>
      <c r="AG467" s="574"/>
      <c r="AH467" s="571" t="s">
        <v>75</v>
      </c>
      <c r="AI467" s="571"/>
      <c r="AJ467" s="571"/>
      <c r="AK467" s="581" t="s">
        <v>159</v>
      </c>
      <c r="AL467" s="329"/>
      <c r="AM467" s="16"/>
    </row>
    <row r="468" spans="1:40">
      <c r="A468" s="20" t="str">
        <f t="shared" si="28"/>
        <v>TR</v>
      </c>
      <c r="B468" s="20"/>
      <c r="C468" s="573"/>
      <c r="D468" s="573"/>
      <c r="E468" s="571"/>
      <c r="F468" s="571"/>
      <c r="G468" s="571"/>
      <c r="H468" s="571"/>
      <c r="I468" s="571"/>
      <c r="J468" s="571"/>
      <c r="K468" s="571"/>
      <c r="L468" s="571"/>
      <c r="M468" s="571"/>
      <c r="N468" s="571"/>
      <c r="O468" s="571"/>
      <c r="P468" s="571"/>
      <c r="Q468" s="571"/>
      <c r="R468" s="571"/>
      <c r="S468" s="571"/>
      <c r="T468" s="571"/>
      <c r="U468" s="227"/>
      <c r="V468" s="574"/>
      <c r="W468" s="574"/>
      <c r="X468" s="574"/>
      <c r="Y468" s="574"/>
      <c r="Z468" s="574"/>
      <c r="AA468" s="578"/>
      <c r="AB468" s="579"/>
      <c r="AC468" s="580"/>
      <c r="AD468" s="493"/>
      <c r="AE468" s="493"/>
      <c r="AF468" s="574"/>
      <c r="AG468" s="574"/>
      <c r="AH468" s="571"/>
      <c r="AI468" s="571"/>
      <c r="AJ468" s="571"/>
      <c r="AK468" s="582"/>
      <c r="AL468" s="330"/>
      <c r="AM468" s="16"/>
    </row>
    <row r="469" spans="1:40" ht="13.4" customHeight="1">
      <c r="A469" s="20" t="str">
        <f t="shared" si="28"/>
        <v>TR</v>
      </c>
      <c r="B469" s="20"/>
      <c r="C469" s="541">
        <v>1</v>
      </c>
      <c r="D469" s="542"/>
      <c r="E469" s="563" t="s">
        <v>440</v>
      </c>
      <c r="F469" s="564"/>
      <c r="G469" s="564"/>
      <c r="H469" s="564"/>
      <c r="I469" s="564"/>
      <c r="J469" s="564"/>
      <c r="K469" s="564"/>
      <c r="L469" s="564"/>
      <c r="M469" s="564"/>
      <c r="N469" s="564"/>
      <c r="O469" s="564"/>
      <c r="P469" s="564"/>
      <c r="Q469" s="564"/>
      <c r="R469" s="564"/>
      <c r="S469" s="564"/>
      <c r="T469" s="565"/>
      <c r="U469" s="219" t="s">
        <v>441</v>
      </c>
      <c r="V469" s="546" t="s">
        <v>101</v>
      </c>
      <c r="W469" s="547"/>
      <c r="X469" s="547"/>
      <c r="Y469" s="547"/>
      <c r="Z469" s="548"/>
      <c r="AA469" s="546" t="s">
        <v>102</v>
      </c>
      <c r="AB469" s="547"/>
      <c r="AC469" s="548"/>
      <c r="AD469" s="415">
        <v>10</v>
      </c>
      <c r="AE469" s="415" t="s">
        <v>103</v>
      </c>
      <c r="AF469" s="541"/>
      <c r="AG469" s="542"/>
      <c r="AH469" s="549"/>
      <c r="AI469" s="550"/>
      <c r="AJ469" s="551"/>
      <c r="AK469" s="335"/>
      <c r="AL469" s="330"/>
      <c r="AM469" s="16"/>
      <c r="AN469" s="3" t="str">
        <f>$J$21</f>
        <v>■</v>
      </c>
    </row>
    <row r="470" spans="1:40" ht="13.4" customHeight="1">
      <c r="A470" s="20" t="str">
        <f t="shared" si="28"/>
        <v>TR</v>
      </c>
      <c r="B470" s="20"/>
      <c r="C470" s="541">
        <v>2</v>
      </c>
      <c r="D470" s="542"/>
      <c r="E470" s="563" t="s">
        <v>442</v>
      </c>
      <c r="F470" s="564"/>
      <c r="G470" s="564"/>
      <c r="H470" s="564"/>
      <c r="I470" s="564"/>
      <c r="J470" s="564"/>
      <c r="K470" s="564"/>
      <c r="L470" s="564"/>
      <c r="M470" s="564"/>
      <c r="N470" s="564"/>
      <c r="O470" s="564"/>
      <c r="P470" s="564"/>
      <c r="Q470" s="564"/>
      <c r="R470" s="564"/>
      <c r="S470" s="564"/>
      <c r="T470" s="565"/>
      <c r="U470" s="219" t="s">
        <v>443</v>
      </c>
      <c r="V470" s="546" t="s">
        <v>101</v>
      </c>
      <c r="W470" s="547"/>
      <c r="X470" s="547"/>
      <c r="Y470" s="547"/>
      <c r="Z470" s="548"/>
      <c r="AA470" s="546" t="s">
        <v>102</v>
      </c>
      <c r="AB470" s="547"/>
      <c r="AC470" s="548"/>
      <c r="AD470" s="415">
        <v>51</v>
      </c>
      <c r="AE470" s="415" t="s">
        <v>103</v>
      </c>
      <c r="AF470" s="541"/>
      <c r="AG470" s="542"/>
      <c r="AH470" s="549"/>
      <c r="AI470" s="550"/>
      <c r="AJ470" s="551"/>
      <c r="AK470" s="335"/>
      <c r="AL470" s="329"/>
      <c r="AM470" s="16"/>
      <c r="AN470" s="3" t="str">
        <f t="shared" ref="AN470:AN491" si="29">$J$21</f>
        <v>■</v>
      </c>
    </row>
    <row r="471" spans="1:40" s="28" customFormat="1" ht="13.4" customHeight="1">
      <c r="A471" s="20" t="str">
        <f t="shared" si="28"/>
        <v>TR</v>
      </c>
      <c r="B471" s="20"/>
      <c r="C471" s="552">
        <v>3</v>
      </c>
      <c r="D471" s="553"/>
      <c r="E471" s="566" t="s">
        <v>106</v>
      </c>
      <c r="F471" s="567"/>
      <c r="G471" s="567"/>
      <c r="H471" s="567"/>
      <c r="I471" s="567"/>
      <c r="J471" s="567"/>
      <c r="K471" s="567"/>
      <c r="L471" s="567"/>
      <c r="M471" s="567"/>
      <c r="N471" s="567"/>
      <c r="O471" s="567"/>
      <c r="P471" s="567"/>
      <c r="Q471" s="567"/>
      <c r="R471" s="567"/>
      <c r="S471" s="567"/>
      <c r="T471" s="568"/>
      <c r="U471" s="220" t="s">
        <v>444</v>
      </c>
      <c r="V471" s="557" t="s">
        <v>107</v>
      </c>
      <c r="W471" s="558"/>
      <c r="X471" s="558"/>
      <c r="Y471" s="558"/>
      <c r="Z471" s="559"/>
      <c r="AA471" s="557" t="s">
        <v>108</v>
      </c>
      <c r="AB471" s="558"/>
      <c r="AC471" s="559"/>
      <c r="AD471" s="419">
        <v>1</v>
      </c>
      <c r="AE471" s="419">
        <v>0</v>
      </c>
      <c r="AF471" s="569" t="s">
        <v>109</v>
      </c>
      <c r="AG471" s="570"/>
      <c r="AH471" s="560"/>
      <c r="AI471" s="561"/>
      <c r="AJ471" s="562"/>
      <c r="AK471" s="321" t="s">
        <v>391</v>
      </c>
      <c r="AL471" s="329"/>
      <c r="AM471" s="331"/>
      <c r="AN471" s="3" t="str">
        <f t="shared" si="29"/>
        <v>■</v>
      </c>
    </row>
    <row r="472" spans="1:40" s="28" customFormat="1" ht="13.4" customHeight="1">
      <c r="A472" s="20" t="str">
        <f t="shared" si="28"/>
        <v>TR</v>
      </c>
      <c r="B472" s="20"/>
      <c r="C472" s="541">
        <v>4</v>
      </c>
      <c r="D472" s="542"/>
      <c r="E472" s="563" t="s">
        <v>110</v>
      </c>
      <c r="F472" s="564"/>
      <c r="G472" s="564"/>
      <c r="H472" s="564"/>
      <c r="I472" s="564"/>
      <c r="J472" s="564"/>
      <c r="K472" s="564"/>
      <c r="L472" s="564"/>
      <c r="M472" s="564"/>
      <c r="N472" s="564"/>
      <c r="O472" s="564"/>
      <c r="P472" s="564"/>
      <c r="Q472" s="564"/>
      <c r="R472" s="564"/>
      <c r="S472" s="564"/>
      <c r="T472" s="565"/>
      <c r="U472" s="221" t="s">
        <v>445</v>
      </c>
      <c r="V472" s="546" t="s">
        <v>107</v>
      </c>
      <c r="W472" s="547"/>
      <c r="X472" s="547"/>
      <c r="Y472" s="547"/>
      <c r="Z472" s="548"/>
      <c r="AA472" s="546" t="s">
        <v>108</v>
      </c>
      <c r="AB472" s="547"/>
      <c r="AC472" s="548"/>
      <c r="AD472" s="415">
        <v>1</v>
      </c>
      <c r="AE472" s="415">
        <v>0</v>
      </c>
      <c r="AF472" s="541"/>
      <c r="AG472" s="542"/>
      <c r="AH472" s="549"/>
      <c r="AI472" s="550"/>
      <c r="AJ472" s="551"/>
      <c r="AK472" s="265"/>
      <c r="AL472" s="329"/>
      <c r="AM472" s="331"/>
      <c r="AN472" s="3" t="str">
        <f t="shared" si="29"/>
        <v>■</v>
      </c>
    </row>
    <row r="473" spans="1:40">
      <c r="A473" s="20" t="str">
        <f t="shared" si="28"/>
        <v>TR</v>
      </c>
      <c r="B473" s="20"/>
      <c r="C473" s="541">
        <v>5</v>
      </c>
      <c r="D473" s="542"/>
      <c r="E473" s="543" t="s">
        <v>80</v>
      </c>
      <c r="F473" s="544"/>
      <c r="G473" s="544"/>
      <c r="H473" s="544"/>
      <c r="I473" s="544"/>
      <c r="J473" s="544"/>
      <c r="K473" s="544"/>
      <c r="L473" s="544"/>
      <c r="M473" s="544"/>
      <c r="N473" s="544"/>
      <c r="O473" s="544"/>
      <c r="P473" s="544"/>
      <c r="Q473" s="544"/>
      <c r="R473" s="544"/>
      <c r="S473" s="544"/>
      <c r="T473" s="545"/>
      <c r="U473" s="221" t="s">
        <v>446</v>
      </c>
      <c r="V473" s="546" t="s">
        <v>101</v>
      </c>
      <c r="W473" s="547"/>
      <c r="X473" s="547"/>
      <c r="Y473" s="547"/>
      <c r="Z473" s="548"/>
      <c r="AA473" s="546" t="s">
        <v>102</v>
      </c>
      <c r="AB473" s="547"/>
      <c r="AC473" s="548"/>
      <c r="AD473" s="415">
        <v>2</v>
      </c>
      <c r="AE473" s="415" t="s">
        <v>103</v>
      </c>
      <c r="AF473" s="541"/>
      <c r="AG473" s="542"/>
      <c r="AH473" s="549"/>
      <c r="AI473" s="550"/>
      <c r="AJ473" s="551"/>
      <c r="AK473" s="265"/>
      <c r="AL473" s="329"/>
      <c r="AM473" s="16"/>
      <c r="AN473" s="3" t="str">
        <f t="shared" si="29"/>
        <v>■</v>
      </c>
    </row>
    <row r="474" spans="1:40">
      <c r="A474" s="20" t="str">
        <f t="shared" si="28"/>
        <v>TR</v>
      </c>
      <c r="B474" s="20"/>
      <c r="C474" s="541">
        <v>6</v>
      </c>
      <c r="D474" s="542"/>
      <c r="E474" s="543" t="s">
        <v>115</v>
      </c>
      <c r="F474" s="544"/>
      <c r="G474" s="544"/>
      <c r="H474" s="544"/>
      <c r="I474" s="544"/>
      <c r="J474" s="544"/>
      <c r="K474" s="544"/>
      <c r="L474" s="544"/>
      <c r="M474" s="544"/>
      <c r="N474" s="544"/>
      <c r="O474" s="544"/>
      <c r="P474" s="544"/>
      <c r="Q474" s="544"/>
      <c r="R474" s="544"/>
      <c r="S474" s="544"/>
      <c r="T474" s="545"/>
      <c r="U474" s="221" t="s">
        <v>451</v>
      </c>
      <c r="V474" s="546" t="s">
        <v>107</v>
      </c>
      <c r="W474" s="547"/>
      <c r="X474" s="547"/>
      <c r="Y474" s="547"/>
      <c r="Z474" s="548"/>
      <c r="AA474" s="546" t="s">
        <v>108</v>
      </c>
      <c r="AB474" s="547"/>
      <c r="AC474" s="548"/>
      <c r="AD474" s="415">
        <v>6</v>
      </c>
      <c r="AE474" s="415">
        <v>0</v>
      </c>
      <c r="AF474" s="541"/>
      <c r="AG474" s="542"/>
      <c r="AH474" s="549"/>
      <c r="AI474" s="550"/>
      <c r="AJ474" s="551"/>
      <c r="AK474" s="265"/>
      <c r="AL474" s="329"/>
      <c r="AM474" s="16"/>
      <c r="AN474" s="3" t="str">
        <f t="shared" si="29"/>
        <v>■</v>
      </c>
    </row>
    <row r="475" spans="1:40">
      <c r="A475" s="20" t="str">
        <f t="shared" si="28"/>
        <v>TR</v>
      </c>
      <c r="B475" s="20"/>
      <c r="C475" s="541">
        <v>7</v>
      </c>
      <c r="D475" s="542"/>
      <c r="E475" s="543" t="s">
        <v>754</v>
      </c>
      <c r="F475" s="544"/>
      <c r="G475" s="544"/>
      <c r="H475" s="544"/>
      <c r="I475" s="544"/>
      <c r="J475" s="544"/>
      <c r="K475" s="544"/>
      <c r="L475" s="544"/>
      <c r="M475" s="544"/>
      <c r="N475" s="544"/>
      <c r="O475" s="544"/>
      <c r="P475" s="544"/>
      <c r="Q475" s="544"/>
      <c r="R475" s="544"/>
      <c r="S475" s="544"/>
      <c r="T475" s="545"/>
      <c r="U475" s="221" t="s">
        <v>755</v>
      </c>
      <c r="V475" s="546" t="s">
        <v>107</v>
      </c>
      <c r="W475" s="547"/>
      <c r="X475" s="547"/>
      <c r="Y475" s="547"/>
      <c r="Z475" s="548"/>
      <c r="AA475" s="546" t="s">
        <v>102</v>
      </c>
      <c r="AB475" s="547"/>
      <c r="AC475" s="548"/>
      <c r="AD475" s="415">
        <v>4</v>
      </c>
      <c r="AE475" s="415" t="s">
        <v>103</v>
      </c>
      <c r="AF475" s="541"/>
      <c r="AG475" s="542"/>
      <c r="AH475" s="549"/>
      <c r="AI475" s="550"/>
      <c r="AJ475" s="551"/>
      <c r="AK475" s="265"/>
      <c r="AL475" s="329"/>
      <c r="AM475" s="16"/>
      <c r="AN475" s="3" t="str">
        <f t="shared" si="29"/>
        <v>■</v>
      </c>
    </row>
    <row r="476" spans="1:40">
      <c r="A476" s="20" t="str">
        <f t="shared" si="28"/>
        <v>TR</v>
      </c>
      <c r="B476" s="20"/>
      <c r="C476" s="541">
        <v>8</v>
      </c>
      <c r="D476" s="542"/>
      <c r="E476" s="543" t="s">
        <v>756</v>
      </c>
      <c r="F476" s="544"/>
      <c r="G476" s="544"/>
      <c r="H476" s="544"/>
      <c r="I476" s="544"/>
      <c r="J476" s="544"/>
      <c r="K476" s="544"/>
      <c r="L476" s="544"/>
      <c r="M476" s="544"/>
      <c r="N476" s="544"/>
      <c r="O476" s="544"/>
      <c r="P476" s="544"/>
      <c r="Q476" s="544"/>
      <c r="R476" s="544"/>
      <c r="S476" s="544"/>
      <c r="T476" s="545"/>
      <c r="U476" s="221" t="s">
        <v>757</v>
      </c>
      <c r="V476" s="546" t="s">
        <v>107</v>
      </c>
      <c r="W476" s="547"/>
      <c r="X476" s="547"/>
      <c r="Y476" s="547"/>
      <c r="Z476" s="548"/>
      <c r="AA476" s="546" t="s">
        <v>102</v>
      </c>
      <c r="AB476" s="547"/>
      <c r="AC476" s="548"/>
      <c r="AD476" s="415">
        <v>6</v>
      </c>
      <c r="AE476" s="415" t="s">
        <v>103</v>
      </c>
      <c r="AF476" s="541"/>
      <c r="AG476" s="542"/>
      <c r="AH476" s="549"/>
      <c r="AI476" s="550"/>
      <c r="AJ476" s="551"/>
      <c r="AK476" s="265"/>
      <c r="AL476" s="330"/>
      <c r="AM476" s="16"/>
      <c r="AN476" s="3" t="str">
        <f t="shared" si="29"/>
        <v>■</v>
      </c>
    </row>
    <row r="477" spans="1:40">
      <c r="A477" s="20" t="str">
        <f t="shared" si="28"/>
        <v>TR</v>
      </c>
      <c r="B477" s="20"/>
      <c r="C477" s="541">
        <v>9</v>
      </c>
      <c r="D477" s="542"/>
      <c r="E477" s="543" t="s">
        <v>758</v>
      </c>
      <c r="F477" s="544"/>
      <c r="G477" s="544"/>
      <c r="H477" s="544"/>
      <c r="I477" s="544"/>
      <c r="J477" s="544"/>
      <c r="K477" s="544"/>
      <c r="L477" s="544"/>
      <c r="M477" s="544"/>
      <c r="N477" s="544"/>
      <c r="O477" s="544"/>
      <c r="P477" s="544"/>
      <c r="Q477" s="544"/>
      <c r="R477" s="544"/>
      <c r="S477" s="544"/>
      <c r="T477" s="545"/>
      <c r="U477" s="221" t="s">
        <v>759</v>
      </c>
      <c r="V477" s="546" t="s">
        <v>101</v>
      </c>
      <c r="W477" s="547"/>
      <c r="X477" s="547"/>
      <c r="Y477" s="547"/>
      <c r="Z477" s="548"/>
      <c r="AA477" s="546" t="s">
        <v>102</v>
      </c>
      <c r="AB477" s="547"/>
      <c r="AC477" s="548"/>
      <c r="AD477" s="415">
        <v>64</v>
      </c>
      <c r="AE477" s="415" t="s">
        <v>103</v>
      </c>
      <c r="AF477" s="541"/>
      <c r="AG477" s="542"/>
      <c r="AH477" s="549"/>
      <c r="AI477" s="550"/>
      <c r="AJ477" s="551"/>
      <c r="AK477" s="265"/>
      <c r="AL477" s="330"/>
      <c r="AM477" s="16"/>
      <c r="AN477" s="3" t="str">
        <f t="shared" si="29"/>
        <v>■</v>
      </c>
    </row>
    <row r="478" spans="1:40">
      <c r="A478" s="20" t="str">
        <f t="shared" si="28"/>
        <v>TR</v>
      </c>
      <c r="B478" s="20"/>
      <c r="C478" s="541">
        <v>10</v>
      </c>
      <c r="D478" s="542"/>
      <c r="E478" s="543" t="s">
        <v>454</v>
      </c>
      <c r="F478" s="544"/>
      <c r="G478" s="544"/>
      <c r="H478" s="544"/>
      <c r="I478" s="544"/>
      <c r="J478" s="544"/>
      <c r="K478" s="544"/>
      <c r="L478" s="544"/>
      <c r="M478" s="544"/>
      <c r="N478" s="544"/>
      <c r="O478" s="544"/>
      <c r="P478" s="544"/>
      <c r="Q478" s="544"/>
      <c r="R478" s="544"/>
      <c r="S478" s="544"/>
      <c r="T478" s="545"/>
      <c r="U478" s="221" t="s">
        <v>455</v>
      </c>
      <c r="V478" s="546" t="s">
        <v>107</v>
      </c>
      <c r="W478" s="547"/>
      <c r="X478" s="547"/>
      <c r="Y478" s="547"/>
      <c r="Z478" s="548"/>
      <c r="AA478" s="546" t="s">
        <v>102</v>
      </c>
      <c r="AB478" s="547"/>
      <c r="AC478" s="548"/>
      <c r="AD478" s="415">
        <v>1</v>
      </c>
      <c r="AE478" s="415" t="s">
        <v>103</v>
      </c>
      <c r="AF478" s="541"/>
      <c r="AG478" s="542"/>
      <c r="AH478" s="549"/>
      <c r="AI478" s="550"/>
      <c r="AJ478" s="551"/>
      <c r="AK478" s="265"/>
      <c r="AL478" s="329"/>
      <c r="AM478" s="16"/>
      <c r="AN478" s="3" t="str">
        <f t="shared" si="29"/>
        <v>■</v>
      </c>
    </row>
    <row r="479" spans="1:40" s="28" customFormat="1">
      <c r="A479" s="20" t="str">
        <f t="shared" si="28"/>
        <v>TR</v>
      </c>
      <c r="B479" s="20"/>
      <c r="C479" s="552">
        <v>11</v>
      </c>
      <c r="D479" s="553"/>
      <c r="E479" s="554" t="s">
        <v>760</v>
      </c>
      <c r="F479" s="555"/>
      <c r="G479" s="555"/>
      <c r="H479" s="555"/>
      <c r="I479" s="555"/>
      <c r="J479" s="555"/>
      <c r="K479" s="555"/>
      <c r="L479" s="555"/>
      <c r="M479" s="555"/>
      <c r="N479" s="555"/>
      <c r="O479" s="555"/>
      <c r="P479" s="555"/>
      <c r="Q479" s="555"/>
      <c r="R479" s="555"/>
      <c r="S479" s="555"/>
      <c r="T479" s="556"/>
      <c r="U479" s="259" t="s">
        <v>457</v>
      </c>
      <c r="V479" s="557" t="s">
        <v>107</v>
      </c>
      <c r="W479" s="558"/>
      <c r="X479" s="558"/>
      <c r="Y479" s="558"/>
      <c r="Z479" s="559"/>
      <c r="AA479" s="557" t="s">
        <v>102</v>
      </c>
      <c r="AB479" s="558"/>
      <c r="AC479" s="559"/>
      <c r="AD479" s="419">
        <v>6</v>
      </c>
      <c r="AE479" s="419" t="s">
        <v>103</v>
      </c>
      <c r="AF479" s="552" t="s">
        <v>109</v>
      </c>
      <c r="AG479" s="553"/>
      <c r="AH479" s="560"/>
      <c r="AI479" s="561"/>
      <c r="AJ479" s="562"/>
      <c r="AK479" s="321" t="s">
        <v>391</v>
      </c>
      <c r="AL479" s="329"/>
      <c r="AM479" s="331"/>
      <c r="AN479" s="3" t="str">
        <f t="shared" si="29"/>
        <v>■</v>
      </c>
    </row>
    <row r="480" spans="1:40" s="28" customFormat="1">
      <c r="A480" s="20" t="str">
        <f t="shared" si="28"/>
        <v>TR</v>
      </c>
      <c r="B480" s="20"/>
      <c r="C480" s="552">
        <v>12</v>
      </c>
      <c r="D480" s="553"/>
      <c r="E480" s="554" t="s">
        <v>761</v>
      </c>
      <c r="F480" s="555"/>
      <c r="G480" s="555"/>
      <c r="H480" s="555"/>
      <c r="I480" s="555"/>
      <c r="J480" s="555"/>
      <c r="K480" s="555"/>
      <c r="L480" s="555"/>
      <c r="M480" s="555"/>
      <c r="N480" s="555"/>
      <c r="O480" s="555"/>
      <c r="P480" s="555"/>
      <c r="Q480" s="555"/>
      <c r="R480" s="555"/>
      <c r="S480" s="555"/>
      <c r="T480" s="556"/>
      <c r="U480" s="259" t="s">
        <v>762</v>
      </c>
      <c r="V480" s="557" t="s">
        <v>107</v>
      </c>
      <c r="W480" s="558"/>
      <c r="X480" s="558"/>
      <c r="Y480" s="558"/>
      <c r="Z480" s="559"/>
      <c r="AA480" s="557" t="s">
        <v>102</v>
      </c>
      <c r="AB480" s="558"/>
      <c r="AC480" s="559"/>
      <c r="AD480" s="419">
        <v>3</v>
      </c>
      <c r="AE480" s="419" t="s">
        <v>103</v>
      </c>
      <c r="AF480" s="552" t="s">
        <v>109</v>
      </c>
      <c r="AG480" s="553"/>
      <c r="AH480" s="560"/>
      <c r="AI480" s="561"/>
      <c r="AJ480" s="562"/>
      <c r="AK480" s="321" t="s">
        <v>416</v>
      </c>
      <c r="AL480" s="329"/>
      <c r="AM480" s="331"/>
      <c r="AN480" s="3" t="str">
        <f t="shared" si="29"/>
        <v>■</v>
      </c>
    </row>
    <row r="481" spans="1:40">
      <c r="A481" s="20" t="str">
        <f t="shared" si="28"/>
        <v>TR</v>
      </c>
      <c r="B481" s="20"/>
      <c r="C481" s="541">
        <v>13</v>
      </c>
      <c r="D481" s="542"/>
      <c r="E481" s="543" t="s">
        <v>763</v>
      </c>
      <c r="F481" s="544"/>
      <c r="G481" s="544"/>
      <c r="H481" s="544"/>
      <c r="I481" s="544"/>
      <c r="J481" s="544"/>
      <c r="K481" s="544"/>
      <c r="L481" s="544"/>
      <c r="M481" s="544"/>
      <c r="N481" s="544"/>
      <c r="O481" s="544"/>
      <c r="P481" s="544"/>
      <c r="Q481" s="544"/>
      <c r="R481" s="544"/>
      <c r="S481" s="544"/>
      <c r="T481" s="545"/>
      <c r="U481" s="221" t="s">
        <v>461</v>
      </c>
      <c r="V481" s="546" t="s">
        <v>107</v>
      </c>
      <c r="W481" s="547"/>
      <c r="X481" s="547"/>
      <c r="Y481" s="547"/>
      <c r="Z481" s="548"/>
      <c r="AA481" s="546" t="s">
        <v>102</v>
      </c>
      <c r="AB481" s="547"/>
      <c r="AC481" s="548"/>
      <c r="AD481" s="415">
        <v>8</v>
      </c>
      <c r="AE481" s="415" t="s">
        <v>103</v>
      </c>
      <c r="AF481" s="541"/>
      <c r="AG481" s="542"/>
      <c r="AH481" s="549"/>
      <c r="AI481" s="550"/>
      <c r="AJ481" s="551"/>
      <c r="AK481" s="265"/>
      <c r="AL481" s="329"/>
      <c r="AM481" s="16"/>
      <c r="AN481" s="3" t="str">
        <f t="shared" si="29"/>
        <v>■</v>
      </c>
    </row>
    <row r="482" spans="1:40">
      <c r="A482" s="20" t="str">
        <f t="shared" si="28"/>
        <v>TR</v>
      </c>
      <c r="B482" s="20"/>
      <c r="C482" s="541">
        <v>14</v>
      </c>
      <c r="D482" s="542"/>
      <c r="E482" s="543" t="s">
        <v>462</v>
      </c>
      <c r="F482" s="544"/>
      <c r="G482" s="544"/>
      <c r="H482" s="544"/>
      <c r="I482" s="544"/>
      <c r="J482" s="544"/>
      <c r="K482" s="544"/>
      <c r="L482" s="544"/>
      <c r="M482" s="544"/>
      <c r="N482" s="544"/>
      <c r="O482" s="544"/>
      <c r="P482" s="544"/>
      <c r="Q482" s="544"/>
      <c r="R482" s="544"/>
      <c r="S482" s="544"/>
      <c r="T482" s="545"/>
      <c r="U482" s="221" t="s">
        <v>463</v>
      </c>
      <c r="V482" s="546" t="s">
        <v>101</v>
      </c>
      <c r="W482" s="547"/>
      <c r="X482" s="547"/>
      <c r="Y482" s="547"/>
      <c r="Z482" s="548"/>
      <c r="AA482" s="546" t="s">
        <v>102</v>
      </c>
      <c r="AB482" s="547"/>
      <c r="AC482" s="548"/>
      <c r="AD482" s="415">
        <v>8</v>
      </c>
      <c r="AE482" s="415" t="s">
        <v>103</v>
      </c>
      <c r="AF482" s="541"/>
      <c r="AG482" s="542"/>
      <c r="AH482" s="549"/>
      <c r="AI482" s="550"/>
      <c r="AJ482" s="551"/>
      <c r="AK482" s="265"/>
      <c r="AL482" s="329"/>
      <c r="AM482" s="16"/>
      <c r="AN482" s="3" t="str">
        <f t="shared" si="29"/>
        <v>■</v>
      </c>
    </row>
    <row r="483" spans="1:40">
      <c r="A483" s="20" t="str">
        <f t="shared" si="28"/>
        <v>TR</v>
      </c>
      <c r="B483" s="20"/>
      <c r="C483" s="552">
        <v>15</v>
      </c>
      <c r="D483" s="553"/>
      <c r="E483" s="554" t="s">
        <v>555</v>
      </c>
      <c r="F483" s="555"/>
      <c r="G483" s="555"/>
      <c r="H483" s="555"/>
      <c r="I483" s="555"/>
      <c r="J483" s="555"/>
      <c r="K483" s="555"/>
      <c r="L483" s="555"/>
      <c r="M483" s="555"/>
      <c r="N483" s="555"/>
      <c r="O483" s="555"/>
      <c r="P483" s="555"/>
      <c r="Q483" s="555"/>
      <c r="R483" s="555"/>
      <c r="S483" s="555"/>
      <c r="T483" s="556"/>
      <c r="U483" s="259" t="s">
        <v>474</v>
      </c>
      <c r="V483" s="557" t="s">
        <v>107</v>
      </c>
      <c r="W483" s="558"/>
      <c r="X483" s="558"/>
      <c r="Y483" s="558"/>
      <c r="Z483" s="559"/>
      <c r="AA483" s="557" t="s">
        <v>108</v>
      </c>
      <c r="AB483" s="558"/>
      <c r="AC483" s="559"/>
      <c r="AD483" s="419">
        <v>1</v>
      </c>
      <c r="AE483" s="419">
        <v>0</v>
      </c>
      <c r="AF483" s="552" t="s">
        <v>109</v>
      </c>
      <c r="AG483" s="553"/>
      <c r="AH483" s="560"/>
      <c r="AI483" s="561"/>
      <c r="AJ483" s="562"/>
      <c r="AK483" s="333" t="s">
        <v>399</v>
      </c>
      <c r="AL483" s="329"/>
      <c r="AM483" s="16"/>
      <c r="AN483" s="3" t="str">
        <f t="shared" si="29"/>
        <v>■</v>
      </c>
    </row>
    <row r="484" spans="1:40">
      <c r="A484" s="20" t="str">
        <f t="shared" si="28"/>
        <v>TR</v>
      </c>
      <c r="B484" s="20"/>
      <c r="C484" s="541">
        <v>16</v>
      </c>
      <c r="D484" s="542"/>
      <c r="E484" s="543" t="s">
        <v>466</v>
      </c>
      <c r="F484" s="544"/>
      <c r="G484" s="544"/>
      <c r="H484" s="544"/>
      <c r="I484" s="544"/>
      <c r="J484" s="544"/>
      <c r="K484" s="544"/>
      <c r="L484" s="544"/>
      <c r="M484" s="544"/>
      <c r="N484" s="544"/>
      <c r="O484" s="544"/>
      <c r="P484" s="544"/>
      <c r="Q484" s="544"/>
      <c r="R484" s="544"/>
      <c r="S484" s="544"/>
      <c r="T484" s="545"/>
      <c r="U484" s="221" t="s">
        <v>467</v>
      </c>
      <c r="V484" s="546" t="s">
        <v>101</v>
      </c>
      <c r="W484" s="547"/>
      <c r="X484" s="547"/>
      <c r="Y484" s="547"/>
      <c r="Z484" s="548"/>
      <c r="AA484" s="546" t="s">
        <v>102</v>
      </c>
      <c r="AB484" s="547"/>
      <c r="AC484" s="548"/>
      <c r="AD484" s="415">
        <v>10</v>
      </c>
      <c r="AE484" s="415" t="s">
        <v>103</v>
      </c>
      <c r="AF484" s="541"/>
      <c r="AG484" s="542"/>
      <c r="AH484" s="549"/>
      <c r="AI484" s="550"/>
      <c r="AJ484" s="551"/>
      <c r="AK484" s="265"/>
      <c r="AL484" s="329"/>
      <c r="AM484" s="16"/>
      <c r="AN484" s="3" t="str">
        <f t="shared" si="29"/>
        <v>■</v>
      </c>
    </row>
    <row r="485" spans="1:40">
      <c r="A485" s="20" t="str">
        <f t="shared" si="28"/>
        <v>TR</v>
      </c>
      <c r="B485" s="20"/>
      <c r="C485" s="552">
        <v>17</v>
      </c>
      <c r="D485" s="553"/>
      <c r="E485" s="554" t="s">
        <v>764</v>
      </c>
      <c r="F485" s="555"/>
      <c r="G485" s="555"/>
      <c r="H485" s="555"/>
      <c r="I485" s="555"/>
      <c r="J485" s="555"/>
      <c r="K485" s="555"/>
      <c r="L485" s="555"/>
      <c r="M485" s="555"/>
      <c r="N485" s="555"/>
      <c r="O485" s="555"/>
      <c r="P485" s="555"/>
      <c r="Q485" s="555"/>
      <c r="R485" s="555"/>
      <c r="S485" s="555"/>
      <c r="T485" s="556"/>
      <c r="U485" s="259" t="s">
        <v>475</v>
      </c>
      <c r="V485" s="557" t="s">
        <v>107</v>
      </c>
      <c r="W485" s="558"/>
      <c r="X485" s="558"/>
      <c r="Y485" s="558"/>
      <c r="Z485" s="559"/>
      <c r="AA485" s="557" t="s">
        <v>108</v>
      </c>
      <c r="AB485" s="558"/>
      <c r="AC485" s="559"/>
      <c r="AD485" s="419">
        <v>4</v>
      </c>
      <c r="AE485" s="419">
        <v>0</v>
      </c>
      <c r="AF485" s="552" t="s">
        <v>109</v>
      </c>
      <c r="AG485" s="553"/>
      <c r="AH485" s="560"/>
      <c r="AI485" s="561"/>
      <c r="AJ485" s="562"/>
      <c r="AK485" s="333" t="s">
        <v>399</v>
      </c>
      <c r="AL485" s="329"/>
      <c r="AM485" s="16"/>
      <c r="AN485" s="3" t="str">
        <f t="shared" si="29"/>
        <v>■</v>
      </c>
    </row>
    <row r="486" spans="1:40">
      <c r="A486" s="20" t="str">
        <f t="shared" si="28"/>
        <v>TR</v>
      </c>
      <c r="B486" s="20"/>
      <c r="C486" s="541">
        <v>18</v>
      </c>
      <c r="D486" s="542"/>
      <c r="E486" s="543" t="s">
        <v>472</v>
      </c>
      <c r="F486" s="544"/>
      <c r="G486" s="544"/>
      <c r="H486" s="544"/>
      <c r="I486" s="544"/>
      <c r="J486" s="544"/>
      <c r="K486" s="544"/>
      <c r="L486" s="544"/>
      <c r="M486" s="544"/>
      <c r="N486" s="544"/>
      <c r="O486" s="544"/>
      <c r="P486" s="544"/>
      <c r="Q486" s="544"/>
      <c r="R486" s="544"/>
      <c r="S486" s="544"/>
      <c r="T486" s="545"/>
      <c r="U486" s="221" t="s">
        <v>473</v>
      </c>
      <c r="V486" s="546" t="s">
        <v>107</v>
      </c>
      <c r="W486" s="547"/>
      <c r="X486" s="547"/>
      <c r="Y486" s="547"/>
      <c r="Z486" s="548"/>
      <c r="AA486" s="546" t="s">
        <v>108</v>
      </c>
      <c r="AB486" s="547"/>
      <c r="AC486" s="548"/>
      <c r="AD486" s="415">
        <v>2</v>
      </c>
      <c r="AE486" s="415">
        <v>0</v>
      </c>
      <c r="AF486" s="541"/>
      <c r="AG486" s="542"/>
      <c r="AH486" s="549"/>
      <c r="AI486" s="550"/>
      <c r="AJ486" s="551"/>
      <c r="AK486" s="265"/>
      <c r="AL486" s="329"/>
      <c r="AM486" s="16"/>
      <c r="AN486" s="3" t="str">
        <f t="shared" si="29"/>
        <v>■</v>
      </c>
    </row>
    <row r="487" spans="1:40">
      <c r="A487" s="20" t="str">
        <f t="shared" si="28"/>
        <v>TR</v>
      </c>
      <c r="B487" s="20"/>
      <c r="C487" s="552">
        <v>19</v>
      </c>
      <c r="D487" s="553"/>
      <c r="E487" s="554" t="s">
        <v>404</v>
      </c>
      <c r="F487" s="555"/>
      <c r="G487" s="555"/>
      <c r="H487" s="555"/>
      <c r="I487" s="555"/>
      <c r="J487" s="555"/>
      <c r="K487" s="555"/>
      <c r="L487" s="555"/>
      <c r="M487" s="555"/>
      <c r="N487" s="555"/>
      <c r="O487" s="555"/>
      <c r="P487" s="555"/>
      <c r="Q487" s="555"/>
      <c r="R487" s="555"/>
      <c r="S487" s="555"/>
      <c r="T487" s="556"/>
      <c r="U487" s="259" t="s">
        <v>765</v>
      </c>
      <c r="V487" s="557" t="s">
        <v>107</v>
      </c>
      <c r="W487" s="558"/>
      <c r="X487" s="558"/>
      <c r="Y487" s="558"/>
      <c r="Z487" s="559"/>
      <c r="AA487" s="557" t="s">
        <v>102</v>
      </c>
      <c r="AB487" s="558"/>
      <c r="AC487" s="559"/>
      <c r="AD487" s="419">
        <v>1</v>
      </c>
      <c r="AE487" s="419" t="s">
        <v>103</v>
      </c>
      <c r="AF487" s="552" t="s">
        <v>109</v>
      </c>
      <c r="AG487" s="553"/>
      <c r="AH487" s="560"/>
      <c r="AI487" s="561"/>
      <c r="AJ487" s="562"/>
      <c r="AK487" s="333" t="s">
        <v>399</v>
      </c>
      <c r="AL487" s="329"/>
      <c r="AM487" s="16"/>
      <c r="AN487" s="3" t="str">
        <f t="shared" si="29"/>
        <v>■</v>
      </c>
    </row>
    <row r="488" spans="1:40">
      <c r="A488" s="20" t="str">
        <f t="shared" si="28"/>
        <v>TR</v>
      </c>
      <c r="B488" s="20"/>
      <c r="C488" s="552">
        <v>20</v>
      </c>
      <c r="D488" s="553"/>
      <c r="E488" s="554" t="s">
        <v>406</v>
      </c>
      <c r="F488" s="555"/>
      <c r="G488" s="555"/>
      <c r="H488" s="555"/>
      <c r="I488" s="555"/>
      <c r="J488" s="555"/>
      <c r="K488" s="555"/>
      <c r="L488" s="555"/>
      <c r="M488" s="555"/>
      <c r="N488" s="555"/>
      <c r="O488" s="555"/>
      <c r="P488" s="555"/>
      <c r="Q488" s="555"/>
      <c r="R488" s="555"/>
      <c r="S488" s="555"/>
      <c r="T488" s="556"/>
      <c r="U488" s="259" t="s">
        <v>766</v>
      </c>
      <c r="V488" s="557" t="s">
        <v>107</v>
      </c>
      <c r="W488" s="558"/>
      <c r="X488" s="558"/>
      <c r="Y488" s="558"/>
      <c r="Z488" s="559"/>
      <c r="AA488" s="557" t="s">
        <v>102</v>
      </c>
      <c r="AB488" s="558"/>
      <c r="AC488" s="559"/>
      <c r="AD488" s="419">
        <v>1</v>
      </c>
      <c r="AE488" s="419" t="s">
        <v>103</v>
      </c>
      <c r="AF488" s="552" t="s">
        <v>109</v>
      </c>
      <c r="AG488" s="553"/>
      <c r="AH488" s="560"/>
      <c r="AI488" s="561"/>
      <c r="AJ488" s="562"/>
      <c r="AK488" s="333" t="s">
        <v>399</v>
      </c>
      <c r="AL488" s="329"/>
      <c r="AM488" s="16"/>
      <c r="AN488" s="3" t="str">
        <f t="shared" si="29"/>
        <v>■</v>
      </c>
    </row>
    <row r="489" spans="1:40">
      <c r="A489" s="20" t="str">
        <f t="shared" si="28"/>
        <v>TR</v>
      </c>
      <c r="B489" s="20"/>
      <c r="C489" s="552">
        <v>21</v>
      </c>
      <c r="D489" s="553"/>
      <c r="E489" s="554" t="s">
        <v>767</v>
      </c>
      <c r="F489" s="555"/>
      <c r="G489" s="555"/>
      <c r="H489" s="555"/>
      <c r="I489" s="555"/>
      <c r="J489" s="555"/>
      <c r="K489" s="555"/>
      <c r="L489" s="555"/>
      <c r="M489" s="555"/>
      <c r="N489" s="555"/>
      <c r="O489" s="555"/>
      <c r="P489" s="555"/>
      <c r="Q489" s="555"/>
      <c r="R489" s="555"/>
      <c r="S489" s="555"/>
      <c r="T489" s="556"/>
      <c r="U489" s="259" t="s">
        <v>768</v>
      </c>
      <c r="V489" s="557" t="s">
        <v>107</v>
      </c>
      <c r="W489" s="558"/>
      <c r="X489" s="558"/>
      <c r="Y489" s="558"/>
      <c r="Z489" s="559"/>
      <c r="AA489" s="557" t="s">
        <v>102</v>
      </c>
      <c r="AB489" s="558"/>
      <c r="AC489" s="559"/>
      <c r="AD489" s="419">
        <v>2</v>
      </c>
      <c r="AE489" s="419" t="s">
        <v>103</v>
      </c>
      <c r="AF489" s="552" t="s">
        <v>109</v>
      </c>
      <c r="AG489" s="553"/>
      <c r="AH489" s="560"/>
      <c r="AI489" s="561"/>
      <c r="AJ489" s="562"/>
      <c r="AK489" s="333" t="s">
        <v>399</v>
      </c>
      <c r="AL489" s="329"/>
      <c r="AM489" s="16"/>
      <c r="AN489" s="3" t="str">
        <f t="shared" si="29"/>
        <v>■</v>
      </c>
    </row>
    <row r="490" spans="1:40">
      <c r="A490" s="20" t="str">
        <f t="shared" si="28"/>
        <v>TR</v>
      </c>
      <c r="B490" s="20"/>
      <c r="C490" s="541">
        <v>22</v>
      </c>
      <c r="D490" s="542"/>
      <c r="E490" s="543" t="s">
        <v>409</v>
      </c>
      <c r="F490" s="544"/>
      <c r="G490" s="544"/>
      <c r="H490" s="544"/>
      <c r="I490" s="544"/>
      <c r="J490" s="544"/>
      <c r="K490" s="544"/>
      <c r="L490" s="544"/>
      <c r="M490" s="544"/>
      <c r="N490" s="544"/>
      <c r="O490" s="544"/>
      <c r="P490" s="544"/>
      <c r="Q490" s="544"/>
      <c r="R490" s="544"/>
      <c r="S490" s="544"/>
      <c r="T490" s="545"/>
      <c r="U490" s="221" t="s">
        <v>453</v>
      </c>
      <c r="V490" s="546" t="s">
        <v>107</v>
      </c>
      <c r="W490" s="547"/>
      <c r="X490" s="547"/>
      <c r="Y490" s="547"/>
      <c r="Z490" s="548"/>
      <c r="AA490" s="546" t="s">
        <v>102</v>
      </c>
      <c r="AB490" s="547"/>
      <c r="AC490" s="548"/>
      <c r="AD490" s="415">
        <v>6</v>
      </c>
      <c r="AE490" s="415" t="s">
        <v>103</v>
      </c>
      <c r="AF490" s="541"/>
      <c r="AG490" s="542"/>
      <c r="AH490" s="549"/>
      <c r="AI490" s="550"/>
      <c r="AJ490" s="551"/>
      <c r="AK490" s="265"/>
      <c r="AL490" s="334"/>
      <c r="AM490" s="16"/>
      <c r="AN490" s="3" t="str">
        <f t="shared" si="29"/>
        <v>■</v>
      </c>
    </row>
    <row r="491" spans="1:40">
      <c r="A491" s="20" t="str">
        <f t="shared" si="28"/>
        <v>TR</v>
      </c>
      <c r="B491" s="20"/>
      <c r="C491" s="541">
        <v>23</v>
      </c>
      <c r="D491" s="542"/>
      <c r="E491" s="543" t="s">
        <v>411</v>
      </c>
      <c r="F491" s="544"/>
      <c r="G491" s="544"/>
      <c r="H491" s="544"/>
      <c r="I491" s="544"/>
      <c r="J491" s="544"/>
      <c r="K491" s="544"/>
      <c r="L491" s="544"/>
      <c r="M491" s="544"/>
      <c r="N491" s="544"/>
      <c r="O491" s="544"/>
      <c r="P491" s="544"/>
      <c r="Q491" s="544"/>
      <c r="R491" s="544"/>
      <c r="S491" s="544"/>
      <c r="T491" s="545"/>
      <c r="U491" s="221" t="s">
        <v>516</v>
      </c>
      <c r="V491" s="546" t="s">
        <v>107</v>
      </c>
      <c r="W491" s="547"/>
      <c r="X491" s="547"/>
      <c r="Y491" s="547"/>
      <c r="Z491" s="548"/>
      <c r="AA491" s="546" t="s">
        <v>102</v>
      </c>
      <c r="AB491" s="547"/>
      <c r="AC491" s="548"/>
      <c r="AD491" s="415">
        <v>6</v>
      </c>
      <c r="AE491" s="415" t="s">
        <v>103</v>
      </c>
      <c r="AF491" s="541"/>
      <c r="AG491" s="542"/>
      <c r="AH491" s="549"/>
      <c r="AI491" s="550"/>
      <c r="AJ491" s="551"/>
      <c r="AK491" s="265"/>
      <c r="AL491" s="329"/>
      <c r="AM491" s="16"/>
      <c r="AN491" s="3" t="str">
        <f t="shared" si="29"/>
        <v>■</v>
      </c>
    </row>
    <row r="492" spans="1:40">
      <c r="A492" s="20" t="str">
        <f>IF(LEN(J492)&gt;0,MID(J492,FIND("（",J492,1)+1,2),A489)</f>
        <v>TR</v>
      </c>
      <c r="B492" s="20"/>
      <c r="V492" s="238"/>
      <c r="W492" s="238"/>
      <c r="X492" s="238"/>
      <c r="Y492" s="238"/>
      <c r="Z492" s="238"/>
      <c r="AA492" s="238"/>
      <c r="AB492" s="238"/>
      <c r="AC492" s="238"/>
      <c r="AD492" s="122"/>
      <c r="AE492" s="122"/>
      <c r="AF492" s="238"/>
      <c r="AG492" s="238"/>
      <c r="AH492" s="238"/>
      <c r="AI492" s="238"/>
      <c r="AJ492" s="238"/>
      <c r="AK492" s="55"/>
      <c r="AL492" s="329"/>
      <c r="AM492" s="16"/>
    </row>
    <row r="493" spans="1:40" s="1" customFormat="1">
      <c r="A493" s="20" t="str">
        <f t="shared" ref="A493:A506" si="30">IF(LEN(J493)&gt;0,MID(J493,FIND("（",J493,1)+1,2),A492)</f>
        <v>TS</v>
      </c>
      <c r="B493" s="20"/>
      <c r="C493" s="52" t="s">
        <v>380</v>
      </c>
      <c r="D493" s="16"/>
      <c r="E493" s="26"/>
      <c r="F493" s="26"/>
      <c r="G493" s="26"/>
      <c r="H493" s="26"/>
      <c r="I493" s="26"/>
      <c r="J493" s="26" t="s">
        <v>769</v>
      </c>
      <c r="K493" s="26"/>
      <c r="L493" s="26"/>
      <c r="M493" s="26"/>
      <c r="N493" s="26"/>
      <c r="O493" s="26"/>
      <c r="P493" s="26"/>
      <c r="Q493" s="26"/>
      <c r="R493" s="26"/>
      <c r="S493" s="26"/>
      <c r="T493" s="26"/>
      <c r="U493" s="26" t="s">
        <v>770</v>
      </c>
      <c r="V493" s="122"/>
      <c r="W493" s="122"/>
      <c r="X493" s="122"/>
      <c r="Y493" s="122"/>
      <c r="Z493" s="122"/>
      <c r="AA493" s="122"/>
      <c r="AB493" s="122"/>
      <c r="AC493" s="122"/>
      <c r="AD493" s="122"/>
      <c r="AE493" s="122"/>
      <c r="AF493" s="122"/>
      <c r="AG493" s="122"/>
      <c r="AH493" s="122"/>
      <c r="AI493" s="122"/>
      <c r="AJ493" s="122"/>
      <c r="AK493" s="26"/>
      <c r="AL493" s="329"/>
      <c r="AM493" s="26"/>
    </row>
    <row r="494" spans="1:40" ht="13.5" customHeight="1">
      <c r="A494" s="20" t="str">
        <f t="shared" si="30"/>
        <v>TS</v>
      </c>
      <c r="B494" s="20"/>
      <c r="C494" s="571" t="s">
        <v>73</v>
      </c>
      <c r="D494" s="573"/>
      <c r="E494" s="571" t="s">
        <v>94</v>
      </c>
      <c r="F494" s="571"/>
      <c r="G494" s="571"/>
      <c r="H494" s="571"/>
      <c r="I494" s="571"/>
      <c r="J494" s="571"/>
      <c r="K494" s="571"/>
      <c r="L494" s="571"/>
      <c r="M494" s="571"/>
      <c r="N494" s="571"/>
      <c r="O494" s="571"/>
      <c r="P494" s="571"/>
      <c r="Q494" s="571"/>
      <c r="R494" s="571"/>
      <c r="S494" s="571"/>
      <c r="T494" s="571"/>
      <c r="U494" s="226" t="s">
        <v>383</v>
      </c>
      <c r="V494" s="574" t="s">
        <v>138</v>
      </c>
      <c r="W494" s="574"/>
      <c r="X494" s="574"/>
      <c r="Y494" s="574"/>
      <c r="Z494" s="574"/>
      <c r="AA494" s="575" t="s">
        <v>415</v>
      </c>
      <c r="AB494" s="576"/>
      <c r="AC494" s="577"/>
      <c r="AD494" s="493" t="s">
        <v>97</v>
      </c>
      <c r="AE494" s="493"/>
      <c r="AF494" s="574" t="s">
        <v>98</v>
      </c>
      <c r="AG494" s="574"/>
      <c r="AH494" s="571" t="s">
        <v>75</v>
      </c>
      <c r="AI494" s="571"/>
      <c r="AJ494" s="571"/>
      <c r="AK494" s="572" t="s">
        <v>159</v>
      </c>
      <c r="AL494" s="329"/>
      <c r="AM494" s="16"/>
    </row>
    <row r="495" spans="1:40">
      <c r="A495" s="20" t="str">
        <f t="shared" si="30"/>
        <v>TS</v>
      </c>
      <c r="B495" s="20"/>
      <c r="C495" s="573"/>
      <c r="D495" s="573"/>
      <c r="E495" s="571"/>
      <c r="F495" s="571"/>
      <c r="G495" s="571"/>
      <c r="H495" s="571"/>
      <c r="I495" s="571"/>
      <c r="J495" s="571"/>
      <c r="K495" s="571"/>
      <c r="L495" s="571"/>
      <c r="M495" s="571"/>
      <c r="N495" s="571"/>
      <c r="O495" s="571"/>
      <c r="P495" s="571"/>
      <c r="Q495" s="571"/>
      <c r="R495" s="571"/>
      <c r="S495" s="571"/>
      <c r="T495" s="571"/>
      <c r="U495" s="227"/>
      <c r="V495" s="574"/>
      <c r="W495" s="574"/>
      <c r="X495" s="574"/>
      <c r="Y495" s="574"/>
      <c r="Z495" s="574"/>
      <c r="AA495" s="578"/>
      <c r="AB495" s="579"/>
      <c r="AC495" s="580"/>
      <c r="AD495" s="493"/>
      <c r="AE495" s="493"/>
      <c r="AF495" s="574"/>
      <c r="AG495" s="574"/>
      <c r="AH495" s="571"/>
      <c r="AI495" s="571"/>
      <c r="AJ495" s="571"/>
      <c r="AK495" s="572"/>
      <c r="AL495" s="330"/>
      <c r="AM495" s="16"/>
    </row>
    <row r="496" spans="1:40" ht="13.4" customHeight="1">
      <c r="A496" s="20" t="str">
        <f t="shared" si="30"/>
        <v>TS</v>
      </c>
      <c r="B496" s="20"/>
      <c r="C496" s="541">
        <v>1</v>
      </c>
      <c r="D496" s="542"/>
      <c r="E496" s="563" t="s">
        <v>440</v>
      </c>
      <c r="F496" s="564"/>
      <c r="G496" s="564"/>
      <c r="H496" s="564"/>
      <c r="I496" s="564"/>
      <c r="J496" s="564"/>
      <c r="K496" s="564"/>
      <c r="L496" s="564"/>
      <c r="M496" s="564"/>
      <c r="N496" s="564"/>
      <c r="O496" s="564"/>
      <c r="P496" s="564"/>
      <c r="Q496" s="564"/>
      <c r="R496" s="564"/>
      <c r="S496" s="564"/>
      <c r="T496" s="565"/>
      <c r="U496" s="219" t="s">
        <v>441</v>
      </c>
      <c r="V496" s="546" t="s">
        <v>101</v>
      </c>
      <c r="W496" s="547"/>
      <c r="X496" s="547"/>
      <c r="Y496" s="547"/>
      <c r="Z496" s="548"/>
      <c r="AA496" s="546" t="s">
        <v>102</v>
      </c>
      <c r="AB496" s="547"/>
      <c r="AC496" s="548"/>
      <c r="AD496" s="415">
        <v>10</v>
      </c>
      <c r="AE496" s="415" t="s">
        <v>103</v>
      </c>
      <c r="AF496" s="541"/>
      <c r="AG496" s="542"/>
      <c r="AH496" s="549"/>
      <c r="AI496" s="550"/>
      <c r="AJ496" s="551"/>
      <c r="AK496" s="332"/>
      <c r="AL496" s="330"/>
      <c r="AM496" s="16"/>
      <c r="AN496" s="3" t="str">
        <f>$M$21</f>
        <v>■</v>
      </c>
    </row>
    <row r="497" spans="1:40" ht="13.4" customHeight="1">
      <c r="A497" s="20" t="str">
        <f t="shared" si="30"/>
        <v>TS</v>
      </c>
      <c r="B497" s="20"/>
      <c r="C497" s="541">
        <v>2</v>
      </c>
      <c r="D497" s="542"/>
      <c r="E497" s="563" t="s">
        <v>442</v>
      </c>
      <c r="F497" s="564"/>
      <c r="G497" s="564"/>
      <c r="H497" s="564"/>
      <c r="I497" s="564"/>
      <c r="J497" s="564"/>
      <c r="K497" s="564"/>
      <c r="L497" s="564"/>
      <c r="M497" s="564"/>
      <c r="N497" s="564"/>
      <c r="O497" s="564"/>
      <c r="P497" s="564"/>
      <c r="Q497" s="564"/>
      <c r="R497" s="564"/>
      <c r="S497" s="564"/>
      <c r="T497" s="565"/>
      <c r="U497" s="219" t="s">
        <v>443</v>
      </c>
      <c r="V497" s="546" t="s">
        <v>101</v>
      </c>
      <c r="W497" s="547"/>
      <c r="X497" s="547"/>
      <c r="Y497" s="547"/>
      <c r="Z497" s="548"/>
      <c r="AA497" s="546" t="s">
        <v>102</v>
      </c>
      <c r="AB497" s="547"/>
      <c r="AC497" s="548"/>
      <c r="AD497" s="415">
        <v>51</v>
      </c>
      <c r="AE497" s="415" t="s">
        <v>103</v>
      </c>
      <c r="AF497" s="541"/>
      <c r="AG497" s="542"/>
      <c r="AH497" s="549"/>
      <c r="AI497" s="550"/>
      <c r="AJ497" s="551"/>
      <c r="AK497" s="332"/>
      <c r="AL497" s="329"/>
      <c r="AM497" s="16"/>
      <c r="AN497" s="3" t="str">
        <f t="shared" ref="AN497:AN506" si="31">$M$21</f>
        <v>■</v>
      </c>
    </row>
    <row r="498" spans="1:40" s="28" customFormat="1" ht="13.4" customHeight="1">
      <c r="A498" s="20" t="str">
        <f t="shared" si="30"/>
        <v>TS</v>
      </c>
      <c r="B498" s="20"/>
      <c r="C498" s="552">
        <v>3</v>
      </c>
      <c r="D498" s="553"/>
      <c r="E498" s="566" t="s">
        <v>106</v>
      </c>
      <c r="F498" s="567"/>
      <c r="G498" s="567"/>
      <c r="H498" s="567"/>
      <c r="I498" s="567"/>
      <c r="J498" s="567"/>
      <c r="K498" s="567"/>
      <c r="L498" s="567"/>
      <c r="M498" s="567"/>
      <c r="N498" s="567"/>
      <c r="O498" s="567"/>
      <c r="P498" s="567"/>
      <c r="Q498" s="567"/>
      <c r="R498" s="567"/>
      <c r="S498" s="567"/>
      <c r="T498" s="568"/>
      <c r="U498" s="220" t="s">
        <v>444</v>
      </c>
      <c r="V498" s="557" t="s">
        <v>107</v>
      </c>
      <c r="W498" s="558"/>
      <c r="X498" s="558"/>
      <c r="Y498" s="558"/>
      <c r="Z498" s="559"/>
      <c r="AA498" s="557" t="s">
        <v>108</v>
      </c>
      <c r="AB498" s="558"/>
      <c r="AC498" s="559"/>
      <c r="AD498" s="419">
        <v>1</v>
      </c>
      <c r="AE498" s="419">
        <v>0</v>
      </c>
      <c r="AF498" s="552" t="s">
        <v>109</v>
      </c>
      <c r="AG498" s="553"/>
      <c r="AH498" s="560"/>
      <c r="AI498" s="561"/>
      <c r="AJ498" s="562"/>
      <c r="AK498" s="333" t="s">
        <v>416</v>
      </c>
      <c r="AL498" s="329"/>
      <c r="AM498" s="331"/>
      <c r="AN498" s="3" t="str">
        <f t="shared" si="31"/>
        <v>■</v>
      </c>
    </row>
    <row r="499" spans="1:40" s="28" customFormat="1" ht="13.4" customHeight="1">
      <c r="A499" s="20" t="str">
        <f t="shared" si="30"/>
        <v>TS</v>
      </c>
      <c r="B499" s="20"/>
      <c r="C499" s="541">
        <v>4</v>
      </c>
      <c r="D499" s="542"/>
      <c r="E499" s="563" t="s">
        <v>110</v>
      </c>
      <c r="F499" s="564"/>
      <c r="G499" s="564"/>
      <c r="H499" s="564"/>
      <c r="I499" s="564"/>
      <c r="J499" s="564"/>
      <c r="K499" s="564"/>
      <c r="L499" s="564"/>
      <c r="M499" s="564"/>
      <c r="N499" s="564"/>
      <c r="O499" s="564"/>
      <c r="P499" s="564"/>
      <c r="Q499" s="564"/>
      <c r="R499" s="564"/>
      <c r="S499" s="564"/>
      <c r="T499" s="565"/>
      <c r="U499" s="221" t="s">
        <v>445</v>
      </c>
      <c r="V499" s="546" t="s">
        <v>107</v>
      </c>
      <c r="W499" s="547"/>
      <c r="X499" s="547"/>
      <c r="Y499" s="547"/>
      <c r="Z499" s="548"/>
      <c r="AA499" s="546" t="s">
        <v>108</v>
      </c>
      <c r="AB499" s="547"/>
      <c r="AC499" s="548"/>
      <c r="AD499" s="415">
        <v>1</v>
      </c>
      <c r="AE499" s="415">
        <v>0</v>
      </c>
      <c r="AF499" s="541"/>
      <c r="AG499" s="542"/>
      <c r="AH499" s="549"/>
      <c r="AI499" s="550"/>
      <c r="AJ499" s="551"/>
      <c r="AK499" s="332"/>
      <c r="AL499" s="329"/>
      <c r="AM499" s="331"/>
      <c r="AN499" s="3" t="str">
        <f t="shared" si="31"/>
        <v>■</v>
      </c>
    </row>
    <row r="500" spans="1:40" ht="13.4" customHeight="1">
      <c r="A500" s="20" t="str">
        <f t="shared" si="30"/>
        <v>TS</v>
      </c>
      <c r="B500" s="20"/>
      <c r="C500" s="541">
        <v>5</v>
      </c>
      <c r="D500" s="542"/>
      <c r="E500" s="543" t="s">
        <v>80</v>
      </c>
      <c r="F500" s="544"/>
      <c r="G500" s="544"/>
      <c r="H500" s="544"/>
      <c r="I500" s="544"/>
      <c r="J500" s="544"/>
      <c r="K500" s="544"/>
      <c r="L500" s="544"/>
      <c r="M500" s="544"/>
      <c r="N500" s="544"/>
      <c r="O500" s="544"/>
      <c r="P500" s="544"/>
      <c r="Q500" s="544"/>
      <c r="R500" s="544"/>
      <c r="S500" s="544"/>
      <c r="T500" s="545"/>
      <c r="U500" s="221" t="s">
        <v>446</v>
      </c>
      <c r="V500" s="546" t="s">
        <v>101</v>
      </c>
      <c r="W500" s="547"/>
      <c r="X500" s="547"/>
      <c r="Y500" s="547"/>
      <c r="Z500" s="548"/>
      <c r="AA500" s="546" t="s">
        <v>102</v>
      </c>
      <c r="AB500" s="547"/>
      <c r="AC500" s="548"/>
      <c r="AD500" s="415">
        <v>2</v>
      </c>
      <c r="AE500" s="415" t="s">
        <v>103</v>
      </c>
      <c r="AF500" s="541"/>
      <c r="AG500" s="542"/>
      <c r="AH500" s="549"/>
      <c r="AI500" s="550"/>
      <c r="AJ500" s="551"/>
      <c r="AK500" s="332"/>
      <c r="AL500" s="329"/>
      <c r="AM500" s="16"/>
      <c r="AN500" s="3" t="str">
        <f t="shared" si="31"/>
        <v>■</v>
      </c>
    </row>
    <row r="501" spans="1:40" ht="13.4" customHeight="1">
      <c r="A501" s="20" t="str">
        <f t="shared" si="30"/>
        <v>TS</v>
      </c>
      <c r="B501" s="20"/>
      <c r="C501" s="541">
        <v>6</v>
      </c>
      <c r="D501" s="542"/>
      <c r="E501" s="543" t="s">
        <v>551</v>
      </c>
      <c r="F501" s="544"/>
      <c r="G501" s="544"/>
      <c r="H501" s="544"/>
      <c r="I501" s="544"/>
      <c r="J501" s="544"/>
      <c r="K501" s="544"/>
      <c r="L501" s="544"/>
      <c r="M501" s="544"/>
      <c r="N501" s="544"/>
      <c r="O501" s="544"/>
      <c r="P501" s="544"/>
      <c r="Q501" s="544"/>
      <c r="R501" s="544"/>
      <c r="S501" s="544"/>
      <c r="T501" s="545"/>
      <c r="U501" s="225" t="s">
        <v>552</v>
      </c>
      <c r="V501" s="546" t="s">
        <v>107</v>
      </c>
      <c r="W501" s="547"/>
      <c r="X501" s="547"/>
      <c r="Y501" s="547"/>
      <c r="Z501" s="548"/>
      <c r="AA501" s="546" t="s">
        <v>108</v>
      </c>
      <c r="AB501" s="547"/>
      <c r="AC501" s="548"/>
      <c r="AD501" s="415">
        <v>2</v>
      </c>
      <c r="AE501" s="415">
        <v>0</v>
      </c>
      <c r="AF501" s="541"/>
      <c r="AG501" s="542"/>
      <c r="AH501" s="549"/>
      <c r="AI501" s="550"/>
      <c r="AJ501" s="551"/>
      <c r="AK501" s="332"/>
      <c r="AL501" s="329"/>
      <c r="AM501" s="16"/>
      <c r="AN501" s="3" t="str">
        <f t="shared" si="31"/>
        <v>■</v>
      </c>
    </row>
    <row r="502" spans="1:40" ht="13.4" customHeight="1">
      <c r="A502" s="20" t="str">
        <f t="shared" si="30"/>
        <v>TS</v>
      </c>
      <c r="B502" s="20"/>
      <c r="C502" s="541">
        <v>7</v>
      </c>
      <c r="D502" s="542"/>
      <c r="E502" s="543" t="s">
        <v>553</v>
      </c>
      <c r="F502" s="544"/>
      <c r="G502" s="544"/>
      <c r="H502" s="544"/>
      <c r="I502" s="544"/>
      <c r="J502" s="544"/>
      <c r="K502" s="544"/>
      <c r="L502" s="544"/>
      <c r="M502" s="544"/>
      <c r="N502" s="544"/>
      <c r="O502" s="544"/>
      <c r="P502" s="544"/>
      <c r="Q502" s="544"/>
      <c r="R502" s="544"/>
      <c r="S502" s="544"/>
      <c r="T502" s="545"/>
      <c r="U502" s="221" t="s">
        <v>554</v>
      </c>
      <c r="V502" s="546" t="s">
        <v>107</v>
      </c>
      <c r="W502" s="547"/>
      <c r="X502" s="547"/>
      <c r="Y502" s="547"/>
      <c r="Z502" s="548"/>
      <c r="AA502" s="546" t="s">
        <v>108</v>
      </c>
      <c r="AB502" s="547"/>
      <c r="AC502" s="548"/>
      <c r="AD502" s="415">
        <v>8</v>
      </c>
      <c r="AE502" s="415">
        <v>0</v>
      </c>
      <c r="AF502" s="541"/>
      <c r="AG502" s="542"/>
      <c r="AH502" s="549"/>
      <c r="AI502" s="550"/>
      <c r="AJ502" s="551"/>
      <c r="AK502" s="332"/>
      <c r="AL502" s="329"/>
      <c r="AM502" s="16"/>
      <c r="AN502" s="3" t="str">
        <f t="shared" si="31"/>
        <v>■</v>
      </c>
    </row>
    <row r="503" spans="1:40" ht="13.4" customHeight="1">
      <c r="A503" s="20" t="str">
        <f t="shared" si="30"/>
        <v>TS</v>
      </c>
      <c r="B503" s="20"/>
      <c r="C503" s="541">
        <v>8</v>
      </c>
      <c r="D503" s="542"/>
      <c r="E503" s="543" t="s">
        <v>556</v>
      </c>
      <c r="F503" s="544"/>
      <c r="G503" s="544"/>
      <c r="H503" s="544"/>
      <c r="I503" s="544"/>
      <c r="J503" s="544"/>
      <c r="K503" s="544"/>
      <c r="L503" s="544"/>
      <c r="M503" s="544"/>
      <c r="N503" s="544"/>
      <c r="O503" s="544"/>
      <c r="P503" s="544"/>
      <c r="Q503" s="544"/>
      <c r="R503" s="544"/>
      <c r="S503" s="544"/>
      <c r="T503" s="545"/>
      <c r="U503" s="221" t="s">
        <v>557</v>
      </c>
      <c r="V503" s="546" t="s">
        <v>107</v>
      </c>
      <c r="W503" s="547"/>
      <c r="X503" s="547"/>
      <c r="Y503" s="547"/>
      <c r="Z503" s="548"/>
      <c r="AA503" s="546" t="s">
        <v>108</v>
      </c>
      <c r="AB503" s="547"/>
      <c r="AC503" s="548"/>
      <c r="AD503" s="415">
        <v>2</v>
      </c>
      <c r="AE503" s="415">
        <v>0</v>
      </c>
      <c r="AF503" s="541"/>
      <c r="AG503" s="542"/>
      <c r="AH503" s="549"/>
      <c r="AI503" s="550"/>
      <c r="AJ503" s="551"/>
      <c r="AK503" s="332"/>
      <c r="AL503" s="329"/>
      <c r="AM503" s="16"/>
      <c r="AN503" s="3" t="str">
        <f t="shared" si="31"/>
        <v>■</v>
      </c>
    </row>
    <row r="504" spans="1:40" ht="13.4" customHeight="1">
      <c r="A504" s="20" t="str">
        <f t="shared" si="30"/>
        <v>TS</v>
      </c>
      <c r="B504" s="20"/>
      <c r="C504" s="541">
        <v>9</v>
      </c>
      <c r="D504" s="542"/>
      <c r="E504" s="543" t="s">
        <v>558</v>
      </c>
      <c r="F504" s="544"/>
      <c r="G504" s="544"/>
      <c r="H504" s="544"/>
      <c r="I504" s="544"/>
      <c r="J504" s="544"/>
      <c r="K504" s="544"/>
      <c r="L504" s="544"/>
      <c r="M504" s="544"/>
      <c r="N504" s="544"/>
      <c r="O504" s="544"/>
      <c r="P504" s="544"/>
      <c r="Q504" s="544"/>
      <c r="R504" s="544"/>
      <c r="S504" s="544"/>
      <c r="T504" s="545"/>
      <c r="U504" s="221" t="s">
        <v>559</v>
      </c>
      <c r="V504" s="546" t="s">
        <v>107</v>
      </c>
      <c r="W504" s="547"/>
      <c r="X504" s="547"/>
      <c r="Y504" s="547"/>
      <c r="Z504" s="548"/>
      <c r="AA504" s="546" t="s">
        <v>108</v>
      </c>
      <c r="AB504" s="547"/>
      <c r="AC504" s="548"/>
      <c r="AD504" s="415">
        <v>8</v>
      </c>
      <c r="AE504" s="415">
        <v>0</v>
      </c>
      <c r="AF504" s="541"/>
      <c r="AG504" s="542"/>
      <c r="AH504" s="549"/>
      <c r="AI504" s="550"/>
      <c r="AJ504" s="551"/>
      <c r="AK504" s="332"/>
      <c r="AL504" s="329"/>
      <c r="AM504" s="16"/>
      <c r="AN504" s="3" t="str">
        <f t="shared" si="31"/>
        <v>■</v>
      </c>
    </row>
    <row r="505" spans="1:40" ht="13.4" customHeight="1">
      <c r="A505" s="20" t="str">
        <f t="shared" si="30"/>
        <v>TS</v>
      </c>
      <c r="B505" s="20"/>
      <c r="C505" s="541">
        <v>10</v>
      </c>
      <c r="D505" s="542"/>
      <c r="E505" s="543" t="s">
        <v>409</v>
      </c>
      <c r="F505" s="544"/>
      <c r="G505" s="544"/>
      <c r="H505" s="544"/>
      <c r="I505" s="544"/>
      <c r="J505" s="544"/>
      <c r="K505" s="544"/>
      <c r="L505" s="544"/>
      <c r="M505" s="544"/>
      <c r="N505" s="544"/>
      <c r="O505" s="544"/>
      <c r="P505" s="544"/>
      <c r="Q505" s="544"/>
      <c r="R505" s="544"/>
      <c r="S505" s="544"/>
      <c r="T505" s="545"/>
      <c r="U505" s="221" t="s">
        <v>453</v>
      </c>
      <c r="V505" s="546" t="s">
        <v>107</v>
      </c>
      <c r="W505" s="547"/>
      <c r="X505" s="547"/>
      <c r="Y505" s="547"/>
      <c r="Z505" s="548"/>
      <c r="AA505" s="546" t="s">
        <v>102</v>
      </c>
      <c r="AB505" s="547"/>
      <c r="AC505" s="548"/>
      <c r="AD505" s="415">
        <v>6</v>
      </c>
      <c r="AE505" s="415" t="s">
        <v>103</v>
      </c>
      <c r="AF505" s="541"/>
      <c r="AG505" s="542"/>
      <c r="AH505" s="549"/>
      <c r="AI505" s="550"/>
      <c r="AJ505" s="551"/>
      <c r="AK505" s="332"/>
      <c r="AL505" s="329"/>
      <c r="AM505" s="16"/>
      <c r="AN505" s="3" t="str">
        <f t="shared" si="31"/>
        <v>■</v>
      </c>
    </row>
    <row r="506" spans="1:40" ht="13.4" customHeight="1">
      <c r="A506" s="20" t="str">
        <f t="shared" si="30"/>
        <v>TS</v>
      </c>
      <c r="B506" s="20"/>
      <c r="C506" s="541">
        <v>11</v>
      </c>
      <c r="D506" s="542"/>
      <c r="E506" s="543" t="s">
        <v>411</v>
      </c>
      <c r="F506" s="544"/>
      <c r="G506" s="544"/>
      <c r="H506" s="544"/>
      <c r="I506" s="544"/>
      <c r="J506" s="544"/>
      <c r="K506" s="544"/>
      <c r="L506" s="544"/>
      <c r="M506" s="544"/>
      <c r="N506" s="544"/>
      <c r="O506" s="544"/>
      <c r="P506" s="544"/>
      <c r="Q506" s="544"/>
      <c r="R506" s="544"/>
      <c r="S506" s="544"/>
      <c r="T506" s="545"/>
      <c r="U506" s="221" t="s">
        <v>516</v>
      </c>
      <c r="V506" s="546" t="s">
        <v>107</v>
      </c>
      <c r="W506" s="547"/>
      <c r="X506" s="547"/>
      <c r="Y506" s="547"/>
      <c r="Z506" s="548"/>
      <c r="AA506" s="546" t="s">
        <v>102</v>
      </c>
      <c r="AB506" s="547"/>
      <c r="AC506" s="548"/>
      <c r="AD506" s="415">
        <v>6</v>
      </c>
      <c r="AE506" s="415" t="s">
        <v>103</v>
      </c>
      <c r="AF506" s="541"/>
      <c r="AG506" s="542"/>
      <c r="AH506" s="549"/>
      <c r="AI506" s="550"/>
      <c r="AJ506" s="551"/>
      <c r="AK506" s="332"/>
      <c r="AL506" s="329"/>
      <c r="AM506" s="16"/>
      <c r="AN506" s="3" t="str">
        <f t="shared" si="31"/>
        <v>■</v>
      </c>
    </row>
    <row r="507" spans="1:40">
      <c r="A507" s="20" t="str">
        <f>IF(LEN(J507)&gt;0,MID(J507,FIND("（",J507,1)+1,2),A504)</f>
        <v>TS</v>
      </c>
      <c r="B507" s="20"/>
      <c r="V507" s="238"/>
      <c r="W507" s="238"/>
      <c r="X507" s="238"/>
      <c r="Y507" s="238"/>
      <c r="Z507" s="238"/>
      <c r="AA507" s="238"/>
      <c r="AB507" s="238"/>
      <c r="AC507" s="238"/>
      <c r="AD507" s="122"/>
      <c r="AE507" s="122"/>
      <c r="AF507" s="238"/>
      <c r="AG507" s="238"/>
      <c r="AH507" s="238"/>
      <c r="AI507" s="238"/>
      <c r="AJ507" s="238"/>
      <c r="AK507" s="55"/>
      <c r="AL507" s="329"/>
      <c r="AM507" s="16"/>
    </row>
    <row r="508" spans="1:40">
      <c r="A508" s="20" t="str">
        <f t="shared" ref="A508:A571" si="32">IF(LEN(J508)&gt;0,MID(J508,FIND("（",J508,1)+1,2),A507)</f>
        <v>GR</v>
      </c>
      <c r="B508" s="20"/>
      <c r="C508" s="52" t="s">
        <v>380</v>
      </c>
      <c r="E508" s="26"/>
      <c r="F508" s="26"/>
      <c r="G508" s="26"/>
      <c r="H508" s="26"/>
      <c r="I508" s="26"/>
      <c r="J508" s="26" t="s">
        <v>771</v>
      </c>
      <c r="K508" s="26"/>
      <c r="L508" s="26"/>
      <c r="M508" s="26"/>
      <c r="N508" s="26"/>
      <c r="O508" s="26"/>
      <c r="P508" s="26"/>
      <c r="Q508" s="26"/>
      <c r="R508" s="26"/>
      <c r="S508" s="26"/>
      <c r="T508" s="26"/>
      <c r="U508" s="26" t="s">
        <v>772</v>
      </c>
      <c r="V508" s="122"/>
      <c r="W508" s="122"/>
      <c r="X508" s="122"/>
      <c r="Y508" s="122"/>
      <c r="Z508" s="122"/>
      <c r="AA508" s="122"/>
      <c r="AB508" s="122"/>
      <c r="AC508" s="122"/>
      <c r="AD508" s="122"/>
      <c r="AE508" s="122"/>
      <c r="AF508" s="122"/>
      <c r="AG508" s="122"/>
      <c r="AH508" s="122"/>
      <c r="AI508" s="122"/>
      <c r="AJ508" s="122"/>
      <c r="AK508" s="55"/>
      <c r="AL508" s="329"/>
      <c r="AM508" s="16"/>
    </row>
    <row r="509" spans="1:40" ht="13.5" customHeight="1">
      <c r="A509" s="20" t="str">
        <f t="shared" si="32"/>
        <v>GR</v>
      </c>
      <c r="B509" s="20"/>
      <c r="C509" s="571" t="s">
        <v>73</v>
      </c>
      <c r="D509" s="573"/>
      <c r="E509" s="571" t="s">
        <v>94</v>
      </c>
      <c r="F509" s="571"/>
      <c r="G509" s="571"/>
      <c r="H509" s="571"/>
      <c r="I509" s="571"/>
      <c r="J509" s="571"/>
      <c r="K509" s="571"/>
      <c r="L509" s="571"/>
      <c r="M509" s="571"/>
      <c r="N509" s="571"/>
      <c r="O509" s="571"/>
      <c r="P509" s="571"/>
      <c r="Q509" s="571"/>
      <c r="R509" s="571"/>
      <c r="S509" s="571"/>
      <c r="T509" s="571"/>
      <c r="U509" s="226" t="s">
        <v>383</v>
      </c>
      <c r="V509" s="574" t="s">
        <v>138</v>
      </c>
      <c r="W509" s="574"/>
      <c r="X509" s="574"/>
      <c r="Y509" s="574"/>
      <c r="Z509" s="574"/>
      <c r="AA509" s="575" t="s">
        <v>415</v>
      </c>
      <c r="AB509" s="576"/>
      <c r="AC509" s="577"/>
      <c r="AD509" s="493" t="s">
        <v>97</v>
      </c>
      <c r="AE509" s="493"/>
      <c r="AF509" s="574" t="s">
        <v>98</v>
      </c>
      <c r="AG509" s="574"/>
      <c r="AH509" s="571" t="s">
        <v>75</v>
      </c>
      <c r="AI509" s="571"/>
      <c r="AJ509" s="571"/>
      <c r="AK509" s="572" t="s">
        <v>159</v>
      </c>
      <c r="AL509" s="329"/>
      <c r="AM509" s="16"/>
    </row>
    <row r="510" spans="1:40">
      <c r="A510" s="20" t="str">
        <f t="shared" si="32"/>
        <v>GR</v>
      </c>
      <c r="B510" s="20"/>
      <c r="C510" s="573"/>
      <c r="D510" s="573"/>
      <c r="E510" s="571"/>
      <c r="F510" s="571"/>
      <c r="G510" s="571"/>
      <c r="H510" s="571"/>
      <c r="I510" s="571"/>
      <c r="J510" s="571"/>
      <c r="K510" s="571"/>
      <c r="L510" s="571"/>
      <c r="M510" s="571"/>
      <c r="N510" s="571"/>
      <c r="O510" s="571"/>
      <c r="P510" s="571"/>
      <c r="Q510" s="571"/>
      <c r="R510" s="571"/>
      <c r="S510" s="571"/>
      <c r="T510" s="571"/>
      <c r="U510" s="227"/>
      <c r="V510" s="574"/>
      <c r="W510" s="574"/>
      <c r="X510" s="574"/>
      <c r="Y510" s="574"/>
      <c r="Z510" s="574"/>
      <c r="AA510" s="578"/>
      <c r="AB510" s="579"/>
      <c r="AC510" s="580"/>
      <c r="AD510" s="493"/>
      <c r="AE510" s="493"/>
      <c r="AF510" s="574"/>
      <c r="AG510" s="574"/>
      <c r="AH510" s="571"/>
      <c r="AI510" s="571"/>
      <c r="AJ510" s="571"/>
      <c r="AK510" s="572"/>
      <c r="AL510" s="329"/>
      <c r="AM510" s="16"/>
    </row>
    <row r="511" spans="1:40" ht="13.4" customHeight="1">
      <c r="A511" s="20" t="str">
        <f t="shared" si="32"/>
        <v>GR</v>
      </c>
      <c r="B511" s="20"/>
      <c r="C511" s="541">
        <v>1</v>
      </c>
      <c r="D511" s="542"/>
      <c r="E511" s="563" t="s">
        <v>440</v>
      </c>
      <c r="F511" s="564"/>
      <c r="G511" s="564"/>
      <c r="H511" s="564"/>
      <c r="I511" s="564"/>
      <c r="J511" s="564"/>
      <c r="K511" s="564"/>
      <c r="L511" s="564"/>
      <c r="M511" s="564"/>
      <c r="N511" s="564"/>
      <c r="O511" s="564"/>
      <c r="P511" s="564"/>
      <c r="Q511" s="564"/>
      <c r="R511" s="564"/>
      <c r="S511" s="564"/>
      <c r="T511" s="565"/>
      <c r="U511" s="219" t="s">
        <v>441</v>
      </c>
      <c r="V511" s="546" t="s">
        <v>101</v>
      </c>
      <c r="W511" s="547"/>
      <c r="X511" s="547"/>
      <c r="Y511" s="547"/>
      <c r="Z511" s="548"/>
      <c r="AA511" s="546" t="s">
        <v>102</v>
      </c>
      <c r="AB511" s="547"/>
      <c r="AC511" s="548"/>
      <c r="AD511" s="415">
        <v>10</v>
      </c>
      <c r="AE511" s="415" t="s">
        <v>103</v>
      </c>
      <c r="AF511" s="541"/>
      <c r="AG511" s="542"/>
      <c r="AH511" s="549"/>
      <c r="AI511" s="550"/>
      <c r="AJ511" s="551"/>
      <c r="AK511" s="332"/>
      <c r="AL511" s="329"/>
      <c r="AM511" s="16"/>
      <c r="AN511" s="3" t="str">
        <f>$P$21</f>
        <v>■</v>
      </c>
    </row>
    <row r="512" spans="1:40" ht="13.4" customHeight="1">
      <c r="A512" s="20" t="str">
        <f t="shared" si="32"/>
        <v>GR</v>
      </c>
      <c r="B512" s="20"/>
      <c r="C512" s="541">
        <v>2</v>
      </c>
      <c r="D512" s="542"/>
      <c r="E512" s="563" t="s">
        <v>442</v>
      </c>
      <c r="F512" s="564"/>
      <c r="G512" s="564"/>
      <c r="H512" s="564"/>
      <c r="I512" s="564"/>
      <c r="J512" s="564"/>
      <c r="K512" s="564"/>
      <c r="L512" s="564"/>
      <c r="M512" s="564"/>
      <c r="N512" s="564"/>
      <c r="O512" s="564"/>
      <c r="P512" s="564"/>
      <c r="Q512" s="564"/>
      <c r="R512" s="564"/>
      <c r="S512" s="564"/>
      <c r="T512" s="565"/>
      <c r="U512" s="219" t="s">
        <v>443</v>
      </c>
      <c r="V512" s="546" t="s">
        <v>101</v>
      </c>
      <c r="W512" s="547"/>
      <c r="X512" s="547"/>
      <c r="Y512" s="547"/>
      <c r="Z512" s="548"/>
      <c r="AA512" s="546" t="s">
        <v>102</v>
      </c>
      <c r="AB512" s="547"/>
      <c r="AC512" s="548"/>
      <c r="AD512" s="415">
        <v>51</v>
      </c>
      <c r="AE512" s="415" t="s">
        <v>103</v>
      </c>
      <c r="AF512" s="541"/>
      <c r="AG512" s="542"/>
      <c r="AH512" s="549"/>
      <c r="AI512" s="550"/>
      <c r="AJ512" s="551"/>
      <c r="AK512" s="332"/>
      <c r="AL512" s="329"/>
      <c r="AM512" s="16"/>
      <c r="AN512" s="3" t="str">
        <f t="shared" ref="AN512:AN519" si="33">$P$21</f>
        <v>■</v>
      </c>
    </row>
    <row r="513" spans="1:40" ht="13.4" customHeight="1">
      <c r="A513" s="20" t="str">
        <f t="shared" si="32"/>
        <v>GR</v>
      </c>
      <c r="B513" s="20"/>
      <c r="C513" s="552">
        <v>3</v>
      </c>
      <c r="D513" s="553"/>
      <c r="E513" s="566" t="s">
        <v>106</v>
      </c>
      <c r="F513" s="567"/>
      <c r="G513" s="567"/>
      <c r="H513" s="567"/>
      <c r="I513" s="567"/>
      <c r="J513" s="567"/>
      <c r="K513" s="567"/>
      <c r="L513" s="567"/>
      <c r="M513" s="567"/>
      <c r="N513" s="567"/>
      <c r="O513" s="567"/>
      <c r="P513" s="567"/>
      <c r="Q513" s="567"/>
      <c r="R513" s="567"/>
      <c r="S513" s="567"/>
      <c r="T513" s="568"/>
      <c r="U513" s="220" t="s">
        <v>444</v>
      </c>
      <c r="V513" s="557" t="s">
        <v>107</v>
      </c>
      <c r="W513" s="558"/>
      <c r="X513" s="558"/>
      <c r="Y513" s="558"/>
      <c r="Z513" s="559"/>
      <c r="AA513" s="557" t="s">
        <v>108</v>
      </c>
      <c r="AB513" s="558"/>
      <c r="AC513" s="559"/>
      <c r="AD513" s="419">
        <v>1</v>
      </c>
      <c r="AE513" s="419">
        <v>0</v>
      </c>
      <c r="AF513" s="552" t="s">
        <v>109</v>
      </c>
      <c r="AG513" s="553"/>
      <c r="AH513" s="560"/>
      <c r="AI513" s="561"/>
      <c r="AJ513" s="562"/>
      <c r="AK513" s="333" t="s">
        <v>416</v>
      </c>
      <c r="AL513" s="329"/>
      <c r="AM513" s="16"/>
      <c r="AN513" s="3" t="str">
        <f t="shared" si="33"/>
        <v>■</v>
      </c>
    </row>
    <row r="514" spans="1:40" ht="13.4" customHeight="1">
      <c r="A514" s="20" t="str">
        <f t="shared" si="32"/>
        <v>GR</v>
      </c>
      <c r="B514" s="20"/>
      <c r="C514" s="541">
        <v>4</v>
      </c>
      <c r="D514" s="542"/>
      <c r="E514" s="563" t="s">
        <v>110</v>
      </c>
      <c r="F514" s="564"/>
      <c r="G514" s="564"/>
      <c r="H514" s="564"/>
      <c r="I514" s="564"/>
      <c r="J514" s="564"/>
      <c r="K514" s="564"/>
      <c r="L514" s="564"/>
      <c r="M514" s="564"/>
      <c r="N514" s="564"/>
      <c r="O514" s="564"/>
      <c r="P514" s="564"/>
      <c r="Q514" s="564"/>
      <c r="R514" s="564"/>
      <c r="S514" s="564"/>
      <c r="T514" s="565"/>
      <c r="U514" s="221" t="s">
        <v>445</v>
      </c>
      <c r="V514" s="546" t="s">
        <v>107</v>
      </c>
      <c r="W514" s="547"/>
      <c r="X514" s="547"/>
      <c r="Y514" s="547"/>
      <c r="Z514" s="548"/>
      <c r="AA514" s="546" t="s">
        <v>108</v>
      </c>
      <c r="AB514" s="547"/>
      <c r="AC514" s="548"/>
      <c r="AD514" s="415">
        <v>1</v>
      </c>
      <c r="AE514" s="415">
        <v>0</v>
      </c>
      <c r="AF514" s="541"/>
      <c r="AG514" s="542"/>
      <c r="AH514" s="549"/>
      <c r="AI514" s="550"/>
      <c r="AJ514" s="551"/>
      <c r="AK514" s="332"/>
      <c r="AL514" s="329"/>
      <c r="AM514" s="16"/>
      <c r="AN514" s="3" t="str">
        <f t="shared" si="33"/>
        <v>■</v>
      </c>
    </row>
    <row r="515" spans="1:40" ht="13.4" customHeight="1">
      <c r="A515" s="20" t="str">
        <f t="shared" si="32"/>
        <v>GR</v>
      </c>
      <c r="B515" s="20"/>
      <c r="C515" s="541">
        <v>5</v>
      </c>
      <c r="D515" s="542"/>
      <c r="E515" s="543" t="s">
        <v>80</v>
      </c>
      <c r="F515" s="544"/>
      <c r="G515" s="544"/>
      <c r="H515" s="544"/>
      <c r="I515" s="544"/>
      <c r="J515" s="544"/>
      <c r="K515" s="544"/>
      <c r="L515" s="544"/>
      <c r="M515" s="544"/>
      <c r="N515" s="544"/>
      <c r="O515" s="544"/>
      <c r="P515" s="544"/>
      <c r="Q515" s="544"/>
      <c r="R515" s="544"/>
      <c r="S515" s="544"/>
      <c r="T515" s="545"/>
      <c r="U515" s="221" t="s">
        <v>446</v>
      </c>
      <c r="V515" s="546" t="s">
        <v>101</v>
      </c>
      <c r="W515" s="547"/>
      <c r="X515" s="547"/>
      <c r="Y515" s="547"/>
      <c r="Z515" s="548"/>
      <c r="AA515" s="546" t="s">
        <v>102</v>
      </c>
      <c r="AB515" s="547"/>
      <c r="AC515" s="548"/>
      <c r="AD515" s="415">
        <v>2</v>
      </c>
      <c r="AE515" s="415" t="s">
        <v>103</v>
      </c>
      <c r="AF515" s="541"/>
      <c r="AG515" s="542"/>
      <c r="AH515" s="549"/>
      <c r="AI515" s="550"/>
      <c r="AJ515" s="551"/>
      <c r="AK515" s="332"/>
      <c r="AL515" s="329"/>
      <c r="AM515" s="16"/>
      <c r="AN515" s="3" t="str">
        <f t="shared" si="33"/>
        <v>■</v>
      </c>
    </row>
    <row r="516" spans="1:40" ht="13.4" customHeight="1">
      <c r="A516" s="20" t="str">
        <f t="shared" si="32"/>
        <v>GR</v>
      </c>
      <c r="B516" s="20"/>
      <c r="C516" s="541">
        <v>6</v>
      </c>
      <c r="D516" s="542"/>
      <c r="E516" s="543" t="s">
        <v>773</v>
      </c>
      <c r="F516" s="544"/>
      <c r="G516" s="544"/>
      <c r="H516" s="544"/>
      <c r="I516" s="544"/>
      <c r="J516" s="544"/>
      <c r="K516" s="544"/>
      <c r="L516" s="544"/>
      <c r="M516" s="544"/>
      <c r="N516" s="544"/>
      <c r="O516" s="544"/>
      <c r="P516" s="544"/>
      <c r="Q516" s="544"/>
      <c r="R516" s="544"/>
      <c r="S516" s="544"/>
      <c r="T516" s="545"/>
      <c r="U516" s="225" t="s">
        <v>774</v>
      </c>
      <c r="V516" s="546" t="s">
        <v>107</v>
      </c>
      <c r="W516" s="547"/>
      <c r="X516" s="547"/>
      <c r="Y516" s="547"/>
      <c r="Z516" s="548"/>
      <c r="AA516" s="546" t="s">
        <v>102</v>
      </c>
      <c r="AB516" s="547"/>
      <c r="AC516" s="548"/>
      <c r="AD516" s="415">
        <v>2</v>
      </c>
      <c r="AE516" s="415" t="s">
        <v>103</v>
      </c>
      <c r="AF516" s="541"/>
      <c r="AG516" s="542"/>
      <c r="AH516" s="549"/>
      <c r="AI516" s="550"/>
      <c r="AJ516" s="551"/>
      <c r="AK516" s="332"/>
      <c r="AL516" s="329"/>
      <c r="AM516" s="16"/>
      <c r="AN516" s="3" t="str">
        <f t="shared" si="33"/>
        <v>■</v>
      </c>
    </row>
    <row r="517" spans="1:40" ht="13.4" customHeight="1">
      <c r="A517" s="20" t="str">
        <f t="shared" si="32"/>
        <v>GR</v>
      </c>
      <c r="B517" s="20"/>
      <c r="C517" s="541">
        <v>7</v>
      </c>
      <c r="D517" s="542"/>
      <c r="E517" s="543" t="s">
        <v>775</v>
      </c>
      <c r="F517" s="544"/>
      <c r="G517" s="544"/>
      <c r="H517" s="544"/>
      <c r="I517" s="544"/>
      <c r="J517" s="544"/>
      <c r="K517" s="544"/>
      <c r="L517" s="544"/>
      <c r="M517" s="544"/>
      <c r="N517" s="544"/>
      <c r="O517" s="544"/>
      <c r="P517" s="544"/>
      <c r="Q517" s="544"/>
      <c r="R517" s="544"/>
      <c r="S517" s="544"/>
      <c r="T517" s="545"/>
      <c r="U517" s="221" t="s">
        <v>776</v>
      </c>
      <c r="V517" s="546" t="s">
        <v>101</v>
      </c>
      <c r="W517" s="547"/>
      <c r="X517" s="547"/>
      <c r="Y517" s="547"/>
      <c r="Z517" s="548"/>
      <c r="AA517" s="546" t="s">
        <v>102</v>
      </c>
      <c r="AB517" s="547"/>
      <c r="AC517" s="548"/>
      <c r="AD517" s="415">
        <v>14</v>
      </c>
      <c r="AE517" s="415" t="s">
        <v>103</v>
      </c>
      <c r="AF517" s="541"/>
      <c r="AG517" s="542"/>
      <c r="AH517" s="549"/>
      <c r="AI517" s="550"/>
      <c r="AJ517" s="551"/>
      <c r="AK517" s="332"/>
      <c r="AL517" s="329"/>
      <c r="AM517" s="16"/>
      <c r="AN517" s="3" t="str">
        <f t="shared" si="33"/>
        <v>■</v>
      </c>
    </row>
    <row r="518" spans="1:40" ht="13.4" customHeight="1">
      <c r="A518" s="20" t="str">
        <f t="shared" si="32"/>
        <v>GR</v>
      </c>
      <c r="B518" s="25"/>
      <c r="C518" s="541">
        <v>8</v>
      </c>
      <c r="D518" s="542"/>
      <c r="E518" s="543" t="s">
        <v>409</v>
      </c>
      <c r="F518" s="544"/>
      <c r="G518" s="544"/>
      <c r="H518" s="544"/>
      <c r="I518" s="544"/>
      <c r="J518" s="544"/>
      <c r="K518" s="544"/>
      <c r="L518" s="544"/>
      <c r="M518" s="544"/>
      <c r="N518" s="544"/>
      <c r="O518" s="544"/>
      <c r="P518" s="544"/>
      <c r="Q518" s="544"/>
      <c r="R518" s="544"/>
      <c r="S518" s="544"/>
      <c r="T518" s="545"/>
      <c r="U518" s="225" t="s">
        <v>453</v>
      </c>
      <c r="V518" s="546" t="s">
        <v>107</v>
      </c>
      <c r="W518" s="547"/>
      <c r="X518" s="547"/>
      <c r="Y518" s="547"/>
      <c r="Z518" s="548"/>
      <c r="AA518" s="546" t="s">
        <v>102</v>
      </c>
      <c r="AB518" s="547"/>
      <c r="AC518" s="548"/>
      <c r="AD518" s="415">
        <v>6</v>
      </c>
      <c r="AE518" s="415" t="s">
        <v>103</v>
      </c>
      <c r="AF518" s="541"/>
      <c r="AG518" s="542"/>
      <c r="AH518" s="549"/>
      <c r="AI518" s="550"/>
      <c r="AJ518" s="551"/>
      <c r="AK518" s="332"/>
      <c r="AL518" s="329"/>
      <c r="AM518" s="16"/>
      <c r="AN518" s="3" t="str">
        <f t="shared" si="33"/>
        <v>■</v>
      </c>
    </row>
    <row r="519" spans="1:40" ht="13.4" customHeight="1">
      <c r="A519" s="20" t="str">
        <f t="shared" si="32"/>
        <v>GR</v>
      </c>
      <c r="B519" s="25"/>
      <c r="C519" s="541">
        <v>9</v>
      </c>
      <c r="D519" s="542"/>
      <c r="E519" s="543" t="s">
        <v>411</v>
      </c>
      <c r="F519" s="544"/>
      <c r="G519" s="544"/>
      <c r="H519" s="544"/>
      <c r="I519" s="544"/>
      <c r="J519" s="544"/>
      <c r="K519" s="544"/>
      <c r="L519" s="544"/>
      <c r="M519" s="544"/>
      <c r="N519" s="544"/>
      <c r="O519" s="544"/>
      <c r="P519" s="544"/>
      <c r="Q519" s="544"/>
      <c r="R519" s="544"/>
      <c r="S519" s="544"/>
      <c r="T519" s="545"/>
      <c r="U519" s="221" t="s">
        <v>516</v>
      </c>
      <c r="V519" s="546" t="s">
        <v>107</v>
      </c>
      <c r="W519" s="547"/>
      <c r="X519" s="547"/>
      <c r="Y519" s="547"/>
      <c r="Z519" s="548"/>
      <c r="AA519" s="546" t="s">
        <v>102</v>
      </c>
      <c r="AB519" s="547"/>
      <c r="AC519" s="548"/>
      <c r="AD519" s="415">
        <v>6</v>
      </c>
      <c r="AE519" s="415" t="s">
        <v>103</v>
      </c>
      <c r="AF519" s="541"/>
      <c r="AG519" s="542"/>
      <c r="AH519" s="549"/>
      <c r="AI519" s="550"/>
      <c r="AJ519" s="551"/>
      <c r="AK519" s="332"/>
      <c r="AL519" s="329"/>
      <c r="AM519" s="16"/>
      <c r="AN519" s="3" t="str">
        <f t="shared" si="33"/>
        <v>■</v>
      </c>
    </row>
    <row r="520" spans="1:40" ht="13.4" customHeight="1">
      <c r="A520" s="20" t="str">
        <f t="shared" si="32"/>
        <v>GR</v>
      </c>
      <c r="B520" s="25"/>
      <c r="C520" s="122"/>
      <c r="D520" s="122"/>
      <c r="E520" s="208"/>
      <c r="F520" s="208"/>
      <c r="G520" s="208"/>
      <c r="H520" s="208"/>
      <c r="I520" s="208"/>
      <c r="J520" s="208"/>
      <c r="K520" s="208"/>
      <c r="L520" s="208"/>
      <c r="M520" s="208"/>
      <c r="N520" s="208"/>
      <c r="O520" s="208"/>
      <c r="P520" s="208"/>
      <c r="Q520" s="208"/>
      <c r="R520" s="208"/>
      <c r="S520" s="208"/>
      <c r="T520" s="208"/>
      <c r="U520" s="214"/>
      <c r="V520" s="205"/>
      <c r="W520" s="205"/>
      <c r="X520" s="205"/>
      <c r="Y520" s="205"/>
      <c r="Z520" s="205"/>
      <c r="AA520" s="205"/>
      <c r="AB520" s="205"/>
      <c r="AC520" s="205"/>
      <c r="AD520" s="206"/>
      <c r="AE520" s="206"/>
      <c r="AF520" s="327"/>
      <c r="AG520" s="412"/>
      <c r="AH520" s="238"/>
      <c r="AI520" s="238"/>
      <c r="AJ520" s="238"/>
      <c r="AK520" s="26"/>
      <c r="AL520" s="29"/>
      <c r="AM520" s="16"/>
    </row>
    <row r="521" spans="1:40" ht="13.4" customHeight="1">
      <c r="A521" s="20" t="str">
        <f t="shared" si="32"/>
        <v>SN</v>
      </c>
      <c r="B521" s="25"/>
      <c r="C521" s="52" t="s">
        <v>380</v>
      </c>
      <c r="D521" s="122"/>
      <c r="E521" s="208"/>
      <c r="F521" s="208"/>
      <c r="G521" s="208"/>
      <c r="H521" s="208"/>
      <c r="I521" s="208"/>
      <c r="J521" s="26" t="s">
        <v>777</v>
      </c>
      <c r="K521" s="208"/>
      <c r="L521" s="208"/>
      <c r="M521" s="208"/>
      <c r="N521" s="208"/>
      <c r="O521" s="208"/>
      <c r="P521" s="208"/>
      <c r="Q521" s="208"/>
      <c r="R521" s="208"/>
      <c r="S521" s="208"/>
      <c r="T521" s="208"/>
      <c r="U521" s="214" t="s">
        <v>778</v>
      </c>
      <c r="V521" s="205"/>
      <c r="W521" s="205"/>
      <c r="X521" s="205"/>
      <c r="Y521" s="205"/>
      <c r="Z521" s="205"/>
      <c r="AA521" s="205"/>
      <c r="AB521" s="205"/>
      <c r="AC521" s="205"/>
      <c r="AD521" s="206"/>
      <c r="AE521" s="206"/>
      <c r="AF521" s="328"/>
      <c r="AG521" s="239"/>
      <c r="AH521" s="238"/>
      <c r="AI521" s="238"/>
      <c r="AJ521" s="238"/>
      <c r="AK521" s="26"/>
      <c r="AL521" s="29"/>
      <c r="AM521" s="16"/>
    </row>
    <row r="522" spans="1:40" ht="13.4" customHeight="1">
      <c r="A522" s="20" t="str">
        <f t="shared" si="32"/>
        <v>SN</v>
      </c>
      <c r="B522" s="25"/>
      <c r="C522" s="571" t="s">
        <v>73</v>
      </c>
      <c r="D522" s="573"/>
      <c r="E522" s="571" t="s">
        <v>94</v>
      </c>
      <c r="F522" s="571"/>
      <c r="G522" s="571"/>
      <c r="H522" s="571"/>
      <c r="I522" s="571"/>
      <c r="J522" s="571"/>
      <c r="K522" s="571"/>
      <c r="L522" s="571"/>
      <c r="M522" s="571"/>
      <c r="N522" s="571"/>
      <c r="O522" s="571"/>
      <c r="P522" s="571"/>
      <c r="Q522" s="571"/>
      <c r="R522" s="571"/>
      <c r="S522" s="571"/>
      <c r="T522" s="571"/>
      <c r="U522" s="226" t="s">
        <v>383</v>
      </c>
      <c r="V522" s="574" t="s">
        <v>138</v>
      </c>
      <c r="W522" s="574"/>
      <c r="X522" s="574"/>
      <c r="Y522" s="574"/>
      <c r="Z522" s="574"/>
      <c r="AA522" s="575" t="s">
        <v>415</v>
      </c>
      <c r="AB522" s="576"/>
      <c r="AC522" s="577"/>
      <c r="AD522" s="493" t="s">
        <v>97</v>
      </c>
      <c r="AE522" s="493"/>
      <c r="AF522" s="574" t="s">
        <v>98</v>
      </c>
      <c r="AG522" s="574"/>
      <c r="AH522" s="571" t="s">
        <v>75</v>
      </c>
      <c r="AI522" s="571"/>
      <c r="AJ522" s="571"/>
      <c r="AK522" s="581" t="s">
        <v>159</v>
      </c>
      <c r="AL522" s="329"/>
      <c r="AM522" s="16"/>
    </row>
    <row r="523" spans="1:40" ht="13.4" customHeight="1">
      <c r="A523" s="20" t="str">
        <f t="shared" si="32"/>
        <v>SN</v>
      </c>
      <c r="B523" s="25"/>
      <c r="C523" s="573"/>
      <c r="D523" s="573"/>
      <c r="E523" s="571"/>
      <c r="F523" s="571"/>
      <c r="G523" s="571"/>
      <c r="H523" s="571"/>
      <c r="I523" s="571"/>
      <c r="J523" s="571"/>
      <c r="K523" s="571"/>
      <c r="L523" s="571"/>
      <c r="M523" s="571"/>
      <c r="N523" s="571"/>
      <c r="O523" s="571"/>
      <c r="P523" s="571"/>
      <c r="Q523" s="571"/>
      <c r="R523" s="571"/>
      <c r="S523" s="571"/>
      <c r="T523" s="571"/>
      <c r="U523" s="227"/>
      <c r="V523" s="574"/>
      <c r="W523" s="574"/>
      <c r="X523" s="574"/>
      <c r="Y523" s="574"/>
      <c r="Z523" s="574"/>
      <c r="AA523" s="578"/>
      <c r="AB523" s="579"/>
      <c r="AC523" s="580"/>
      <c r="AD523" s="493"/>
      <c r="AE523" s="493"/>
      <c r="AF523" s="574"/>
      <c r="AG523" s="574"/>
      <c r="AH523" s="571"/>
      <c r="AI523" s="571"/>
      <c r="AJ523" s="571"/>
      <c r="AK523" s="582"/>
      <c r="AL523" s="329"/>
      <c r="AM523" s="16"/>
    </row>
    <row r="524" spans="1:40" ht="13.4" customHeight="1">
      <c r="A524" s="20" t="str">
        <f t="shared" si="32"/>
        <v>SN</v>
      </c>
      <c r="B524" s="25"/>
      <c r="C524" s="541">
        <v>1</v>
      </c>
      <c r="D524" s="542"/>
      <c r="E524" s="563" t="s">
        <v>440</v>
      </c>
      <c r="F524" s="564"/>
      <c r="G524" s="564"/>
      <c r="H524" s="564"/>
      <c r="I524" s="564"/>
      <c r="J524" s="564"/>
      <c r="K524" s="564"/>
      <c r="L524" s="564"/>
      <c r="M524" s="564"/>
      <c r="N524" s="564"/>
      <c r="O524" s="564"/>
      <c r="P524" s="564"/>
      <c r="Q524" s="564"/>
      <c r="R524" s="564"/>
      <c r="S524" s="564"/>
      <c r="T524" s="565"/>
      <c r="U524" s="219" t="s">
        <v>441</v>
      </c>
      <c r="V524" s="546" t="s">
        <v>101</v>
      </c>
      <c r="W524" s="547"/>
      <c r="X524" s="547"/>
      <c r="Y524" s="547"/>
      <c r="Z524" s="548"/>
      <c r="AA524" s="546" t="s">
        <v>102</v>
      </c>
      <c r="AB524" s="547"/>
      <c r="AC524" s="548"/>
      <c r="AD524" s="415">
        <v>10</v>
      </c>
      <c r="AE524" s="415" t="s">
        <v>103</v>
      </c>
      <c r="AF524" s="541"/>
      <c r="AG524" s="542"/>
      <c r="AH524" s="549"/>
      <c r="AI524" s="550"/>
      <c r="AJ524" s="551"/>
      <c r="AK524" s="335"/>
      <c r="AL524" s="329"/>
      <c r="AM524" s="16"/>
      <c r="AN524" s="3" t="str">
        <f>$G$22</f>
        <v>■</v>
      </c>
    </row>
    <row r="525" spans="1:40" ht="13.4" customHeight="1">
      <c r="A525" s="20" t="str">
        <f t="shared" si="32"/>
        <v>SN</v>
      </c>
      <c r="B525" s="25"/>
      <c r="C525" s="541">
        <v>2</v>
      </c>
      <c r="D525" s="542"/>
      <c r="E525" s="563" t="s">
        <v>442</v>
      </c>
      <c r="F525" s="564"/>
      <c r="G525" s="564"/>
      <c r="H525" s="564"/>
      <c r="I525" s="564"/>
      <c r="J525" s="564"/>
      <c r="K525" s="564"/>
      <c r="L525" s="564"/>
      <c r="M525" s="564"/>
      <c r="N525" s="564"/>
      <c r="O525" s="564"/>
      <c r="P525" s="564"/>
      <c r="Q525" s="564"/>
      <c r="R525" s="564"/>
      <c r="S525" s="564"/>
      <c r="T525" s="565"/>
      <c r="U525" s="219" t="s">
        <v>443</v>
      </c>
      <c r="V525" s="546" t="s">
        <v>101</v>
      </c>
      <c r="W525" s="547"/>
      <c r="X525" s="547"/>
      <c r="Y525" s="547"/>
      <c r="Z525" s="548"/>
      <c r="AA525" s="546" t="s">
        <v>102</v>
      </c>
      <c r="AB525" s="547"/>
      <c r="AC525" s="548"/>
      <c r="AD525" s="415">
        <v>51</v>
      </c>
      <c r="AE525" s="415" t="s">
        <v>103</v>
      </c>
      <c r="AF525" s="541"/>
      <c r="AG525" s="542"/>
      <c r="AH525" s="549"/>
      <c r="AI525" s="550"/>
      <c r="AJ525" s="551"/>
      <c r="AK525" s="335"/>
      <c r="AL525" s="329"/>
      <c r="AM525" s="16"/>
      <c r="AN525" s="3" t="str">
        <f t="shared" ref="AN525:AN533" si="34">$G$22</f>
        <v>■</v>
      </c>
    </row>
    <row r="526" spans="1:40" ht="13.4" customHeight="1">
      <c r="A526" s="20" t="str">
        <f t="shared" si="32"/>
        <v>SN</v>
      </c>
      <c r="B526" s="25"/>
      <c r="C526" s="552">
        <v>3</v>
      </c>
      <c r="D526" s="553"/>
      <c r="E526" s="566" t="s">
        <v>106</v>
      </c>
      <c r="F526" s="567"/>
      <c r="G526" s="567"/>
      <c r="H526" s="567"/>
      <c r="I526" s="567"/>
      <c r="J526" s="567"/>
      <c r="K526" s="567"/>
      <c r="L526" s="567"/>
      <c r="M526" s="567"/>
      <c r="N526" s="567"/>
      <c r="O526" s="567"/>
      <c r="P526" s="567"/>
      <c r="Q526" s="567"/>
      <c r="R526" s="567"/>
      <c r="S526" s="567"/>
      <c r="T526" s="568"/>
      <c r="U526" s="220" t="s">
        <v>444</v>
      </c>
      <c r="V526" s="557" t="s">
        <v>107</v>
      </c>
      <c r="W526" s="558"/>
      <c r="X526" s="558"/>
      <c r="Y526" s="558"/>
      <c r="Z526" s="559"/>
      <c r="AA526" s="557" t="s">
        <v>108</v>
      </c>
      <c r="AB526" s="558"/>
      <c r="AC526" s="559"/>
      <c r="AD526" s="419">
        <v>1</v>
      </c>
      <c r="AE526" s="419">
        <v>0</v>
      </c>
      <c r="AF526" s="569" t="s">
        <v>109</v>
      </c>
      <c r="AG526" s="570"/>
      <c r="AH526" s="560"/>
      <c r="AI526" s="561"/>
      <c r="AJ526" s="562"/>
      <c r="AK526" s="321" t="s">
        <v>416</v>
      </c>
      <c r="AL526" s="329"/>
      <c r="AM526" s="16"/>
      <c r="AN526" s="3" t="str">
        <f t="shared" si="34"/>
        <v>■</v>
      </c>
    </row>
    <row r="527" spans="1:40" ht="13.4" customHeight="1">
      <c r="A527" s="20" t="str">
        <f t="shared" si="32"/>
        <v>SN</v>
      </c>
      <c r="B527" s="25"/>
      <c r="C527" s="541">
        <v>4</v>
      </c>
      <c r="D527" s="542"/>
      <c r="E527" s="563" t="s">
        <v>110</v>
      </c>
      <c r="F527" s="564"/>
      <c r="G527" s="564"/>
      <c r="H527" s="564"/>
      <c r="I527" s="564"/>
      <c r="J527" s="564"/>
      <c r="K527" s="564"/>
      <c r="L527" s="564"/>
      <c r="M527" s="564"/>
      <c r="N527" s="564"/>
      <c r="O527" s="564"/>
      <c r="P527" s="564"/>
      <c r="Q527" s="564"/>
      <c r="R527" s="564"/>
      <c r="S527" s="564"/>
      <c r="T527" s="565"/>
      <c r="U527" s="221" t="s">
        <v>445</v>
      </c>
      <c r="V527" s="546" t="s">
        <v>107</v>
      </c>
      <c r="W527" s="547"/>
      <c r="X527" s="547"/>
      <c r="Y527" s="547"/>
      <c r="Z527" s="548"/>
      <c r="AA527" s="546" t="s">
        <v>108</v>
      </c>
      <c r="AB527" s="547"/>
      <c r="AC527" s="548"/>
      <c r="AD527" s="415">
        <v>1</v>
      </c>
      <c r="AE527" s="415">
        <v>0</v>
      </c>
      <c r="AF527" s="541"/>
      <c r="AG527" s="542"/>
      <c r="AH527" s="549"/>
      <c r="AI527" s="550"/>
      <c r="AJ527" s="551"/>
      <c r="AK527" s="265"/>
      <c r="AL527" s="329"/>
      <c r="AM527" s="16"/>
      <c r="AN527" s="3" t="str">
        <f t="shared" si="34"/>
        <v>■</v>
      </c>
    </row>
    <row r="528" spans="1:40" ht="13.4" customHeight="1">
      <c r="A528" s="20" t="str">
        <f t="shared" si="32"/>
        <v>SN</v>
      </c>
      <c r="B528" s="25"/>
      <c r="C528" s="541">
        <v>5</v>
      </c>
      <c r="D528" s="542"/>
      <c r="E528" s="543" t="s">
        <v>80</v>
      </c>
      <c r="F528" s="544"/>
      <c r="G528" s="544"/>
      <c r="H528" s="544"/>
      <c r="I528" s="544"/>
      <c r="J528" s="544"/>
      <c r="K528" s="544"/>
      <c r="L528" s="544"/>
      <c r="M528" s="544"/>
      <c r="N528" s="544"/>
      <c r="O528" s="544"/>
      <c r="P528" s="544"/>
      <c r="Q528" s="544"/>
      <c r="R528" s="544"/>
      <c r="S528" s="544"/>
      <c r="T528" s="545"/>
      <c r="U528" s="221" t="s">
        <v>446</v>
      </c>
      <c r="V528" s="546" t="s">
        <v>101</v>
      </c>
      <c r="W528" s="547"/>
      <c r="X528" s="547"/>
      <c r="Y528" s="547"/>
      <c r="Z528" s="548"/>
      <c r="AA528" s="546" t="s">
        <v>102</v>
      </c>
      <c r="AB528" s="547"/>
      <c r="AC528" s="548"/>
      <c r="AD528" s="415">
        <v>2</v>
      </c>
      <c r="AE528" s="415" t="s">
        <v>103</v>
      </c>
      <c r="AF528" s="541"/>
      <c r="AG528" s="542"/>
      <c r="AH528" s="549"/>
      <c r="AI528" s="550"/>
      <c r="AJ528" s="551"/>
      <c r="AK528" s="265"/>
      <c r="AL528" s="329"/>
      <c r="AM528" s="16"/>
      <c r="AN528" s="3" t="str">
        <f t="shared" si="34"/>
        <v>■</v>
      </c>
    </row>
    <row r="529" spans="1:40" ht="13.4" customHeight="1">
      <c r="A529" s="20" t="str">
        <f t="shared" si="32"/>
        <v>SN</v>
      </c>
      <c r="B529" s="25"/>
      <c r="C529" s="541">
        <v>6</v>
      </c>
      <c r="D529" s="542"/>
      <c r="E529" s="543" t="s">
        <v>779</v>
      </c>
      <c r="F529" s="544"/>
      <c r="G529" s="544"/>
      <c r="H529" s="544"/>
      <c r="I529" s="544"/>
      <c r="J529" s="544"/>
      <c r="K529" s="544"/>
      <c r="L529" s="544"/>
      <c r="M529" s="544"/>
      <c r="N529" s="544"/>
      <c r="O529" s="544"/>
      <c r="P529" s="544"/>
      <c r="Q529" s="544"/>
      <c r="R529" s="544"/>
      <c r="S529" s="544"/>
      <c r="T529" s="545"/>
      <c r="U529" s="221" t="s">
        <v>780</v>
      </c>
      <c r="V529" s="546" t="s">
        <v>107</v>
      </c>
      <c r="W529" s="547"/>
      <c r="X529" s="547"/>
      <c r="Y529" s="547"/>
      <c r="Z529" s="548"/>
      <c r="AA529" s="546" t="s">
        <v>108</v>
      </c>
      <c r="AB529" s="547"/>
      <c r="AC529" s="548"/>
      <c r="AD529" s="415">
        <v>1</v>
      </c>
      <c r="AE529" s="415">
        <v>0</v>
      </c>
      <c r="AF529" s="541"/>
      <c r="AG529" s="542"/>
      <c r="AH529" s="549"/>
      <c r="AI529" s="550"/>
      <c r="AJ529" s="551"/>
      <c r="AK529" s="265"/>
      <c r="AL529" s="329"/>
      <c r="AM529" s="16"/>
      <c r="AN529" s="3" t="str">
        <f t="shared" si="34"/>
        <v>■</v>
      </c>
    </row>
    <row r="530" spans="1:40" ht="13.4" customHeight="1">
      <c r="A530" s="20" t="str">
        <f t="shared" si="32"/>
        <v>SN</v>
      </c>
      <c r="B530" s="25"/>
      <c r="C530" s="541">
        <v>7</v>
      </c>
      <c r="D530" s="542"/>
      <c r="E530" s="543" t="s">
        <v>781</v>
      </c>
      <c r="F530" s="544"/>
      <c r="G530" s="544"/>
      <c r="H530" s="544"/>
      <c r="I530" s="544"/>
      <c r="J530" s="544"/>
      <c r="K530" s="544"/>
      <c r="L530" s="544"/>
      <c r="M530" s="544"/>
      <c r="N530" s="544"/>
      <c r="O530" s="544"/>
      <c r="P530" s="544"/>
      <c r="Q530" s="544"/>
      <c r="R530" s="544"/>
      <c r="S530" s="544"/>
      <c r="T530" s="545"/>
      <c r="U530" s="221" t="s">
        <v>782</v>
      </c>
      <c r="V530" s="546" t="s">
        <v>107</v>
      </c>
      <c r="W530" s="547"/>
      <c r="X530" s="547"/>
      <c r="Y530" s="547"/>
      <c r="Z530" s="548"/>
      <c r="AA530" s="546" t="s">
        <v>102</v>
      </c>
      <c r="AB530" s="547"/>
      <c r="AC530" s="548"/>
      <c r="AD530" s="415">
        <v>2</v>
      </c>
      <c r="AE530" s="415" t="s">
        <v>103</v>
      </c>
      <c r="AF530" s="541"/>
      <c r="AG530" s="542"/>
      <c r="AH530" s="549"/>
      <c r="AI530" s="550"/>
      <c r="AJ530" s="551"/>
      <c r="AK530" s="337"/>
      <c r="AL530" s="329"/>
      <c r="AM530" s="16"/>
      <c r="AN530" s="3" t="str">
        <f t="shared" si="34"/>
        <v>■</v>
      </c>
    </row>
    <row r="531" spans="1:40" ht="13.4" customHeight="1">
      <c r="A531" s="20" t="str">
        <f t="shared" si="32"/>
        <v>SN</v>
      </c>
      <c r="B531" s="25"/>
      <c r="C531" s="541">
        <v>8</v>
      </c>
      <c r="D531" s="542"/>
      <c r="E531" s="543" t="s">
        <v>540</v>
      </c>
      <c r="F531" s="544"/>
      <c r="G531" s="544"/>
      <c r="H531" s="544"/>
      <c r="I531" s="544"/>
      <c r="J531" s="544"/>
      <c r="K531" s="544"/>
      <c r="L531" s="544"/>
      <c r="M531" s="544"/>
      <c r="N531" s="544"/>
      <c r="O531" s="544"/>
      <c r="P531" s="544"/>
      <c r="Q531" s="544"/>
      <c r="R531" s="544"/>
      <c r="S531" s="544"/>
      <c r="T531" s="545"/>
      <c r="U531" s="221" t="s">
        <v>541</v>
      </c>
      <c r="V531" s="546" t="s">
        <v>107</v>
      </c>
      <c r="W531" s="547"/>
      <c r="X531" s="547"/>
      <c r="Y531" s="547"/>
      <c r="Z531" s="548"/>
      <c r="AA531" s="546" t="s">
        <v>102</v>
      </c>
      <c r="AB531" s="547"/>
      <c r="AC531" s="548"/>
      <c r="AD531" s="415">
        <v>2</v>
      </c>
      <c r="AE531" s="415" t="s">
        <v>103</v>
      </c>
      <c r="AF531" s="541"/>
      <c r="AG531" s="542"/>
      <c r="AH531" s="549"/>
      <c r="AI531" s="550"/>
      <c r="AJ531" s="550"/>
      <c r="AK531" s="338"/>
      <c r="AL531" s="329"/>
      <c r="AM531" s="16"/>
      <c r="AN531" s="3" t="str">
        <f t="shared" si="34"/>
        <v>■</v>
      </c>
    </row>
    <row r="532" spans="1:40" ht="13.4" customHeight="1">
      <c r="A532" s="20" t="str">
        <f t="shared" si="32"/>
        <v>SN</v>
      </c>
      <c r="B532" s="25"/>
      <c r="C532" s="541">
        <v>9</v>
      </c>
      <c r="D532" s="542"/>
      <c r="E532" s="543" t="s">
        <v>409</v>
      </c>
      <c r="F532" s="544"/>
      <c r="G532" s="544"/>
      <c r="H532" s="544"/>
      <c r="I532" s="544"/>
      <c r="J532" s="544"/>
      <c r="K532" s="544"/>
      <c r="L532" s="544"/>
      <c r="M532" s="544"/>
      <c r="N532" s="544"/>
      <c r="O532" s="544"/>
      <c r="P532" s="544"/>
      <c r="Q532" s="544"/>
      <c r="R532" s="544"/>
      <c r="S532" s="544"/>
      <c r="T532" s="545"/>
      <c r="U532" s="221" t="s">
        <v>453</v>
      </c>
      <c r="V532" s="546" t="s">
        <v>107</v>
      </c>
      <c r="W532" s="547"/>
      <c r="X532" s="547"/>
      <c r="Y532" s="547"/>
      <c r="Z532" s="548"/>
      <c r="AA532" s="546" t="s">
        <v>102</v>
      </c>
      <c r="AB532" s="547"/>
      <c r="AC532" s="548"/>
      <c r="AD532" s="415">
        <v>6</v>
      </c>
      <c r="AE532" s="415" t="s">
        <v>103</v>
      </c>
      <c r="AF532" s="541"/>
      <c r="AG532" s="542"/>
      <c r="AH532" s="549"/>
      <c r="AI532" s="550"/>
      <c r="AJ532" s="551"/>
      <c r="AK532" s="339"/>
      <c r="AL532" s="329"/>
      <c r="AM532" s="16"/>
      <c r="AN532" s="3" t="str">
        <f t="shared" si="34"/>
        <v>■</v>
      </c>
    </row>
    <row r="533" spans="1:40" ht="13.4" customHeight="1">
      <c r="A533" s="20" t="str">
        <f t="shared" si="32"/>
        <v>SN</v>
      </c>
      <c r="B533" s="25"/>
      <c r="C533" s="541">
        <v>10</v>
      </c>
      <c r="D533" s="542"/>
      <c r="E533" s="543" t="s">
        <v>783</v>
      </c>
      <c r="F533" s="544"/>
      <c r="G533" s="544"/>
      <c r="H533" s="544"/>
      <c r="I533" s="544"/>
      <c r="J533" s="544"/>
      <c r="K533" s="544"/>
      <c r="L533" s="544"/>
      <c r="M533" s="544"/>
      <c r="N533" s="544"/>
      <c r="O533" s="544"/>
      <c r="P533" s="544"/>
      <c r="Q533" s="544"/>
      <c r="R533" s="544"/>
      <c r="S533" s="544"/>
      <c r="T533" s="545"/>
      <c r="U533" s="221" t="s">
        <v>516</v>
      </c>
      <c r="V533" s="546" t="s">
        <v>107</v>
      </c>
      <c r="W533" s="547"/>
      <c r="X533" s="547"/>
      <c r="Y533" s="547"/>
      <c r="Z533" s="548"/>
      <c r="AA533" s="546" t="s">
        <v>102</v>
      </c>
      <c r="AB533" s="547"/>
      <c r="AC533" s="548"/>
      <c r="AD533" s="415">
        <v>6</v>
      </c>
      <c r="AE533" s="415" t="s">
        <v>103</v>
      </c>
      <c r="AF533" s="541"/>
      <c r="AG533" s="542"/>
      <c r="AH533" s="549"/>
      <c r="AI533" s="550"/>
      <c r="AJ533" s="551"/>
      <c r="AK533" s="265"/>
      <c r="AL533" s="329"/>
      <c r="AM533" s="16"/>
      <c r="AN533" s="3" t="str">
        <f t="shared" si="34"/>
        <v>■</v>
      </c>
    </row>
    <row r="534" spans="1:40" ht="13.4" customHeight="1">
      <c r="A534" s="20" t="str">
        <f t="shared" si="32"/>
        <v>SN</v>
      </c>
      <c r="B534" s="25"/>
      <c r="C534" s="122"/>
      <c r="D534" s="122"/>
      <c r="E534" s="208"/>
      <c r="F534" s="208"/>
      <c r="G534" s="208"/>
      <c r="H534" s="208"/>
      <c r="I534" s="208"/>
      <c r="J534" s="208"/>
      <c r="K534" s="208"/>
      <c r="L534" s="208"/>
      <c r="M534" s="208"/>
      <c r="N534" s="208"/>
      <c r="O534" s="208"/>
      <c r="P534" s="208"/>
      <c r="Q534" s="208"/>
      <c r="R534" s="208"/>
      <c r="S534" s="208"/>
      <c r="T534" s="208"/>
      <c r="U534" s="214"/>
      <c r="V534" s="205"/>
      <c r="W534" s="205"/>
      <c r="X534" s="205"/>
      <c r="Y534" s="205"/>
      <c r="Z534" s="205"/>
      <c r="AA534" s="205"/>
      <c r="AB534" s="205"/>
      <c r="AC534" s="205"/>
      <c r="AD534" s="206"/>
      <c r="AE534" s="206"/>
      <c r="AF534" s="326"/>
      <c r="AG534" s="412"/>
      <c r="AH534" s="238"/>
      <c r="AI534" s="238"/>
      <c r="AJ534" s="238"/>
      <c r="AK534" s="26"/>
      <c r="AL534" s="29"/>
      <c r="AM534" s="16"/>
    </row>
    <row r="535" spans="1:40" ht="13.4" customHeight="1">
      <c r="A535" s="20" t="str">
        <f t="shared" si="32"/>
        <v>JD</v>
      </c>
      <c r="B535" s="25"/>
      <c r="C535" s="52" t="s">
        <v>380</v>
      </c>
      <c r="D535" s="122"/>
      <c r="E535" s="208"/>
      <c r="F535" s="208"/>
      <c r="G535" s="208"/>
      <c r="H535" s="208"/>
      <c r="I535" s="208"/>
      <c r="J535" s="26" t="s">
        <v>784</v>
      </c>
      <c r="K535" s="208"/>
      <c r="L535" s="208"/>
      <c r="M535" s="208"/>
      <c r="N535" s="208"/>
      <c r="O535" s="208"/>
      <c r="P535" s="208"/>
      <c r="Q535" s="208"/>
      <c r="R535" s="208"/>
      <c r="S535" s="208"/>
      <c r="T535" s="208"/>
      <c r="U535" s="214" t="s">
        <v>785</v>
      </c>
      <c r="V535" s="205"/>
      <c r="W535" s="205"/>
      <c r="X535" s="205"/>
      <c r="Y535" s="205"/>
      <c r="Z535" s="205"/>
      <c r="AA535" s="205"/>
      <c r="AB535" s="205"/>
      <c r="AC535" s="205"/>
      <c r="AD535" s="206"/>
      <c r="AE535" s="206"/>
      <c r="AF535" s="326"/>
      <c r="AG535" s="239"/>
      <c r="AH535" s="238"/>
      <c r="AI535" s="238"/>
      <c r="AJ535" s="238"/>
      <c r="AK535" s="26"/>
      <c r="AL535" s="29"/>
      <c r="AM535" s="16"/>
    </row>
    <row r="536" spans="1:40" ht="13.4" customHeight="1">
      <c r="A536" s="20" t="str">
        <f t="shared" si="32"/>
        <v>JD</v>
      </c>
      <c r="B536" s="25"/>
      <c r="C536" s="571" t="s">
        <v>73</v>
      </c>
      <c r="D536" s="573"/>
      <c r="E536" s="571" t="s">
        <v>94</v>
      </c>
      <c r="F536" s="571"/>
      <c r="G536" s="571"/>
      <c r="H536" s="571"/>
      <c r="I536" s="571"/>
      <c r="J536" s="571"/>
      <c r="K536" s="571"/>
      <c r="L536" s="571"/>
      <c r="M536" s="571"/>
      <c r="N536" s="571"/>
      <c r="O536" s="571"/>
      <c r="P536" s="571"/>
      <c r="Q536" s="571"/>
      <c r="R536" s="571"/>
      <c r="S536" s="571"/>
      <c r="T536" s="571"/>
      <c r="U536" s="226" t="s">
        <v>383</v>
      </c>
      <c r="V536" s="574" t="s">
        <v>138</v>
      </c>
      <c r="W536" s="574"/>
      <c r="X536" s="574"/>
      <c r="Y536" s="574"/>
      <c r="Z536" s="574"/>
      <c r="AA536" s="575" t="s">
        <v>415</v>
      </c>
      <c r="AB536" s="576"/>
      <c r="AC536" s="577"/>
      <c r="AD536" s="493" t="s">
        <v>97</v>
      </c>
      <c r="AE536" s="493"/>
      <c r="AF536" s="574" t="s">
        <v>98</v>
      </c>
      <c r="AG536" s="574"/>
      <c r="AH536" s="571" t="s">
        <v>75</v>
      </c>
      <c r="AI536" s="571"/>
      <c r="AJ536" s="571"/>
      <c r="AK536" s="572" t="s">
        <v>159</v>
      </c>
      <c r="AL536" s="329"/>
      <c r="AM536" s="16"/>
    </row>
    <row r="537" spans="1:40">
      <c r="A537" s="20" t="str">
        <f t="shared" si="32"/>
        <v>JD</v>
      </c>
      <c r="B537" s="25"/>
      <c r="C537" s="573"/>
      <c r="D537" s="573"/>
      <c r="E537" s="571"/>
      <c r="F537" s="571"/>
      <c r="G537" s="571"/>
      <c r="H537" s="571"/>
      <c r="I537" s="571"/>
      <c r="J537" s="571"/>
      <c r="K537" s="571"/>
      <c r="L537" s="571"/>
      <c r="M537" s="571"/>
      <c r="N537" s="571"/>
      <c r="O537" s="571"/>
      <c r="P537" s="571"/>
      <c r="Q537" s="571"/>
      <c r="R537" s="571"/>
      <c r="S537" s="571"/>
      <c r="T537" s="571"/>
      <c r="U537" s="227"/>
      <c r="V537" s="574"/>
      <c r="W537" s="574"/>
      <c r="X537" s="574"/>
      <c r="Y537" s="574"/>
      <c r="Z537" s="574"/>
      <c r="AA537" s="578"/>
      <c r="AB537" s="579"/>
      <c r="AC537" s="580"/>
      <c r="AD537" s="493"/>
      <c r="AE537" s="493"/>
      <c r="AF537" s="574"/>
      <c r="AG537" s="574"/>
      <c r="AH537" s="571"/>
      <c r="AI537" s="571"/>
      <c r="AJ537" s="571"/>
      <c r="AK537" s="572"/>
      <c r="AL537" s="329"/>
      <c r="AM537" s="16"/>
    </row>
    <row r="538" spans="1:40" ht="13.4" customHeight="1">
      <c r="A538" s="20" t="str">
        <f t="shared" si="32"/>
        <v>JD</v>
      </c>
      <c r="B538" s="25"/>
      <c r="C538" s="541">
        <v>1</v>
      </c>
      <c r="D538" s="542"/>
      <c r="E538" s="563" t="s">
        <v>440</v>
      </c>
      <c r="F538" s="564"/>
      <c r="G538" s="564"/>
      <c r="H538" s="564"/>
      <c r="I538" s="564"/>
      <c r="J538" s="564"/>
      <c r="K538" s="564"/>
      <c r="L538" s="564"/>
      <c r="M538" s="564"/>
      <c r="N538" s="564"/>
      <c r="O538" s="564"/>
      <c r="P538" s="564"/>
      <c r="Q538" s="564"/>
      <c r="R538" s="564"/>
      <c r="S538" s="564"/>
      <c r="T538" s="565"/>
      <c r="U538" s="219" t="s">
        <v>441</v>
      </c>
      <c r="V538" s="546" t="s">
        <v>101</v>
      </c>
      <c r="W538" s="547"/>
      <c r="X538" s="547"/>
      <c r="Y538" s="547"/>
      <c r="Z538" s="548"/>
      <c r="AA538" s="546" t="s">
        <v>102</v>
      </c>
      <c r="AB538" s="547"/>
      <c r="AC538" s="548"/>
      <c r="AD538" s="415">
        <v>10</v>
      </c>
      <c r="AE538" s="415" t="s">
        <v>103</v>
      </c>
      <c r="AF538" s="541"/>
      <c r="AG538" s="542"/>
      <c r="AH538" s="549"/>
      <c r="AI538" s="550"/>
      <c r="AJ538" s="551"/>
      <c r="AK538" s="332"/>
      <c r="AL538" s="329"/>
      <c r="AM538" s="16"/>
      <c r="AN538" s="3" t="str">
        <f>$J$22</f>
        <v>■</v>
      </c>
    </row>
    <row r="539" spans="1:40" ht="13.4" customHeight="1">
      <c r="A539" s="20" t="str">
        <f t="shared" si="32"/>
        <v>JD</v>
      </c>
      <c r="B539" s="25"/>
      <c r="C539" s="541">
        <v>2</v>
      </c>
      <c r="D539" s="542"/>
      <c r="E539" s="563" t="s">
        <v>442</v>
      </c>
      <c r="F539" s="564"/>
      <c r="G539" s="564"/>
      <c r="H539" s="564"/>
      <c r="I539" s="564"/>
      <c r="J539" s="564"/>
      <c r="K539" s="564"/>
      <c r="L539" s="564"/>
      <c r="M539" s="564"/>
      <c r="N539" s="564"/>
      <c r="O539" s="564"/>
      <c r="P539" s="564"/>
      <c r="Q539" s="564"/>
      <c r="R539" s="564"/>
      <c r="S539" s="564"/>
      <c r="T539" s="565"/>
      <c r="U539" s="219" t="s">
        <v>443</v>
      </c>
      <c r="V539" s="546" t="s">
        <v>101</v>
      </c>
      <c r="W539" s="547"/>
      <c r="X539" s="547"/>
      <c r="Y539" s="547"/>
      <c r="Z539" s="548"/>
      <c r="AA539" s="546" t="s">
        <v>102</v>
      </c>
      <c r="AB539" s="547"/>
      <c r="AC539" s="548"/>
      <c r="AD539" s="415">
        <v>51</v>
      </c>
      <c r="AE539" s="415" t="s">
        <v>103</v>
      </c>
      <c r="AF539" s="541"/>
      <c r="AG539" s="542"/>
      <c r="AH539" s="549"/>
      <c r="AI539" s="550"/>
      <c r="AJ539" s="551"/>
      <c r="AK539" s="332"/>
      <c r="AL539" s="329"/>
      <c r="AM539" s="16"/>
      <c r="AN539" s="3" t="str">
        <f t="shared" ref="AN539:AN576" si="35">$J$22</f>
        <v>■</v>
      </c>
    </row>
    <row r="540" spans="1:40" ht="13.4" customHeight="1">
      <c r="A540" s="20" t="str">
        <f t="shared" si="32"/>
        <v>JD</v>
      </c>
      <c r="B540" s="25"/>
      <c r="C540" s="552">
        <v>3</v>
      </c>
      <c r="D540" s="553"/>
      <c r="E540" s="566" t="s">
        <v>106</v>
      </c>
      <c r="F540" s="567"/>
      <c r="G540" s="567"/>
      <c r="H540" s="567"/>
      <c r="I540" s="567"/>
      <c r="J540" s="567"/>
      <c r="K540" s="567"/>
      <c r="L540" s="567"/>
      <c r="M540" s="567"/>
      <c r="N540" s="567"/>
      <c r="O540" s="567"/>
      <c r="P540" s="567"/>
      <c r="Q540" s="567"/>
      <c r="R540" s="567"/>
      <c r="S540" s="567"/>
      <c r="T540" s="568"/>
      <c r="U540" s="220" t="s">
        <v>444</v>
      </c>
      <c r="V540" s="557" t="s">
        <v>107</v>
      </c>
      <c r="W540" s="558"/>
      <c r="X540" s="558"/>
      <c r="Y540" s="558"/>
      <c r="Z540" s="559"/>
      <c r="AA540" s="557" t="s">
        <v>108</v>
      </c>
      <c r="AB540" s="558"/>
      <c r="AC540" s="559"/>
      <c r="AD540" s="419">
        <v>1</v>
      </c>
      <c r="AE540" s="419">
        <v>0</v>
      </c>
      <c r="AF540" s="552" t="s">
        <v>109</v>
      </c>
      <c r="AG540" s="553"/>
      <c r="AH540" s="560"/>
      <c r="AI540" s="561"/>
      <c r="AJ540" s="562"/>
      <c r="AK540" s="333" t="s">
        <v>416</v>
      </c>
      <c r="AL540" s="329"/>
      <c r="AM540" s="16"/>
      <c r="AN540" s="3" t="str">
        <f t="shared" si="35"/>
        <v>■</v>
      </c>
    </row>
    <row r="541" spans="1:40" ht="13.4" customHeight="1">
      <c r="A541" s="20" t="str">
        <f t="shared" si="32"/>
        <v>JD</v>
      </c>
      <c r="B541" s="25"/>
      <c r="C541" s="541">
        <v>4</v>
      </c>
      <c r="D541" s="542"/>
      <c r="E541" s="563" t="s">
        <v>110</v>
      </c>
      <c r="F541" s="564"/>
      <c r="G541" s="564"/>
      <c r="H541" s="564"/>
      <c r="I541" s="564"/>
      <c r="J541" s="564"/>
      <c r="K541" s="564"/>
      <c r="L541" s="564"/>
      <c r="M541" s="564"/>
      <c r="N541" s="564"/>
      <c r="O541" s="564"/>
      <c r="P541" s="564"/>
      <c r="Q541" s="564"/>
      <c r="R541" s="564"/>
      <c r="S541" s="564"/>
      <c r="T541" s="565"/>
      <c r="U541" s="221" t="s">
        <v>445</v>
      </c>
      <c r="V541" s="546" t="s">
        <v>107</v>
      </c>
      <c r="W541" s="547"/>
      <c r="X541" s="547"/>
      <c r="Y541" s="547"/>
      <c r="Z541" s="548"/>
      <c r="AA541" s="546" t="s">
        <v>108</v>
      </c>
      <c r="AB541" s="547"/>
      <c r="AC541" s="548"/>
      <c r="AD541" s="415">
        <v>1</v>
      </c>
      <c r="AE541" s="415">
        <v>0</v>
      </c>
      <c r="AF541" s="541"/>
      <c r="AG541" s="542"/>
      <c r="AH541" s="549"/>
      <c r="AI541" s="550"/>
      <c r="AJ541" s="551"/>
      <c r="AK541" s="332"/>
      <c r="AL541" s="329"/>
      <c r="AM541" s="16"/>
      <c r="AN541" s="3" t="str">
        <f t="shared" si="35"/>
        <v>■</v>
      </c>
    </row>
    <row r="542" spans="1:40" ht="13.4" customHeight="1">
      <c r="A542" s="20" t="str">
        <f t="shared" si="32"/>
        <v>JD</v>
      </c>
      <c r="B542" s="25"/>
      <c r="C542" s="541">
        <v>5</v>
      </c>
      <c r="D542" s="542"/>
      <c r="E542" s="543" t="s">
        <v>80</v>
      </c>
      <c r="F542" s="544"/>
      <c r="G542" s="544"/>
      <c r="H542" s="544"/>
      <c r="I542" s="544"/>
      <c r="J542" s="544"/>
      <c r="K542" s="544"/>
      <c r="L542" s="544"/>
      <c r="M542" s="544"/>
      <c r="N542" s="544"/>
      <c r="O542" s="544"/>
      <c r="P542" s="544"/>
      <c r="Q542" s="544"/>
      <c r="R542" s="544"/>
      <c r="S542" s="544"/>
      <c r="T542" s="545"/>
      <c r="U542" s="221" t="s">
        <v>446</v>
      </c>
      <c r="V542" s="546" t="s">
        <v>101</v>
      </c>
      <c r="W542" s="547"/>
      <c r="X542" s="547"/>
      <c r="Y542" s="547"/>
      <c r="Z542" s="548"/>
      <c r="AA542" s="546" t="s">
        <v>102</v>
      </c>
      <c r="AB542" s="547"/>
      <c r="AC542" s="548"/>
      <c r="AD542" s="415">
        <v>2</v>
      </c>
      <c r="AE542" s="415" t="s">
        <v>103</v>
      </c>
      <c r="AF542" s="541"/>
      <c r="AG542" s="542"/>
      <c r="AH542" s="549"/>
      <c r="AI542" s="550"/>
      <c r="AJ542" s="551"/>
      <c r="AK542" s="332"/>
      <c r="AL542" s="329"/>
      <c r="AM542" s="16"/>
      <c r="AN542" s="3" t="str">
        <f t="shared" si="35"/>
        <v>■</v>
      </c>
    </row>
    <row r="543" spans="1:40" ht="13.4" customHeight="1">
      <c r="A543" s="20" t="str">
        <f t="shared" si="32"/>
        <v>JD</v>
      </c>
      <c r="B543" s="25"/>
      <c r="C543" s="541">
        <v>6</v>
      </c>
      <c r="D543" s="542"/>
      <c r="E543" s="543" t="s">
        <v>779</v>
      </c>
      <c r="F543" s="544"/>
      <c r="G543" s="544"/>
      <c r="H543" s="544"/>
      <c r="I543" s="544"/>
      <c r="J543" s="544"/>
      <c r="K543" s="544"/>
      <c r="L543" s="544"/>
      <c r="M543" s="544"/>
      <c r="N543" s="544"/>
      <c r="O543" s="544"/>
      <c r="P543" s="544"/>
      <c r="Q543" s="544"/>
      <c r="R543" s="544"/>
      <c r="S543" s="544"/>
      <c r="T543" s="545"/>
      <c r="U543" s="221" t="s">
        <v>780</v>
      </c>
      <c r="V543" s="546" t="s">
        <v>107</v>
      </c>
      <c r="W543" s="547"/>
      <c r="X543" s="547"/>
      <c r="Y543" s="547"/>
      <c r="Z543" s="548"/>
      <c r="AA543" s="546" t="s">
        <v>108</v>
      </c>
      <c r="AB543" s="547"/>
      <c r="AC543" s="548"/>
      <c r="AD543" s="415">
        <v>1</v>
      </c>
      <c r="AE543" s="415">
        <v>0</v>
      </c>
      <c r="AF543" s="541"/>
      <c r="AG543" s="542"/>
      <c r="AH543" s="549"/>
      <c r="AI543" s="550"/>
      <c r="AJ543" s="551"/>
      <c r="AK543" s="332"/>
      <c r="AL543" s="329"/>
      <c r="AM543" s="16"/>
      <c r="AN543" s="3" t="str">
        <f t="shared" si="35"/>
        <v>■</v>
      </c>
    </row>
    <row r="544" spans="1:40" ht="13.4" customHeight="1">
      <c r="A544" s="20" t="str">
        <f t="shared" si="32"/>
        <v>JD</v>
      </c>
      <c r="B544" s="25"/>
      <c r="C544" s="541">
        <v>7</v>
      </c>
      <c r="D544" s="542"/>
      <c r="E544" s="543" t="s">
        <v>786</v>
      </c>
      <c r="F544" s="544"/>
      <c r="G544" s="544"/>
      <c r="H544" s="544"/>
      <c r="I544" s="544"/>
      <c r="J544" s="544"/>
      <c r="K544" s="544"/>
      <c r="L544" s="544"/>
      <c r="M544" s="544"/>
      <c r="N544" s="544"/>
      <c r="O544" s="544"/>
      <c r="P544" s="544"/>
      <c r="Q544" s="544"/>
      <c r="R544" s="544"/>
      <c r="S544" s="544"/>
      <c r="T544" s="545"/>
      <c r="U544" s="221" t="s">
        <v>628</v>
      </c>
      <c r="V544" s="546" t="s">
        <v>107</v>
      </c>
      <c r="W544" s="547"/>
      <c r="X544" s="547"/>
      <c r="Y544" s="547"/>
      <c r="Z544" s="548"/>
      <c r="AA544" s="546" t="s">
        <v>108</v>
      </c>
      <c r="AB544" s="547"/>
      <c r="AC544" s="548"/>
      <c r="AD544" s="415">
        <v>1</v>
      </c>
      <c r="AE544" s="415">
        <v>0</v>
      </c>
      <c r="AF544" s="541"/>
      <c r="AG544" s="542"/>
      <c r="AH544" s="549"/>
      <c r="AI544" s="550"/>
      <c r="AJ544" s="551"/>
      <c r="AK544" s="332"/>
      <c r="AL544" s="329"/>
      <c r="AM544" s="16"/>
      <c r="AN544" s="3" t="str">
        <f t="shared" si="35"/>
        <v>■</v>
      </c>
    </row>
    <row r="545" spans="1:40" ht="13.4" customHeight="1">
      <c r="A545" s="20" t="str">
        <f t="shared" si="32"/>
        <v>JD</v>
      </c>
      <c r="B545" s="25"/>
      <c r="C545" s="541">
        <v>8</v>
      </c>
      <c r="D545" s="542"/>
      <c r="E545" s="543" t="s">
        <v>787</v>
      </c>
      <c r="F545" s="544"/>
      <c r="G545" s="544"/>
      <c r="H545" s="544"/>
      <c r="I545" s="544"/>
      <c r="J545" s="544"/>
      <c r="K545" s="544"/>
      <c r="L545" s="544"/>
      <c r="M545" s="544"/>
      <c r="N545" s="544"/>
      <c r="O545" s="544"/>
      <c r="P545" s="544"/>
      <c r="Q545" s="544"/>
      <c r="R545" s="544"/>
      <c r="S545" s="544"/>
      <c r="T545" s="545"/>
      <c r="U545" s="221" t="s">
        <v>630</v>
      </c>
      <c r="V545" s="546" t="s">
        <v>107</v>
      </c>
      <c r="W545" s="547"/>
      <c r="X545" s="547"/>
      <c r="Y545" s="547"/>
      <c r="Z545" s="548"/>
      <c r="AA545" s="546" t="s">
        <v>108</v>
      </c>
      <c r="AB545" s="547"/>
      <c r="AC545" s="548"/>
      <c r="AD545" s="415">
        <v>1</v>
      </c>
      <c r="AE545" s="415">
        <v>0</v>
      </c>
      <c r="AF545" s="541"/>
      <c r="AG545" s="542"/>
      <c r="AH545" s="549"/>
      <c r="AI545" s="550"/>
      <c r="AJ545" s="551"/>
      <c r="AK545" s="332"/>
      <c r="AL545" s="329"/>
      <c r="AM545" s="16"/>
      <c r="AN545" s="3" t="str">
        <f t="shared" si="35"/>
        <v>■</v>
      </c>
    </row>
    <row r="546" spans="1:40" ht="13.4" customHeight="1">
      <c r="A546" s="20" t="str">
        <f t="shared" si="32"/>
        <v>JD</v>
      </c>
      <c r="B546" s="25"/>
      <c r="C546" s="541">
        <v>9</v>
      </c>
      <c r="D546" s="542"/>
      <c r="E546" s="543" t="s">
        <v>788</v>
      </c>
      <c r="F546" s="544"/>
      <c r="G546" s="544"/>
      <c r="H546" s="544"/>
      <c r="I546" s="544"/>
      <c r="J546" s="544"/>
      <c r="K546" s="544"/>
      <c r="L546" s="544"/>
      <c r="M546" s="544"/>
      <c r="N546" s="544"/>
      <c r="O546" s="544"/>
      <c r="P546" s="544"/>
      <c r="Q546" s="544"/>
      <c r="R546" s="544"/>
      <c r="S546" s="544"/>
      <c r="T546" s="545"/>
      <c r="U546" s="221" t="s">
        <v>632</v>
      </c>
      <c r="V546" s="546" t="s">
        <v>107</v>
      </c>
      <c r="W546" s="547"/>
      <c r="X546" s="547"/>
      <c r="Y546" s="547"/>
      <c r="Z546" s="548"/>
      <c r="AA546" s="546" t="s">
        <v>108</v>
      </c>
      <c r="AB546" s="547"/>
      <c r="AC546" s="548"/>
      <c r="AD546" s="415">
        <v>1</v>
      </c>
      <c r="AE546" s="415">
        <v>0</v>
      </c>
      <c r="AF546" s="541"/>
      <c r="AG546" s="542"/>
      <c r="AH546" s="549"/>
      <c r="AI546" s="550"/>
      <c r="AJ546" s="551"/>
      <c r="AK546" s="332"/>
      <c r="AL546" s="329"/>
      <c r="AM546" s="16"/>
      <c r="AN546" s="3" t="str">
        <f t="shared" si="35"/>
        <v>■</v>
      </c>
    </row>
    <row r="547" spans="1:40" ht="13.4" customHeight="1">
      <c r="A547" s="20" t="str">
        <f t="shared" si="32"/>
        <v>JD</v>
      </c>
      <c r="B547" s="25"/>
      <c r="C547" s="541">
        <v>10</v>
      </c>
      <c r="D547" s="542"/>
      <c r="E547" s="543" t="s">
        <v>789</v>
      </c>
      <c r="F547" s="544"/>
      <c r="G547" s="544"/>
      <c r="H547" s="544"/>
      <c r="I547" s="544"/>
      <c r="J547" s="544"/>
      <c r="K547" s="544"/>
      <c r="L547" s="544"/>
      <c r="M547" s="544"/>
      <c r="N547" s="544"/>
      <c r="O547" s="544"/>
      <c r="P547" s="544"/>
      <c r="Q547" s="544"/>
      <c r="R547" s="544"/>
      <c r="S547" s="544"/>
      <c r="T547" s="545"/>
      <c r="U547" s="221" t="s">
        <v>634</v>
      </c>
      <c r="V547" s="546" t="s">
        <v>107</v>
      </c>
      <c r="W547" s="547"/>
      <c r="X547" s="547"/>
      <c r="Y547" s="547"/>
      <c r="Z547" s="548"/>
      <c r="AA547" s="546" t="s">
        <v>108</v>
      </c>
      <c r="AB547" s="547"/>
      <c r="AC547" s="548"/>
      <c r="AD547" s="415">
        <v>1</v>
      </c>
      <c r="AE547" s="415">
        <v>0</v>
      </c>
      <c r="AF547" s="541"/>
      <c r="AG547" s="542"/>
      <c r="AH547" s="549"/>
      <c r="AI547" s="550"/>
      <c r="AJ547" s="551"/>
      <c r="AK547" s="332"/>
      <c r="AL547" s="329"/>
      <c r="AM547" s="16"/>
      <c r="AN547" s="3" t="str">
        <f t="shared" si="35"/>
        <v>■</v>
      </c>
    </row>
    <row r="548" spans="1:40" ht="13.4" customHeight="1">
      <c r="A548" s="20" t="str">
        <f t="shared" si="32"/>
        <v>JD</v>
      </c>
      <c r="B548" s="25"/>
      <c r="C548" s="541">
        <v>11</v>
      </c>
      <c r="D548" s="542"/>
      <c r="E548" s="543" t="s">
        <v>790</v>
      </c>
      <c r="F548" s="544"/>
      <c r="G548" s="544"/>
      <c r="H548" s="544"/>
      <c r="I548" s="544"/>
      <c r="J548" s="544"/>
      <c r="K548" s="544"/>
      <c r="L548" s="544"/>
      <c r="M548" s="544"/>
      <c r="N548" s="544"/>
      <c r="O548" s="544"/>
      <c r="P548" s="544"/>
      <c r="Q548" s="544"/>
      <c r="R548" s="544"/>
      <c r="S548" s="544"/>
      <c r="T548" s="545"/>
      <c r="U548" s="221" t="s">
        <v>636</v>
      </c>
      <c r="V548" s="546" t="s">
        <v>107</v>
      </c>
      <c r="W548" s="547"/>
      <c r="X548" s="547"/>
      <c r="Y548" s="547"/>
      <c r="Z548" s="548"/>
      <c r="AA548" s="546" t="s">
        <v>108</v>
      </c>
      <c r="AB548" s="547"/>
      <c r="AC548" s="548"/>
      <c r="AD548" s="415">
        <v>1</v>
      </c>
      <c r="AE548" s="415">
        <v>0</v>
      </c>
      <c r="AF548" s="541"/>
      <c r="AG548" s="542"/>
      <c r="AH548" s="549"/>
      <c r="AI548" s="550"/>
      <c r="AJ548" s="551"/>
      <c r="AK548" s="332"/>
      <c r="AL548" s="329"/>
      <c r="AM548" s="16"/>
      <c r="AN548" s="3" t="str">
        <f t="shared" si="35"/>
        <v>■</v>
      </c>
    </row>
    <row r="549" spans="1:40" ht="13.4" customHeight="1">
      <c r="A549" s="20" t="str">
        <f t="shared" si="32"/>
        <v>JD</v>
      </c>
      <c r="B549" s="25"/>
      <c r="C549" s="541">
        <v>12</v>
      </c>
      <c r="D549" s="542"/>
      <c r="E549" s="543" t="s">
        <v>791</v>
      </c>
      <c r="F549" s="544"/>
      <c r="G549" s="544"/>
      <c r="H549" s="544"/>
      <c r="I549" s="544"/>
      <c r="J549" s="544"/>
      <c r="K549" s="544"/>
      <c r="L549" s="544"/>
      <c r="M549" s="544"/>
      <c r="N549" s="544"/>
      <c r="O549" s="544"/>
      <c r="P549" s="544"/>
      <c r="Q549" s="544"/>
      <c r="R549" s="544"/>
      <c r="S549" s="544"/>
      <c r="T549" s="545"/>
      <c r="U549" s="221" t="s">
        <v>638</v>
      </c>
      <c r="V549" s="546" t="s">
        <v>107</v>
      </c>
      <c r="W549" s="547"/>
      <c r="X549" s="547"/>
      <c r="Y549" s="547"/>
      <c r="Z549" s="548"/>
      <c r="AA549" s="546" t="s">
        <v>108</v>
      </c>
      <c r="AB549" s="547"/>
      <c r="AC549" s="548"/>
      <c r="AD549" s="415">
        <v>1</v>
      </c>
      <c r="AE549" s="415">
        <v>0</v>
      </c>
      <c r="AF549" s="541"/>
      <c r="AG549" s="542"/>
      <c r="AH549" s="549"/>
      <c r="AI549" s="550"/>
      <c r="AJ549" s="551"/>
      <c r="AK549" s="332"/>
      <c r="AL549" s="329"/>
      <c r="AM549" s="16"/>
      <c r="AN549" s="3" t="str">
        <f t="shared" si="35"/>
        <v>■</v>
      </c>
    </row>
    <row r="550" spans="1:40" ht="13.4" customHeight="1">
      <c r="A550" s="20" t="str">
        <f t="shared" si="32"/>
        <v>JD</v>
      </c>
      <c r="B550" s="25"/>
      <c r="C550" s="541">
        <v>13</v>
      </c>
      <c r="D550" s="542"/>
      <c r="E550" s="543" t="s">
        <v>792</v>
      </c>
      <c r="F550" s="544"/>
      <c r="G550" s="544"/>
      <c r="H550" s="544"/>
      <c r="I550" s="544"/>
      <c r="J550" s="544"/>
      <c r="K550" s="544"/>
      <c r="L550" s="544"/>
      <c r="M550" s="544"/>
      <c r="N550" s="544"/>
      <c r="O550" s="544"/>
      <c r="P550" s="544"/>
      <c r="Q550" s="544"/>
      <c r="R550" s="544"/>
      <c r="S550" s="544"/>
      <c r="T550" s="545"/>
      <c r="U550" s="221" t="s">
        <v>640</v>
      </c>
      <c r="V550" s="546" t="s">
        <v>107</v>
      </c>
      <c r="W550" s="547"/>
      <c r="X550" s="547"/>
      <c r="Y550" s="547"/>
      <c r="Z550" s="548"/>
      <c r="AA550" s="546" t="s">
        <v>108</v>
      </c>
      <c r="AB550" s="547"/>
      <c r="AC550" s="548"/>
      <c r="AD550" s="415">
        <v>1</v>
      </c>
      <c r="AE550" s="415">
        <v>0</v>
      </c>
      <c r="AF550" s="541"/>
      <c r="AG550" s="542"/>
      <c r="AH550" s="549"/>
      <c r="AI550" s="550"/>
      <c r="AJ550" s="551"/>
      <c r="AK550" s="332"/>
      <c r="AL550" s="329"/>
      <c r="AM550" s="16"/>
      <c r="AN550" s="3" t="str">
        <f t="shared" si="35"/>
        <v>■</v>
      </c>
    </row>
    <row r="551" spans="1:40" ht="13.4" customHeight="1">
      <c r="A551" s="20" t="str">
        <f t="shared" si="32"/>
        <v>JD</v>
      </c>
      <c r="B551" s="25"/>
      <c r="C551" s="541">
        <v>14</v>
      </c>
      <c r="D551" s="542"/>
      <c r="E551" s="543" t="s">
        <v>793</v>
      </c>
      <c r="F551" s="544"/>
      <c r="G551" s="544"/>
      <c r="H551" s="544"/>
      <c r="I551" s="544"/>
      <c r="J551" s="544"/>
      <c r="K551" s="544"/>
      <c r="L551" s="544"/>
      <c r="M551" s="544"/>
      <c r="N551" s="544"/>
      <c r="O551" s="544"/>
      <c r="P551" s="544"/>
      <c r="Q551" s="544"/>
      <c r="R551" s="544"/>
      <c r="S551" s="544"/>
      <c r="T551" s="545"/>
      <c r="U551" s="221" t="s">
        <v>642</v>
      </c>
      <c r="V551" s="546" t="s">
        <v>107</v>
      </c>
      <c r="W551" s="547"/>
      <c r="X551" s="547"/>
      <c r="Y551" s="547"/>
      <c r="Z551" s="548"/>
      <c r="AA551" s="546" t="s">
        <v>108</v>
      </c>
      <c r="AB551" s="547"/>
      <c r="AC551" s="548"/>
      <c r="AD551" s="415">
        <v>1</v>
      </c>
      <c r="AE551" s="415">
        <v>0</v>
      </c>
      <c r="AF551" s="541"/>
      <c r="AG551" s="542"/>
      <c r="AH551" s="549"/>
      <c r="AI551" s="550"/>
      <c r="AJ551" s="551"/>
      <c r="AK551" s="332"/>
      <c r="AL551" s="329"/>
      <c r="AM551" s="16"/>
      <c r="AN551" s="3" t="str">
        <f t="shared" si="35"/>
        <v>■</v>
      </c>
    </row>
    <row r="552" spans="1:40" ht="13.4" customHeight="1">
      <c r="A552" s="20" t="str">
        <f t="shared" si="32"/>
        <v>JD</v>
      </c>
      <c r="B552" s="25"/>
      <c r="C552" s="541">
        <v>15</v>
      </c>
      <c r="D552" s="542"/>
      <c r="E552" s="543" t="s">
        <v>794</v>
      </c>
      <c r="F552" s="544"/>
      <c r="G552" s="544"/>
      <c r="H552" s="544"/>
      <c r="I552" s="544"/>
      <c r="J552" s="544"/>
      <c r="K552" s="544"/>
      <c r="L552" s="544"/>
      <c r="M552" s="544"/>
      <c r="N552" s="544"/>
      <c r="O552" s="544"/>
      <c r="P552" s="544"/>
      <c r="Q552" s="544"/>
      <c r="R552" s="544"/>
      <c r="S552" s="544"/>
      <c r="T552" s="545"/>
      <c r="U552" s="221" t="s">
        <v>644</v>
      </c>
      <c r="V552" s="546" t="s">
        <v>107</v>
      </c>
      <c r="W552" s="547"/>
      <c r="X552" s="547"/>
      <c r="Y552" s="547"/>
      <c r="Z552" s="548"/>
      <c r="AA552" s="546" t="s">
        <v>108</v>
      </c>
      <c r="AB552" s="547"/>
      <c r="AC552" s="548"/>
      <c r="AD552" s="415">
        <v>1</v>
      </c>
      <c r="AE552" s="415">
        <v>0</v>
      </c>
      <c r="AF552" s="541"/>
      <c r="AG552" s="542"/>
      <c r="AH552" s="549"/>
      <c r="AI552" s="550"/>
      <c r="AJ552" s="551"/>
      <c r="AK552" s="332"/>
      <c r="AL552" s="329"/>
      <c r="AM552" s="16"/>
      <c r="AN552" s="3" t="str">
        <f t="shared" si="35"/>
        <v>■</v>
      </c>
    </row>
    <row r="553" spans="1:40" ht="13.4" customHeight="1">
      <c r="A553" s="20" t="str">
        <f t="shared" si="32"/>
        <v>JD</v>
      </c>
      <c r="B553" s="25"/>
      <c r="C553" s="541">
        <v>16</v>
      </c>
      <c r="D553" s="542"/>
      <c r="E553" s="543" t="s">
        <v>795</v>
      </c>
      <c r="F553" s="544"/>
      <c r="G553" s="544"/>
      <c r="H553" s="544"/>
      <c r="I553" s="544"/>
      <c r="J553" s="544"/>
      <c r="K553" s="544"/>
      <c r="L553" s="544"/>
      <c r="M553" s="544"/>
      <c r="N553" s="544"/>
      <c r="O553" s="544"/>
      <c r="P553" s="544"/>
      <c r="Q553" s="544"/>
      <c r="R553" s="544"/>
      <c r="S553" s="544"/>
      <c r="T553" s="545"/>
      <c r="U553" s="221" t="s">
        <v>646</v>
      </c>
      <c r="V553" s="546" t="s">
        <v>107</v>
      </c>
      <c r="W553" s="547"/>
      <c r="X553" s="547"/>
      <c r="Y553" s="547"/>
      <c r="Z553" s="548"/>
      <c r="AA553" s="546" t="s">
        <v>108</v>
      </c>
      <c r="AB553" s="547"/>
      <c r="AC553" s="548"/>
      <c r="AD553" s="415">
        <v>1</v>
      </c>
      <c r="AE553" s="415">
        <v>0</v>
      </c>
      <c r="AF553" s="541"/>
      <c r="AG553" s="542"/>
      <c r="AH553" s="549"/>
      <c r="AI553" s="550"/>
      <c r="AJ553" s="551"/>
      <c r="AK553" s="332"/>
      <c r="AL553" s="329"/>
      <c r="AM553" s="16"/>
      <c r="AN553" s="3" t="str">
        <f t="shared" si="35"/>
        <v>■</v>
      </c>
    </row>
    <row r="554" spans="1:40" ht="13.4" customHeight="1">
      <c r="A554" s="20" t="str">
        <f t="shared" si="32"/>
        <v>JD</v>
      </c>
      <c r="B554" s="25"/>
      <c r="C554" s="541">
        <v>17</v>
      </c>
      <c r="D554" s="542"/>
      <c r="E554" s="543" t="s">
        <v>796</v>
      </c>
      <c r="F554" s="544"/>
      <c r="G554" s="544"/>
      <c r="H554" s="544"/>
      <c r="I554" s="544"/>
      <c r="J554" s="544"/>
      <c r="K554" s="544"/>
      <c r="L554" s="544"/>
      <c r="M554" s="544"/>
      <c r="N554" s="544"/>
      <c r="O554" s="544"/>
      <c r="P554" s="544"/>
      <c r="Q554" s="544"/>
      <c r="R554" s="544"/>
      <c r="S554" s="544"/>
      <c r="T554" s="545"/>
      <c r="U554" s="221" t="s">
        <v>648</v>
      </c>
      <c r="V554" s="546" t="s">
        <v>107</v>
      </c>
      <c r="W554" s="547"/>
      <c r="X554" s="547"/>
      <c r="Y554" s="547"/>
      <c r="Z554" s="548"/>
      <c r="AA554" s="546" t="s">
        <v>108</v>
      </c>
      <c r="AB554" s="547"/>
      <c r="AC554" s="548"/>
      <c r="AD554" s="415">
        <v>1</v>
      </c>
      <c r="AE554" s="415">
        <v>0</v>
      </c>
      <c r="AF554" s="541"/>
      <c r="AG554" s="542"/>
      <c r="AH554" s="549"/>
      <c r="AI554" s="550"/>
      <c r="AJ554" s="551"/>
      <c r="AK554" s="332"/>
      <c r="AL554" s="329"/>
      <c r="AM554" s="16"/>
      <c r="AN554" s="3" t="str">
        <f t="shared" si="35"/>
        <v>■</v>
      </c>
    </row>
    <row r="555" spans="1:40" ht="13.4" customHeight="1">
      <c r="A555" s="20" t="str">
        <f t="shared" si="32"/>
        <v>JD</v>
      </c>
      <c r="B555" s="25"/>
      <c r="C555" s="541">
        <v>18</v>
      </c>
      <c r="D555" s="542"/>
      <c r="E555" s="543" t="s">
        <v>797</v>
      </c>
      <c r="F555" s="544"/>
      <c r="G555" s="544"/>
      <c r="H555" s="544"/>
      <c r="I555" s="544"/>
      <c r="J555" s="544"/>
      <c r="K555" s="544"/>
      <c r="L555" s="544"/>
      <c r="M555" s="544"/>
      <c r="N555" s="544"/>
      <c r="O555" s="544"/>
      <c r="P555" s="544"/>
      <c r="Q555" s="544"/>
      <c r="R555" s="544"/>
      <c r="S555" s="544"/>
      <c r="T555" s="545"/>
      <c r="U555" s="221" t="s">
        <v>650</v>
      </c>
      <c r="V555" s="546" t="s">
        <v>107</v>
      </c>
      <c r="W555" s="547"/>
      <c r="X555" s="547"/>
      <c r="Y555" s="547"/>
      <c r="Z555" s="548"/>
      <c r="AA555" s="546" t="s">
        <v>108</v>
      </c>
      <c r="AB555" s="547"/>
      <c r="AC555" s="548"/>
      <c r="AD555" s="415">
        <v>1</v>
      </c>
      <c r="AE555" s="415">
        <v>0</v>
      </c>
      <c r="AF555" s="541"/>
      <c r="AG555" s="542"/>
      <c r="AH555" s="549"/>
      <c r="AI555" s="550"/>
      <c r="AJ555" s="551"/>
      <c r="AK555" s="332"/>
      <c r="AL555" s="329"/>
      <c r="AM555" s="16"/>
      <c r="AN555" s="3" t="str">
        <f t="shared" si="35"/>
        <v>■</v>
      </c>
    </row>
    <row r="556" spans="1:40" ht="13.4" customHeight="1">
      <c r="A556" s="20" t="str">
        <f t="shared" si="32"/>
        <v>JD</v>
      </c>
      <c r="B556" s="25"/>
      <c r="C556" s="541">
        <v>19</v>
      </c>
      <c r="D556" s="542"/>
      <c r="E556" s="543" t="s">
        <v>798</v>
      </c>
      <c r="F556" s="544"/>
      <c r="G556" s="544"/>
      <c r="H556" s="544"/>
      <c r="I556" s="544"/>
      <c r="J556" s="544"/>
      <c r="K556" s="544"/>
      <c r="L556" s="544"/>
      <c r="M556" s="544"/>
      <c r="N556" s="544"/>
      <c r="O556" s="544"/>
      <c r="P556" s="544"/>
      <c r="Q556" s="544"/>
      <c r="R556" s="544"/>
      <c r="S556" s="544"/>
      <c r="T556" s="545"/>
      <c r="U556" s="221" t="s">
        <v>652</v>
      </c>
      <c r="V556" s="546" t="s">
        <v>107</v>
      </c>
      <c r="W556" s="547"/>
      <c r="X556" s="547"/>
      <c r="Y556" s="547"/>
      <c r="Z556" s="548"/>
      <c r="AA556" s="546" t="s">
        <v>108</v>
      </c>
      <c r="AB556" s="547"/>
      <c r="AC556" s="548"/>
      <c r="AD556" s="415">
        <v>1</v>
      </c>
      <c r="AE556" s="415">
        <v>0</v>
      </c>
      <c r="AF556" s="541"/>
      <c r="AG556" s="542"/>
      <c r="AH556" s="549"/>
      <c r="AI556" s="550"/>
      <c r="AJ556" s="551"/>
      <c r="AK556" s="332"/>
      <c r="AL556" s="329"/>
      <c r="AM556" s="16"/>
      <c r="AN556" s="3" t="str">
        <f t="shared" si="35"/>
        <v>■</v>
      </c>
    </row>
    <row r="557" spans="1:40" ht="13.4" customHeight="1">
      <c r="A557" s="20" t="str">
        <f t="shared" si="32"/>
        <v>JD</v>
      </c>
      <c r="B557" s="25"/>
      <c r="C557" s="541">
        <v>20</v>
      </c>
      <c r="D557" s="542"/>
      <c r="E557" s="543" t="s">
        <v>799</v>
      </c>
      <c r="F557" s="544"/>
      <c r="G557" s="544"/>
      <c r="H557" s="544"/>
      <c r="I557" s="544"/>
      <c r="J557" s="544"/>
      <c r="K557" s="544"/>
      <c r="L557" s="544"/>
      <c r="M557" s="544"/>
      <c r="N557" s="544"/>
      <c r="O557" s="544"/>
      <c r="P557" s="544"/>
      <c r="Q557" s="544"/>
      <c r="R557" s="544"/>
      <c r="S557" s="544"/>
      <c r="T557" s="545"/>
      <c r="U557" s="221" t="s">
        <v>654</v>
      </c>
      <c r="V557" s="546" t="s">
        <v>107</v>
      </c>
      <c r="W557" s="547"/>
      <c r="X557" s="547"/>
      <c r="Y557" s="547"/>
      <c r="Z557" s="548"/>
      <c r="AA557" s="546" t="s">
        <v>108</v>
      </c>
      <c r="AB557" s="547"/>
      <c r="AC557" s="548"/>
      <c r="AD557" s="415">
        <v>1</v>
      </c>
      <c r="AE557" s="415">
        <v>0</v>
      </c>
      <c r="AF557" s="541"/>
      <c r="AG557" s="542"/>
      <c r="AH557" s="549"/>
      <c r="AI557" s="550"/>
      <c r="AJ557" s="551"/>
      <c r="AK557" s="332"/>
      <c r="AL557" s="329"/>
      <c r="AM557" s="16"/>
      <c r="AN557" s="3" t="str">
        <f t="shared" si="35"/>
        <v>■</v>
      </c>
    </row>
    <row r="558" spans="1:40" ht="13.4" customHeight="1">
      <c r="A558" s="20" t="str">
        <f t="shared" si="32"/>
        <v>JD</v>
      </c>
      <c r="B558" s="25"/>
      <c r="C558" s="541">
        <v>21</v>
      </c>
      <c r="D558" s="542"/>
      <c r="E558" s="543" t="s">
        <v>800</v>
      </c>
      <c r="F558" s="544"/>
      <c r="G558" s="544"/>
      <c r="H558" s="544"/>
      <c r="I558" s="544"/>
      <c r="J558" s="544"/>
      <c r="K558" s="544"/>
      <c r="L558" s="544"/>
      <c r="M558" s="544"/>
      <c r="N558" s="544"/>
      <c r="O558" s="544"/>
      <c r="P558" s="544"/>
      <c r="Q558" s="544"/>
      <c r="R558" s="544"/>
      <c r="S558" s="544"/>
      <c r="T558" s="545"/>
      <c r="U558" s="221" t="s">
        <v>656</v>
      </c>
      <c r="V558" s="546" t="s">
        <v>107</v>
      </c>
      <c r="W558" s="547"/>
      <c r="X558" s="547"/>
      <c r="Y558" s="547"/>
      <c r="Z558" s="548"/>
      <c r="AA558" s="546" t="s">
        <v>108</v>
      </c>
      <c r="AB558" s="547"/>
      <c r="AC558" s="548"/>
      <c r="AD558" s="415">
        <v>1</v>
      </c>
      <c r="AE558" s="415">
        <v>0</v>
      </c>
      <c r="AF558" s="541"/>
      <c r="AG558" s="542"/>
      <c r="AH558" s="549"/>
      <c r="AI558" s="550"/>
      <c r="AJ558" s="551"/>
      <c r="AK558" s="332"/>
      <c r="AL558" s="329"/>
      <c r="AM558" s="16"/>
      <c r="AN558" s="3" t="str">
        <f t="shared" si="35"/>
        <v>■</v>
      </c>
    </row>
    <row r="559" spans="1:40" ht="13.4" customHeight="1">
      <c r="A559" s="20" t="str">
        <f t="shared" si="32"/>
        <v>JD</v>
      </c>
      <c r="B559" s="25"/>
      <c r="C559" s="541">
        <v>22</v>
      </c>
      <c r="D559" s="542"/>
      <c r="E559" s="543" t="s">
        <v>801</v>
      </c>
      <c r="F559" s="544"/>
      <c r="G559" s="544"/>
      <c r="H559" s="544"/>
      <c r="I559" s="544"/>
      <c r="J559" s="544"/>
      <c r="K559" s="544"/>
      <c r="L559" s="544"/>
      <c r="M559" s="544"/>
      <c r="N559" s="544"/>
      <c r="O559" s="544"/>
      <c r="P559" s="544"/>
      <c r="Q559" s="544"/>
      <c r="R559" s="544"/>
      <c r="S559" s="544"/>
      <c r="T559" s="545"/>
      <c r="U559" s="221" t="s">
        <v>658</v>
      </c>
      <c r="V559" s="546" t="s">
        <v>107</v>
      </c>
      <c r="W559" s="547"/>
      <c r="X559" s="547"/>
      <c r="Y559" s="547"/>
      <c r="Z559" s="548"/>
      <c r="AA559" s="546" t="s">
        <v>108</v>
      </c>
      <c r="AB559" s="547"/>
      <c r="AC559" s="548"/>
      <c r="AD559" s="415">
        <v>1</v>
      </c>
      <c r="AE559" s="415">
        <v>0</v>
      </c>
      <c r="AF559" s="541"/>
      <c r="AG559" s="542"/>
      <c r="AH559" s="549"/>
      <c r="AI559" s="550"/>
      <c r="AJ559" s="551"/>
      <c r="AK559" s="332"/>
      <c r="AL559" s="329"/>
      <c r="AM559" s="16"/>
      <c r="AN559" s="3" t="str">
        <f t="shared" si="35"/>
        <v>■</v>
      </c>
    </row>
    <row r="560" spans="1:40" ht="13.4" customHeight="1">
      <c r="A560" s="20" t="str">
        <f t="shared" si="32"/>
        <v>JD</v>
      </c>
      <c r="B560" s="25"/>
      <c r="C560" s="541">
        <v>23</v>
      </c>
      <c r="D560" s="542"/>
      <c r="E560" s="543" t="s">
        <v>802</v>
      </c>
      <c r="F560" s="544"/>
      <c r="G560" s="544"/>
      <c r="H560" s="544"/>
      <c r="I560" s="544"/>
      <c r="J560" s="544"/>
      <c r="K560" s="544"/>
      <c r="L560" s="544"/>
      <c r="M560" s="544"/>
      <c r="N560" s="544"/>
      <c r="O560" s="544"/>
      <c r="P560" s="544"/>
      <c r="Q560" s="544"/>
      <c r="R560" s="544"/>
      <c r="S560" s="544"/>
      <c r="T560" s="545"/>
      <c r="U560" s="221" t="s">
        <v>660</v>
      </c>
      <c r="V560" s="546" t="s">
        <v>107</v>
      </c>
      <c r="W560" s="547"/>
      <c r="X560" s="547"/>
      <c r="Y560" s="547"/>
      <c r="Z560" s="548"/>
      <c r="AA560" s="546" t="s">
        <v>108</v>
      </c>
      <c r="AB560" s="547"/>
      <c r="AC560" s="548"/>
      <c r="AD560" s="415">
        <v>1</v>
      </c>
      <c r="AE560" s="415">
        <v>0</v>
      </c>
      <c r="AF560" s="541"/>
      <c r="AG560" s="542"/>
      <c r="AH560" s="549"/>
      <c r="AI560" s="550"/>
      <c r="AJ560" s="551"/>
      <c r="AK560" s="332"/>
      <c r="AL560" s="329"/>
      <c r="AM560" s="16"/>
      <c r="AN560" s="3" t="str">
        <f t="shared" si="35"/>
        <v>■</v>
      </c>
    </row>
    <row r="561" spans="1:40" ht="13.4" customHeight="1">
      <c r="A561" s="20" t="str">
        <f t="shared" si="32"/>
        <v>JD</v>
      </c>
      <c r="B561" s="25"/>
      <c r="C561" s="541">
        <v>24</v>
      </c>
      <c r="D561" s="542"/>
      <c r="E561" s="543" t="s">
        <v>803</v>
      </c>
      <c r="F561" s="544"/>
      <c r="G561" s="544"/>
      <c r="H561" s="544"/>
      <c r="I561" s="544"/>
      <c r="J561" s="544"/>
      <c r="K561" s="544"/>
      <c r="L561" s="544"/>
      <c r="M561" s="544"/>
      <c r="N561" s="544"/>
      <c r="O561" s="544"/>
      <c r="P561" s="544"/>
      <c r="Q561" s="544"/>
      <c r="R561" s="544"/>
      <c r="S561" s="544"/>
      <c r="T561" s="545"/>
      <c r="U561" s="221" t="s">
        <v>662</v>
      </c>
      <c r="V561" s="546" t="s">
        <v>107</v>
      </c>
      <c r="W561" s="547"/>
      <c r="X561" s="547"/>
      <c r="Y561" s="547"/>
      <c r="Z561" s="548"/>
      <c r="AA561" s="546" t="s">
        <v>108</v>
      </c>
      <c r="AB561" s="547"/>
      <c r="AC561" s="548"/>
      <c r="AD561" s="415">
        <v>1</v>
      </c>
      <c r="AE561" s="415">
        <v>0</v>
      </c>
      <c r="AF561" s="541"/>
      <c r="AG561" s="542"/>
      <c r="AH561" s="549"/>
      <c r="AI561" s="550"/>
      <c r="AJ561" s="551"/>
      <c r="AK561" s="332"/>
      <c r="AL561" s="329"/>
      <c r="AM561" s="16"/>
      <c r="AN561" s="3" t="str">
        <f t="shared" si="35"/>
        <v>■</v>
      </c>
    </row>
    <row r="562" spans="1:40" ht="13.4" customHeight="1">
      <c r="A562" s="20" t="str">
        <f t="shared" si="32"/>
        <v>JD</v>
      </c>
      <c r="B562" s="25"/>
      <c r="C562" s="541">
        <v>25</v>
      </c>
      <c r="D562" s="542"/>
      <c r="E562" s="543" t="s">
        <v>804</v>
      </c>
      <c r="F562" s="544"/>
      <c r="G562" s="544"/>
      <c r="H562" s="544"/>
      <c r="I562" s="544"/>
      <c r="J562" s="544"/>
      <c r="K562" s="544"/>
      <c r="L562" s="544"/>
      <c r="M562" s="544"/>
      <c r="N562" s="544"/>
      <c r="O562" s="544"/>
      <c r="P562" s="544"/>
      <c r="Q562" s="544"/>
      <c r="R562" s="544"/>
      <c r="S562" s="544"/>
      <c r="T562" s="545"/>
      <c r="U562" s="221" t="s">
        <v>664</v>
      </c>
      <c r="V562" s="546" t="s">
        <v>107</v>
      </c>
      <c r="W562" s="547"/>
      <c r="X562" s="547"/>
      <c r="Y562" s="547"/>
      <c r="Z562" s="548"/>
      <c r="AA562" s="546" t="s">
        <v>108</v>
      </c>
      <c r="AB562" s="547"/>
      <c r="AC562" s="548"/>
      <c r="AD562" s="415">
        <v>1</v>
      </c>
      <c r="AE562" s="415">
        <v>0</v>
      </c>
      <c r="AF562" s="541"/>
      <c r="AG562" s="542"/>
      <c r="AH562" s="549"/>
      <c r="AI562" s="550"/>
      <c r="AJ562" s="551"/>
      <c r="AK562" s="332"/>
      <c r="AL562" s="329"/>
      <c r="AM562" s="16"/>
      <c r="AN562" s="3" t="str">
        <f t="shared" si="35"/>
        <v>■</v>
      </c>
    </row>
    <row r="563" spans="1:40" ht="13.4" customHeight="1">
      <c r="A563" s="20" t="str">
        <f t="shared" si="32"/>
        <v>JD</v>
      </c>
      <c r="B563" s="25"/>
      <c r="C563" s="541">
        <v>26</v>
      </c>
      <c r="D563" s="542"/>
      <c r="E563" s="543" t="s">
        <v>805</v>
      </c>
      <c r="F563" s="544"/>
      <c r="G563" s="544"/>
      <c r="H563" s="544"/>
      <c r="I563" s="544"/>
      <c r="J563" s="544"/>
      <c r="K563" s="544"/>
      <c r="L563" s="544"/>
      <c r="M563" s="544"/>
      <c r="N563" s="544"/>
      <c r="O563" s="544"/>
      <c r="P563" s="544"/>
      <c r="Q563" s="544"/>
      <c r="R563" s="544"/>
      <c r="S563" s="544"/>
      <c r="T563" s="545"/>
      <c r="U563" s="221" t="s">
        <v>666</v>
      </c>
      <c r="V563" s="546" t="s">
        <v>107</v>
      </c>
      <c r="W563" s="547"/>
      <c r="X563" s="547"/>
      <c r="Y563" s="547"/>
      <c r="Z563" s="548"/>
      <c r="AA563" s="546" t="s">
        <v>108</v>
      </c>
      <c r="AB563" s="547"/>
      <c r="AC563" s="548"/>
      <c r="AD563" s="415">
        <v>1</v>
      </c>
      <c r="AE563" s="415">
        <v>0</v>
      </c>
      <c r="AF563" s="541"/>
      <c r="AG563" s="542"/>
      <c r="AH563" s="549"/>
      <c r="AI563" s="550"/>
      <c r="AJ563" s="551"/>
      <c r="AK563" s="332"/>
      <c r="AL563" s="329"/>
      <c r="AM563" s="16"/>
      <c r="AN563" s="3" t="str">
        <f t="shared" si="35"/>
        <v>■</v>
      </c>
    </row>
    <row r="564" spans="1:40" ht="13.4" customHeight="1">
      <c r="A564" s="20" t="str">
        <f t="shared" si="32"/>
        <v>JD</v>
      </c>
      <c r="B564" s="25"/>
      <c r="C564" s="541">
        <v>27</v>
      </c>
      <c r="D564" s="542"/>
      <c r="E564" s="543" t="s">
        <v>806</v>
      </c>
      <c r="F564" s="544"/>
      <c r="G564" s="544"/>
      <c r="H564" s="544"/>
      <c r="I564" s="544"/>
      <c r="J564" s="544"/>
      <c r="K564" s="544"/>
      <c r="L564" s="544"/>
      <c r="M564" s="544"/>
      <c r="N564" s="544"/>
      <c r="O564" s="544"/>
      <c r="P564" s="544"/>
      <c r="Q564" s="544"/>
      <c r="R564" s="544"/>
      <c r="S564" s="544"/>
      <c r="T564" s="545"/>
      <c r="U564" s="221" t="s">
        <v>668</v>
      </c>
      <c r="V564" s="546" t="s">
        <v>107</v>
      </c>
      <c r="W564" s="547"/>
      <c r="X564" s="547"/>
      <c r="Y564" s="547"/>
      <c r="Z564" s="548"/>
      <c r="AA564" s="546" t="s">
        <v>108</v>
      </c>
      <c r="AB564" s="547"/>
      <c r="AC564" s="548"/>
      <c r="AD564" s="415">
        <v>1</v>
      </c>
      <c r="AE564" s="415">
        <v>0</v>
      </c>
      <c r="AF564" s="541"/>
      <c r="AG564" s="542"/>
      <c r="AH564" s="549"/>
      <c r="AI564" s="550"/>
      <c r="AJ564" s="551"/>
      <c r="AK564" s="332"/>
      <c r="AL564" s="329"/>
      <c r="AM564" s="16"/>
      <c r="AN564" s="3" t="str">
        <f t="shared" si="35"/>
        <v>■</v>
      </c>
    </row>
    <row r="565" spans="1:40" ht="13.4" customHeight="1">
      <c r="A565" s="20" t="str">
        <f t="shared" si="32"/>
        <v>JD</v>
      </c>
      <c r="B565" s="25"/>
      <c r="C565" s="541">
        <v>28</v>
      </c>
      <c r="D565" s="542"/>
      <c r="E565" s="543" t="s">
        <v>807</v>
      </c>
      <c r="F565" s="544"/>
      <c r="G565" s="544"/>
      <c r="H565" s="544"/>
      <c r="I565" s="544"/>
      <c r="J565" s="544"/>
      <c r="K565" s="544"/>
      <c r="L565" s="544"/>
      <c r="M565" s="544"/>
      <c r="N565" s="544"/>
      <c r="O565" s="544"/>
      <c r="P565" s="544"/>
      <c r="Q565" s="544"/>
      <c r="R565" s="544"/>
      <c r="S565" s="544"/>
      <c r="T565" s="545"/>
      <c r="U565" s="221" t="s">
        <v>670</v>
      </c>
      <c r="V565" s="546" t="s">
        <v>107</v>
      </c>
      <c r="W565" s="547"/>
      <c r="X565" s="547"/>
      <c r="Y565" s="547"/>
      <c r="Z565" s="548"/>
      <c r="AA565" s="546" t="s">
        <v>108</v>
      </c>
      <c r="AB565" s="547"/>
      <c r="AC565" s="548"/>
      <c r="AD565" s="415">
        <v>1</v>
      </c>
      <c r="AE565" s="415">
        <v>0</v>
      </c>
      <c r="AF565" s="541"/>
      <c r="AG565" s="542"/>
      <c r="AH565" s="549"/>
      <c r="AI565" s="550"/>
      <c r="AJ565" s="551"/>
      <c r="AK565" s="332"/>
      <c r="AL565" s="329"/>
      <c r="AM565" s="16"/>
      <c r="AN565" s="3" t="str">
        <f t="shared" si="35"/>
        <v>■</v>
      </c>
    </row>
    <row r="566" spans="1:40" ht="13.4" customHeight="1">
      <c r="A566" s="20" t="str">
        <f t="shared" si="32"/>
        <v>JD</v>
      </c>
      <c r="B566" s="25"/>
      <c r="C566" s="541">
        <v>29</v>
      </c>
      <c r="D566" s="542"/>
      <c r="E566" s="543" t="s">
        <v>808</v>
      </c>
      <c r="F566" s="544"/>
      <c r="G566" s="544"/>
      <c r="H566" s="544"/>
      <c r="I566" s="544"/>
      <c r="J566" s="544"/>
      <c r="K566" s="544"/>
      <c r="L566" s="544"/>
      <c r="M566" s="544"/>
      <c r="N566" s="544"/>
      <c r="O566" s="544"/>
      <c r="P566" s="544"/>
      <c r="Q566" s="544"/>
      <c r="R566" s="544"/>
      <c r="S566" s="544"/>
      <c r="T566" s="545"/>
      <c r="U566" s="221" t="s">
        <v>672</v>
      </c>
      <c r="V566" s="546" t="s">
        <v>107</v>
      </c>
      <c r="W566" s="547"/>
      <c r="X566" s="547"/>
      <c r="Y566" s="547"/>
      <c r="Z566" s="548"/>
      <c r="AA566" s="546" t="s">
        <v>108</v>
      </c>
      <c r="AB566" s="547"/>
      <c r="AC566" s="548"/>
      <c r="AD566" s="415">
        <v>1</v>
      </c>
      <c r="AE566" s="415">
        <v>0</v>
      </c>
      <c r="AF566" s="541"/>
      <c r="AG566" s="542"/>
      <c r="AH566" s="549"/>
      <c r="AI566" s="550"/>
      <c r="AJ566" s="551"/>
      <c r="AK566" s="332"/>
      <c r="AL566" s="329"/>
      <c r="AM566" s="16"/>
      <c r="AN566" s="3" t="str">
        <f t="shared" si="35"/>
        <v>■</v>
      </c>
    </row>
    <row r="567" spans="1:40" ht="13.4" customHeight="1">
      <c r="A567" s="20" t="str">
        <f t="shared" si="32"/>
        <v>JD</v>
      </c>
      <c r="B567" s="25"/>
      <c r="C567" s="541">
        <v>30</v>
      </c>
      <c r="D567" s="542"/>
      <c r="E567" s="543" t="s">
        <v>809</v>
      </c>
      <c r="F567" s="544"/>
      <c r="G567" s="544"/>
      <c r="H567" s="544"/>
      <c r="I567" s="544"/>
      <c r="J567" s="544"/>
      <c r="K567" s="544"/>
      <c r="L567" s="544"/>
      <c r="M567" s="544"/>
      <c r="N567" s="544"/>
      <c r="O567" s="544"/>
      <c r="P567" s="544"/>
      <c r="Q567" s="544"/>
      <c r="R567" s="544"/>
      <c r="S567" s="544"/>
      <c r="T567" s="545"/>
      <c r="U567" s="221" t="s">
        <v>674</v>
      </c>
      <c r="V567" s="546" t="s">
        <v>107</v>
      </c>
      <c r="W567" s="547"/>
      <c r="X567" s="547"/>
      <c r="Y567" s="547"/>
      <c r="Z567" s="548"/>
      <c r="AA567" s="546" t="s">
        <v>108</v>
      </c>
      <c r="AB567" s="547"/>
      <c r="AC567" s="548"/>
      <c r="AD567" s="415">
        <v>1</v>
      </c>
      <c r="AE567" s="415">
        <v>0</v>
      </c>
      <c r="AF567" s="541"/>
      <c r="AG567" s="542"/>
      <c r="AH567" s="549"/>
      <c r="AI567" s="550"/>
      <c r="AJ567" s="551"/>
      <c r="AK567" s="332"/>
      <c r="AL567" s="329"/>
      <c r="AM567" s="16"/>
      <c r="AN567" s="3" t="str">
        <f t="shared" si="35"/>
        <v>■</v>
      </c>
    </row>
    <row r="568" spans="1:40" ht="13.4" customHeight="1">
      <c r="A568" s="20" t="str">
        <f t="shared" si="32"/>
        <v>JD</v>
      </c>
      <c r="B568" s="25"/>
      <c r="C568" s="541">
        <v>31</v>
      </c>
      <c r="D568" s="542"/>
      <c r="E568" s="543" t="s">
        <v>810</v>
      </c>
      <c r="F568" s="544"/>
      <c r="G568" s="544"/>
      <c r="H568" s="544"/>
      <c r="I568" s="544"/>
      <c r="J568" s="544"/>
      <c r="K568" s="544"/>
      <c r="L568" s="544"/>
      <c r="M568" s="544"/>
      <c r="N568" s="544"/>
      <c r="O568" s="544"/>
      <c r="P568" s="544"/>
      <c r="Q568" s="544"/>
      <c r="R568" s="544"/>
      <c r="S568" s="544"/>
      <c r="T568" s="545"/>
      <c r="U568" s="221" t="s">
        <v>676</v>
      </c>
      <c r="V568" s="546" t="s">
        <v>107</v>
      </c>
      <c r="W568" s="547"/>
      <c r="X568" s="547"/>
      <c r="Y568" s="547"/>
      <c r="Z568" s="548"/>
      <c r="AA568" s="546" t="s">
        <v>108</v>
      </c>
      <c r="AB568" s="547"/>
      <c r="AC568" s="548"/>
      <c r="AD568" s="415">
        <v>1</v>
      </c>
      <c r="AE568" s="415">
        <v>0</v>
      </c>
      <c r="AF568" s="541"/>
      <c r="AG568" s="542"/>
      <c r="AH568" s="549"/>
      <c r="AI568" s="550"/>
      <c r="AJ568" s="551"/>
      <c r="AK568" s="332"/>
      <c r="AL568" s="329"/>
      <c r="AM568" s="16"/>
      <c r="AN568" s="3" t="str">
        <f t="shared" si="35"/>
        <v>■</v>
      </c>
    </row>
    <row r="569" spans="1:40" ht="13.4" customHeight="1">
      <c r="A569" s="20" t="str">
        <f t="shared" si="32"/>
        <v>JD</v>
      </c>
      <c r="B569" s="25"/>
      <c r="C569" s="541">
        <v>32</v>
      </c>
      <c r="D569" s="542"/>
      <c r="E569" s="543" t="s">
        <v>811</v>
      </c>
      <c r="F569" s="544"/>
      <c r="G569" s="544"/>
      <c r="H569" s="544"/>
      <c r="I569" s="544"/>
      <c r="J569" s="544"/>
      <c r="K569" s="544"/>
      <c r="L569" s="544"/>
      <c r="M569" s="544"/>
      <c r="N569" s="544"/>
      <c r="O569" s="544"/>
      <c r="P569" s="544"/>
      <c r="Q569" s="544"/>
      <c r="R569" s="544"/>
      <c r="S569" s="544"/>
      <c r="T569" s="545"/>
      <c r="U569" s="221" t="s">
        <v>678</v>
      </c>
      <c r="V569" s="546" t="s">
        <v>107</v>
      </c>
      <c r="W569" s="547"/>
      <c r="X569" s="547"/>
      <c r="Y569" s="547"/>
      <c r="Z569" s="548"/>
      <c r="AA569" s="546" t="s">
        <v>108</v>
      </c>
      <c r="AB569" s="547"/>
      <c r="AC569" s="548"/>
      <c r="AD569" s="415">
        <v>1</v>
      </c>
      <c r="AE569" s="415">
        <v>0</v>
      </c>
      <c r="AF569" s="541"/>
      <c r="AG569" s="542"/>
      <c r="AH569" s="549"/>
      <c r="AI569" s="550"/>
      <c r="AJ569" s="551"/>
      <c r="AK569" s="332"/>
      <c r="AL569" s="329"/>
      <c r="AM569" s="16"/>
      <c r="AN569" s="3" t="str">
        <f t="shared" si="35"/>
        <v>■</v>
      </c>
    </row>
    <row r="570" spans="1:40" ht="13.4" customHeight="1">
      <c r="A570" s="20" t="str">
        <f t="shared" si="32"/>
        <v>JD</v>
      </c>
      <c r="B570" s="25"/>
      <c r="C570" s="541">
        <v>33</v>
      </c>
      <c r="D570" s="542"/>
      <c r="E570" s="543" t="s">
        <v>812</v>
      </c>
      <c r="F570" s="544"/>
      <c r="G570" s="544"/>
      <c r="H570" s="544"/>
      <c r="I570" s="544"/>
      <c r="J570" s="544"/>
      <c r="K570" s="544"/>
      <c r="L570" s="544"/>
      <c r="M570" s="544"/>
      <c r="N570" s="544"/>
      <c r="O570" s="544"/>
      <c r="P570" s="544"/>
      <c r="Q570" s="544"/>
      <c r="R570" s="544"/>
      <c r="S570" s="544"/>
      <c r="T570" s="545"/>
      <c r="U570" s="221" t="s">
        <v>680</v>
      </c>
      <c r="V570" s="546" t="s">
        <v>107</v>
      </c>
      <c r="W570" s="547"/>
      <c r="X570" s="547"/>
      <c r="Y570" s="547"/>
      <c r="Z570" s="548"/>
      <c r="AA570" s="546" t="s">
        <v>108</v>
      </c>
      <c r="AB570" s="547"/>
      <c r="AC570" s="548"/>
      <c r="AD570" s="415">
        <v>1</v>
      </c>
      <c r="AE570" s="415">
        <v>0</v>
      </c>
      <c r="AF570" s="541"/>
      <c r="AG570" s="542"/>
      <c r="AH570" s="549"/>
      <c r="AI570" s="550"/>
      <c r="AJ570" s="551"/>
      <c r="AK570" s="332"/>
      <c r="AL570" s="329"/>
      <c r="AM570" s="16"/>
      <c r="AN570" s="3" t="str">
        <f t="shared" si="35"/>
        <v>■</v>
      </c>
    </row>
    <row r="571" spans="1:40" ht="13.4" customHeight="1">
      <c r="A571" s="20" t="str">
        <f t="shared" si="32"/>
        <v>JD</v>
      </c>
      <c r="B571" s="25"/>
      <c r="C571" s="541">
        <v>34</v>
      </c>
      <c r="D571" s="542"/>
      <c r="E571" s="543" t="s">
        <v>813</v>
      </c>
      <c r="F571" s="544"/>
      <c r="G571" s="544"/>
      <c r="H571" s="544"/>
      <c r="I571" s="544"/>
      <c r="J571" s="544"/>
      <c r="K571" s="544"/>
      <c r="L571" s="544"/>
      <c r="M571" s="544"/>
      <c r="N571" s="544"/>
      <c r="O571" s="544"/>
      <c r="P571" s="544"/>
      <c r="Q571" s="544"/>
      <c r="R571" s="544"/>
      <c r="S571" s="544"/>
      <c r="T571" s="545"/>
      <c r="U571" s="221" t="s">
        <v>682</v>
      </c>
      <c r="V571" s="546" t="s">
        <v>107</v>
      </c>
      <c r="W571" s="547"/>
      <c r="X571" s="547"/>
      <c r="Y571" s="547"/>
      <c r="Z571" s="548"/>
      <c r="AA571" s="546" t="s">
        <v>108</v>
      </c>
      <c r="AB571" s="547"/>
      <c r="AC571" s="548"/>
      <c r="AD571" s="415">
        <v>1</v>
      </c>
      <c r="AE571" s="415">
        <v>0</v>
      </c>
      <c r="AF571" s="541"/>
      <c r="AG571" s="542"/>
      <c r="AH571" s="549"/>
      <c r="AI571" s="550"/>
      <c r="AJ571" s="551"/>
      <c r="AK571" s="332"/>
      <c r="AL571" s="329"/>
      <c r="AM571" s="16"/>
      <c r="AN571" s="3" t="str">
        <f t="shared" si="35"/>
        <v>■</v>
      </c>
    </row>
    <row r="572" spans="1:40" ht="13.4" customHeight="1">
      <c r="A572" s="20" t="str">
        <f t="shared" ref="A572:A635" si="36">IF(LEN(J572)&gt;0,MID(J572,FIND("（",J572,1)+1,2),A571)</f>
        <v>JD</v>
      </c>
      <c r="B572" s="25"/>
      <c r="C572" s="541">
        <v>35</v>
      </c>
      <c r="D572" s="542"/>
      <c r="E572" s="543" t="s">
        <v>814</v>
      </c>
      <c r="F572" s="544"/>
      <c r="G572" s="544"/>
      <c r="H572" s="544"/>
      <c r="I572" s="544"/>
      <c r="J572" s="544"/>
      <c r="K572" s="544"/>
      <c r="L572" s="544"/>
      <c r="M572" s="544"/>
      <c r="N572" s="544"/>
      <c r="O572" s="544"/>
      <c r="P572" s="544"/>
      <c r="Q572" s="544"/>
      <c r="R572" s="544"/>
      <c r="S572" s="544"/>
      <c r="T572" s="545"/>
      <c r="U572" s="221" t="s">
        <v>684</v>
      </c>
      <c r="V572" s="546" t="s">
        <v>107</v>
      </c>
      <c r="W572" s="547"/>
      <c r="X572" s="547"/>
      <c r="Y572" s="547"/>
      <c r="Z572" s="548"/>
      <c r="AA572" s="546" t="s">
        <v>108</v>
      </c>
      <c r="AB572" s="547"/>
      <c r="AC572" s="548"/>
      <c r="AD572" s="415">
        <v>1</v>
      </c>
      <c r="AE572" s="415">
        <v>0</v>
      </c>
      <c r="AF572" s="541"/>
      <c r="AG572" s="542"/>
      <c r="AH572" s="549"/>
      <c r="AI572" s="550"/>
      <c r="AJ572" s="551"/>
      <c r="AK572" s="332"/>
      <c r="AL572" s="329"/>
      <c r="AM572" s="16"/>
      <c r="AN572" s="3" t="str">
        <f t="shared" si="35"/>
        <v>■</v>
      </c>
    </row>
    <row r="573" spans="1:40" ht="13.4" customHeight="1">
      <c r="A573" s="20" t="str">
        <f t="shared" si="36"/>
        <v>JD</v>
      </c>
      <c r="B573" s="25"/>
      <c r="C573" s="541">
        <v>36</v>
      </c>
      <c r="D573" s="542"/>
      <c r="E573" s="543" t="s">
        <v>815</v>
      </c>
      <c r="F573" s="544"/>
      <c r="G573" s="544"/>
      <c r="H573" s="544"/>
      <c r="I573" s="544"/>
      <c r="J573" s="544"/>
      <c r="K573" s="544"/>
      <c r="L573" s="544"/>
      <c r="M573" s="544"/>
      <c r="N573" s="544"/>
      <c r="O573" s="544"/>
      <c r="P573" s="544"/>
      <c r="Q573" s="544"/>
      <c r="R573" s="544"/>
      <c r="S573" s="544"/>
      <c r="T573" s="545"/>
      <c r="U573" s="221" t="s">
        <v>686</v>
      </c>
      <c r="V573" s="546" t="s">
        <v>107</v>
      </c>
      <c r="W573" s="547"/>
      <c r="X573" s="547"/>
      <c r="Y573" s="547"/>
      <c r="Z573" s="548"/>
      <c r="AA573" s="546" t="s">
        <v>108</v>
      </c>
      <c r="AB573" s="547"/>
      <c r="AC573" s="548"/>
      <c r="AD573" s="415">
        <v>1</v>
      </c>
      <c r="AE573" s="415">
        <v>0</v>
      </c>
      <c r="AF573" s="541"/>
      <c r="AG573" s="542"/>
      <c r="AH573" s="549"/>
      <c r="AI573" s="550"/>
      <c r="AJ573" s="551"/>
      <c r="AK573" s="332"/>
      <c r="AL573" s="329"/>
      <c r="AM573" s="16"/>
      <c r="AN573" s="3" t="str">
        <f t="shared" si="35"/>
        <v>■</v>
      </c>
    </row>
    <row r="574" spans="1:40" ht="13.4" customHeight="1">
      <c r="A574" s="20" t="str">
        <f t="shared" si="36"/>
        <v>JD</v>
      </c>
      <c r="B574" s="25"/>
      <c r="C574" s="541">
        <v>37</v>
      </c>
      <c r="D574" s="542"/>
      <c r="E574" s="543" t="s">
        <v>816</v>
      </c>
      <c r="F574" s="544"/>
      <c r="G574" s="544"/>
      <c r="H574" s="544"/>
      <c r="I574" s="544"/>
      <c r="J574" s="544"/>
      <c r="K574" s="544"/>
      <c r="L574" s="544"/>
      <c r="M574" s="544"/>
      <c r="N574" s="544"/>
      <c r="O574" s="544"/>
      <c r="P574" s="544"/>
      <c r="Q574" s="544"/>
      <c r="R574" s="544"/>
      <c r="S574" s="544"/>
      <c r="T574" s="545"/>
      <c r="U574" s="221" t="s">
        <v>688</v>
      </c>
      <c r="V574" s="546" t="s">
        <v>107</v>
      </c>
      <c r="W574" s="547"/>
      <c r="X574" s="547"/>
      <c r="Y574" s="547"/>
      <c r="Z574" s="548"/>
      <c r="AA574" s="546" t="s">
        <v>108</v>
      </c>
      <c r="AB574" s="547"/>
      <c r="AC574" s="548"/>
      <c r="AD574" s="415">
        <v>1</v>
      </c>
      <c r="AE574" s="415">
        <v>0</v>
      </c>
      <c r="AF574" s="541"/>
      <c r="AG574" s="542"/>
      <c r="AH574" s="549"/>
      <c r="AI574" s="550"/>
      <c r="AJ574" s="551"/>
      <c r="AK574" s="332"/>
      <c r="AL574" s="329"/>
      <c r="AM574" s="16"/>
      <c r="AN574" s="3" t="str">
        <f t="shared" si="35"/>
        <v>■</v>
      </c>
    </row>
    <row r="575" spans="1:40" ht="13.4" customHeight="1">
      <c r="A575" s="20" t="str">
        <f t="shared" si="36"/>
        <v>JD</v>
      </c>
      <c r="B575" s="25"/>
      <c r="C575" s="541">
        <v>38</v>
      </c>
      <c r="D575" s="542"/>
      <c r="E575" s="543" t="s">
        <v>817</v>
      </c>
      <c r="F575" s="544"/>
      <c r="G575" s="544"/>
      <c r="H575" s="544"/>
      <c r="I575" s="544"/>
      <c r="J575" s="544"/>
      <c r="K575" s="544"/>
      <c r="L575" s="544"/>
      <c r="M575" s="544"/>
      <c r="N575" s="544"/>
      <c r="O575" s="544"/>
      <c r="P575" s="544"/>
      <c r="Q575" s="544"/>
      <c r="R575" s="544"/>
      <c r="S575" s="544"/>
      <c r="T575" s="545"/>
      <c r="U575" s="221" t="s">
        <v>453</v>
      </c>
      <c r="V575" s="546" t="s">
        <v>107</v>
      </c>
      <c r="W575" s="547"/>
      <c r="X575" s="547"/>
      <c r="Y575" s="547"/>
      <c r="Z575" s="548"/>
      <c r="AA575" s="546" t="s">
        <v>102</v>
      </c>
      <c r="AB575" s="547"/>
      <c r="AC575" s="548"/>
      <c r="AD575" s="415">
        <v>6</v>
      </c>
      <c r="AE575" s="415" t="s">
        <v>103</v>
      </c>
      <c r="AF575" s="541"/>
      <c r="AG575" s="542"/>
      <c r="AH575" s="549"/>
      <c r="AI575" s="550"/>
      <c r="AJ575" s="551"/>
      <c r="AK575" s="332"/>
      <c r="AL575" s="329"/>
      <c r="AM575" s="16"/>
      <c r="AN575" s="3" t="str">
        <f t="shared" si="35"/>
        <v>■</v>
      </c>
    </row>
    <row r="576" spans="1:40" ht="13.4" customHeight="1">
      <c r="A576" s="20" t="str">
        <f t="shared" si="36"/>
        <v>JD</v>
      </c>
      <c r="B576" s="25"/>
      <c r="C576" s="541">
        <v>39</v>
      </c>
      <c r="D576" s="542"/>
      <c r="E576" s="543" t="s">
        <v>411</v>
      </c>
      <c r="F576" s="544"/>
      <c r="G576" s="544"/>
      <c r="H576" s="544"/>
      <c r="I576" s="544"/>
      <c r="J576" s="544"/>
      <c r="K576" s="544"/>
      <c r="L576" s="544"/>
      <c r="M576" s="544"/>
      <c r="N576" s="544"/>
      <c r="O576" s="544"/>
      <c r="P576" s="544"/>
      <c r="Q576" s="544"/>
      <c r="R576" s="544"/>
      <c r="S576" s="544"/>
      <c r="T576" s="545"/>
      <c r="U576" s="221" t="s">
        <v>516</v>
      </c>
      <c r="V576" s="546" t="s">
        <v>107</v>
      </c>
      <c r="W576" s="547"/>
      <c r="X576" s="547"/>
      <c r="Y576" s="547"/>
      <c r="Z576" s="548"/>
      <c r="AA576" s="546" t="s">
        <v>102</v>
      </c>
      <c r="AB576" s="547"/>
      <c r="AC576" s="548"/>
      <c r="AD576" s="415">
        <v>6</v>
      </c>
      <c r="AE576" s="415" t="s">
        <v>103</v>
      </c>
      <c r="AF576" s="541"/>
      <c r="AG576" s="542"/>
      <c r="AH576" s="549"/>
      <c r="AI576" s="550"/>
      <c r="AJ576" s="551"/>
      <c r="AK576" s="332"/>
      <c r="AL576" s="329"/>
      <c r="AM576" s="16"/>
      <c r="AN576" s="3" t="str">
        <f t="shared" si="35"/>
        <v>■</v>
      </c>
    </row>
    <row r="577" spans="1:40" ht="13.4" customHeight="1">
      <c r="A577" s="20" t="str">
        <f t="shared" si="36"/>
        <v>JD</v>
      </c>
      <c r="B577" s="25"/>
      <c r="C577" s="122"/>
      <c r="D577" s="122"/>
      <c r="E577" s="208"/>
      <c r="F577" s="208"/>
      <c r="G577" s="208"/>
      <c r="H577" s="208"/>
      <c r="I577" s="208"/>
      <c r="J577" s="208"/>
      <c r="K577" s="208"/>
      <c r="L577" s="208"/>
      <c r="M577" s="208"/>
      <c r="N577" s="208"/>
      <c r="O577" s="208"/>
      <c r="P577" s="208"/>
      <c r="Q577" s="208"/>
      <c r="R577" s="208"/>
      <c r="S577" s="208"/>
      <c r="T577" s="208"/>
      <c r="U577" s="214"/>
      <c r="V577" s="205"/>
      <c r="W577" s="205"/>
      <c r="X577" s="205"/>
      <c r="Y577" s="205"/>
      <c r="Z577" s="205"/>
      <c r="AA577" s="205"/>
      <c r="AB577" s="205"/>
      <c r="AC577" s="205"/>
      <c r="AD577" s="206"/>
      <c r="AE577" s="206"/>
      <c r="AF577" s="326"/>
      <c r="AG577" s="412"/>
      <c r="AH577" s="238"/>
      <c r="AI577" s="238"/>
      <c r="AJ577" s="238"/>
      <c r="AK577" s="26"/>
      <c r="AL577" s="29"/>
      <c r="AM577" s="16"/>
    </row>
    <row r="578" spans="1:40" ht="13.4" customHeight="1">
      <c r="A578" s="20" t="str">
        <f t="shared" si="36"/>
        <v>MF</v>
      </c>
      <c r="B578" s="25"/>
      <c r="C578" s="52" t="s">
        <v>380</v>
      </c>
      <c r="D578" s="122"/>
      <c r="E578" s="208"/>
      <c r="F578" s="208"/>
      <c r="G578" s="208"/>
      <c r="H578" s="208"/>
      <c r="I578" s="208"/>
      <c r="J578" s="26" t="s">
        <v>818</v>
      </c>
      <c r="K578" s="208"/>
      <c r="L578" s="208"/>
      <c r="M578" s="208"/>
      <c r="N578" s="208"/>
      <c r="O578" s="208"/>
      <c r="P578" s="208"/>
      <c r="Q578" s="208"/>
      <c r="R578" s="208"/>
      <c r="S578" s="208"/>
      <c r="T578" s="208"/>
      <c r="U578" s="214" t="s">
        <v>819</v>
      </c>
      <c r="V578" s="205"/>
      <c r="W578" s="205"/>
      <c r="X578" s="205"/>
      <c r="Y578" s="205"/>
      <c r="Z578" s="205"/>
      <c r="AA578" s="205"/>
      <c r="AB578" s="205"/>
      <c r="AC578" s="205"/>
      <c r="AD578" s="206"/>
      <c r="AE578" s="206"/>
      <c r="AF578" s="326"/>
      <c r="AG578" s="239"/>
      <c r="AH578" s="238"/>
      <c r="AI578" s="238"/>
      <c r="AJ578" s="238"/>
      <c r="AK578" s="26"/>
      <c r="AL578" s="29"/>
      <c r="AM578" s="16"/>
    </row>
    <row r="579" spans="1:40" ht="13.4" customHeight="1">
      <c r="A579" s="20" t="str">
        <f t="shared" si="36"/>
        <v>MF</v>
      </c>
      <c r="B579" s="25"/>
      <c r="C579" s="571" t="s">
        <v>73</v>
      </c>
      <c r="D579" s="573"/>
      <c r="E579" s="571" t="s">
        <v>94</v>
      </c>
      <c r="F579" s="571"/>
      <c r="G579" s="571"/>
      <c r="H579" s="571"/>
      <c r="I579" s="571"/>
      <c r="J579" s="571"/>
      <c r="K579" s="571"/>
      <c r="L579" s="571"/>
      <c r="M579" s="571"/>
      <c r="N579" s="571"/>
      <c r="O579" s="571"/>
      <c r="P579" s="571"/>
      <c r="Q579" s="571"/>
      <c r="R579" s="571"/>
      <c r="S579" s="571"/>
      <c r="T579" s="571"/>
      <c r="U579" s="226" t="s">
        <v>383</v>
      </c>
      <c r="V579" s="574" t="s">
        <v>138</v>
      </c>
      <c r="W579" s="574"/>
      <c r="X579" s="574"/>
      <c r="Y579" s="574"/>
      <c r="Z579" s="574"/>
      <c r="AA579" s="575" t="s">
        <v>415</v>
      </c>
      <c r="AB579" s="576"/>
      <c r="AC579" s="577"/>
      <c r="AD579" s="493" t="s">
        <v>97</v>
      </c>
      <c r="AE579" s="493"/>
      <c r="AF579" s="574" t="s">
        <v>98</v>
      </c>
      <c r="AG579" s="574"/>
      <c r="AH579" s="571" t="s">
        <v>75</v>
      </c>
      <c r="AI579" s="571"/>
      <c r="AJ579" s="571"/>
      <c r="AK579" s="572" t="s">
        <v>159</v>
      </c>
      <c r="AL579" s="329"/>
      <c r="AM579" s="16"/>
    </row>
    <row r="580" spans="1:40" ht="13.4" customHeight="1">
      <c r="A580" s="20" t="str">
        <f t="shared" si="36"/>
        <v>MF</v>
      </c>
      <c r="B580" s="25"/>
      <c r="C580" s="573"/>
      <c r="D580" s="573"/>
      <c r="E580" s="571"/>
      <c r="F580" s="571"/>
      <c r="G580" s="571"/>
      <c r="H580" s="571"/>
      <c r="I580" s="571"/>
      <c r="J580" s="571"/>
      <c r="K580" s="571"/>
      <c r="L580" s="571"/>
      <c r="M580" s="571"/>
      <c r="N580" s="571"/>
      <c r="O580" s="571"/>
      <c r="P580" s="571"/>
      <c r="Q580" s="571"/>
      <c r="R580" s="571"/>
      <c r="S580" s="571"/>
      <c r="T580" s="571"/>
      <c r="U580" s="227"/>
      <c r="V580" s="574"/>
      <c r="W580" s="574"/>
      <c r="X580" s="574"/>
      <c r="Y580" s="574"/>
      <c r="Z580" s="574"/>
      <c r="AA580" s="578"/>
      <c r="AB580" s="579"/>
      <c r="AC580" s="580"/>
      <c r="AD580" s="493"/>
      <c r="AE580" s="493"/>
      <c r="AF580" s="574"/>
      <c r="AG580" s="574"/>
      <c r="AH580" s="571"/>
      <c r="AI580" s="571"/>
      <c r="AJ580" s="571"/>
      <c r="AK580" s="572"/>
      <c r="AL580" s="329"/>
      <c r="AM580" s="16"/>
    </row>
    <row r="581" spans="1:40" ht="13.4" customHeight="1">
      <c r="A581" s="20" t="str">
        <f t="shared" si="36"/>
        <v>MF</v>
      </c>
      <c r="B581" s="25"/>
      <c r="C581" s="541">
        <v>1</v>
      </c>
      <c r="D581" s="542"/>
      <c r="E581" s="563" t="s">
        <v>440</v>
      </c>
      <c r="F581" s="564"/>
      <c r="G581" s="564"/>
      <c r="H581" s="564"/>
      <c r="I581" s="564"/>
      <c r="J581" s="564"/>
      <c r="K581" s="564"/>
      <c r="L581" s="564"/>
      <c r="M581" s="564"/>
      <c r="N581" s="564"/>
      <c r="O581" s="564"/>
      <c r="P581" s="564"/>
      <c r="Q581" s="564"/>
      <c r="R581" s="564"/>
      <c r="S581" s="564"/>
      <c r="T581" s="565"/>
      <c r="U581" s="219" t="s">
        <v>441</v>
      </c>
      <c r="V581" s="546" t="s">
        <v>101</v>
      </c>
      <c r="W581" s="547"/>
      <c r="X581" s="547"/>
      <c r="Y581" s="547"/>
      <c r="Z581" s="548"/>
      <c r="AA581" s="546" t="s">
        <v>102</v>
      </c>
      <c r="AB581" s="547"/>
      <c r="AC581" s="548"/>
      <c r="AD581" s="415">
        <v>10</v>
      </c>
      <c r="AE581" s="415" t="s">
        <v>103</v>
      </c>
      <c r="AF581" s="541"/>
      <c r="AG581" s="542"/>
      <c r="AH581" s="549"/>
      <c r="AI581" s="550"/>
      <c r="AJ581" s="551"/>
      <c r="AK581" s="332"/>
      <c r="AL581" s="329"/>
      <c r="AM581" s="16"/>
      <c r="AN581" s="3" t="str">
        <f>$M$22</f>
        <v>■</v>
      </c>
    </row>
    <row r="582" spans="1:40" ht="13.4" customHeight="1">
      <c r="A582" s="20" t="str">
        <f t="shared" si="36"/>
        <v>MF</v>
      </c>
      <c r="B582" s="25"/>
      <c r="C582" s="541">
        <v>2</v>
      </c>
      <c r="D582" s="542"/>
      <c r="E582" s="563" t="s">
        <v>442</v>
      </c>
      <c r="F582" s="564"/>
      <c r="G582" s="564"/>
      <c r="H582" s="564"/>
      <c r="I582" s="564"/>
      <c r="J582" s="564"/>
      <c r="K582" s="564"/>
      <c r="L582" s="564"/>
      <c r="M582" s="564"/>
      <c r="N582" s="564"/>
      <c r="O582" s="564"/>
      <c r="P582" s="564"/>
      <c r="Q582" s="564"/>
      <c r="R582" s="564"/>
      <c r="S582" s="564"/>
      <c r="T582" s="565"/>
      <c r="U582" s="219" t="s">
        <v>443</v>
      </c>
      <c r="V582" s="546" t="s">
        <v>101</v>
      </c>
      <c r="W582" s="547"/>
      <c r="X582" s="547"/>
      <c r="Y582" s="547"/>
      <c r="Z582" s="548"/>
      <c r="AA582" s="546" t="s">
        <v>102</v>
      </c>
      <c r="AB582" s="547"/>
      <c r="AC582" s="548"/>
      <c r="AD582" s="415">
        <v>51</v>
      </c>
      <c r="AE582" s="415" t="s">
        <v>103</v>
      </c>
      <c r="AF582" s="541"/>
      <c r="AG582" s="542"/>
      <c r="AH582" s="549"/>
      <c r="AI582" s="550"/>
      <c r="AJ582" s="551"/>
      <c r="AK582" s="332"/>
      <c r="AL582" s="329"/>
      <c r="AM582" s="16"/>
      <c r="AN582" s="3" t="str">
        <f t="shared" ref="AN582:AN619" si="37">$M$22</f>
        <v>■</v>
      </c>
    </row>
    <row r="583" spans="1:40" ht="13.4" customHeight="1">
      <c r="A583" s="20" t="str">
        <f t="shared" si="36"/>
        <v>MF</v>
      </c>
      <c r="B583" s="25"/>
      <c r="C583" s="552">
        <v>3</v>
      </c>
      <c r="D583" s="553"/>
      <c r="E583" s="566" t="s">
        <v>106</v>
      </c>
      <c r="F583" s="567"/>
      <c r="G583" s="567"/>
      <c r="H583" s="567"/>
      <c r="I583" s="567"/>
      <c r="J583" s="567"/>
      <c r="K583" s="567"/>
      <c r="L583" s="567"/>
      <c r="M583" s="567"/>
      <c r="N583" s="567"/>
      <c r="O583" s="567"/>
      <c r="P583" s="567"/>
      <c r="Q583" s="567"/>
      <c r="R583" s="567"/>
      <c r="S583" s="567"/>
      <c r="T583" s="568"/>
      <c r="U583" s="220" t="s">
        <v>444</v>
      </c>
      <c r="V583" s="557" t="s">
        <v>107</v>
      </c>
      <c r="W583" s="558"/>
      <c r="X583" s="558"/>
      <c r="Y583" s="558"/>
      <c r="Z583" s="559"/>
      <c r="AA583" s="557" t="s">
        <v>108</v>
      </c>
      <c r="AB583" s="558"/>
      <c r="AC583" s="559"/>
      <c r="AD583" s="419">
        <v>1</v>
      </c>
      <c r="AE583" s="419">
        <v>0</v>
      </c>
      <c r="AF583" s="552" t="s">
        <v>109</v>
      </c>
      <c r="AG583" s="553"/>
      <c r="AH583" s="560"/>
      <c r="AI583" s="561"/>
      <c r="AJ583" s="562"/>
      <c r="AK583" s="333" t="s">
        <v>416</v>
      </c>
      <c r="AL583" s="329"/>
      <c r="AM583" s="16"/>
      <c r="AN583" s="3" t="str">
        <f t="shared" si="37"/>
        <v>■</v>
      </c>
    </row>
    <row r="584" spans="1:40" ht="13.4" customHeight="1">
      <c r="A584" s="20" t="str">
        <f t="shared" si="36"/>
        <v>MF</v>
      </c>
      <c r="B584" s="25"/>
      <c r="C584" s="541">
        <v>4</v>
      </c>
      <c r="D584" s="542"/>
      <c r="E584" s="563" t="s">
        <v>110</v>
      </c>
      <c r="F584" s="564"/>
      <c r="G584" s="564"/>
      <c r="H584" s="564"/>
      <c r="I584" s="564"/>
      <c r="J584" s="564"/>
      <c r="K584" s="564"/>
      <c r="L584" s="564"/>
      <c r="M584" s="564"/>
      <c r="N584" s="564"/>
      <c r="O584" s="564"/>
      <c r="P584" s="564"/>
      <c r="Q584" s="564"/>
      <c r="R584" s="564"/>
      <c r="S584" s="564"/>
      <c r="T584" s="565"/>
      <c r="U584" s="221" t="s">
        <v>445</v>
      </c>
      <c r="V584" s="546" t="s">
        <v>107</v>
      </c>
      <c r="W584" s="547"/>
      <c r="X584" s="547"/>
      <c r="Y584" s="547"/>
      <c r="Z584" s="548"/>
      <c r="AA584" s="546" t="s">
        <v>108</v>
      </c>
      <c r="AB584" s="547"/>
      <c r="AC584" s="548"/>
      <c r="AD584" s="415">
        <v>1</v>
      </c>
      <c r="AE584" s="415">
        <v>0</v>
      </c>
      <c r="AF584" s="541"/>
      <c r="AG584" s="542"/>
      <c r="AH584" s="549"/>
      <c r="AI584" s="550"/>
      <c r="AJ584" s="551"/>
      <c r="AK584" s="332"/>
      <c r="AL584" s="329"/>
      <c r="AM584" s="16"/>
      <c r="AN584" s="3" t="str">
        <f t="shared" si="37"/>
        <v>■</v>
      </c>
    </row>
    <row r="585" spans="1:40" ht="13.4" customHeight="1">
      <c r="A585" s="20" t="str">
        <f t="shared" si="36"/>
        <v>MF</v>
      </c>
      <c r="B585" s="25"/>
      <c r="C585" s="541">
        <v>5</v>
      </c>
      <c r="D585" s="542"/>
      <c r="E585" s="543" t="s">
        <v>80</v>
      </c>
      <c r="F585" s="544"/>
      <c r="G585" s="544"/>
      <c r="H585" s="544"/>
      <c r="I585" s="544"/>
      <c r="J585" s="544"/>
      <c r="K585" s="544"/>
      <c r="L585" s="544"/>
      <c r="M585" s="544"/>
      <c r="N585" s="544"/>
      <c r="O585" s="544"/>
      <c r="P585" s="544"/>
      <c r="Q585" s="544"/>
      <c r="R585" s="544"/>
      <c r="S585" s="544"/>
      <c r="T585" s="545"/>
      <c r="U585" s="221" t="s">
        <v>446</v>
      </c>
      <c r="V585" s="546" t="s">
        <v>101</v>
      </c>
      <c r="W585" s="547"/>
      <c r="X585" s="547"/>
      <c r="Y585" s="547"/>
      <c r="Z585" s="548"/>
      <c r="AA585" s="546" t="s">
        <v>102</v>
      </c>
      <c r="AB585" s="547"/>
      <c r="AC585" s="548"/>
      <c r="AD585" s="415">
        <v>2</v>
      </c>
      <c r="AE585" s="415" t="s">
        <v>103</v>
      </c>
      <c r="AF585" s="541"/>
      <c r="AG585" s="542"/>
      <c r="AH585" s="549"/>
      <c r="AI585" s="550"/>
      <c r="AJ585" s="551"/>
      <c r="AK585" s="332"/>
      <c r="AL585" s="329"/>
      <c r="AM585" s="16"/>
      <c r="AN585" s="3" t="str">
        <f t="shared" si="37"/>
        <v>■</v>
      </c>
    </row>
    <row r="586" spans="1:40" ht="13.4" customHeight="1">
      <c r="A586" s="20" t="str">
        <f t="shared" si="36"/>
        <v>MF</v>
      </c>
      <c r="B586" s="25"/>
      <c r="C586" s="541">
        <v>6</v>
      </c>
      <c r="D586" s="542"/>
      <c r="E586" s="543" t="s">
        <v>820</v>
      </c>
      <c r="F586" s="544"/>
      <c r="G586" s="544"/>
      <c r="H586" s="544"/>
      <c r="I586" s="544"/>
      <c r="J586" s="544"/>
      <c r="K586" s="544"/>
      <c r="L586" s="544"/>
      <c r="M586" s="544"/>
      <c r="N586" s="544"/>
      <c r="O586" s="544"/>
      <c r="P586" s="544"/>
      <c r="Q586" s="544"/>
      <c r="R586" s="544"/>
      <c r="S586" s="544"/>
      <c r="T586" s="545"/>
      <c r="U586" s="221" t="s">
        <v>821</v>
      </c>
      <c r="V586" s="546" t="s">
        <v>107</v>
      </c>
      <c r="W586" s="547"/>
      <c r="X586" s="547"/>
      <c r="Y586" s="547"/>
      <c r="Z586" s="548"/>
      <c r="AA586" s="546" t="s">
        <v>102</v>
      </c>
      <c r="AB586" s="547"/>
      <c r="AC586" s="548"/>
      <c r="AD586" s="415">
        <v>2</v>
      </c>
      <c r="AE586" s="415" t="s">
        <v>103</v>
      </c>
      <c r="AF586" s="541"/>
      <c r="AG586" s="542"/>
      <c r="AH586" s="549"/>
      <c r="AI586" s="550"/>
      <c r="AJ586" s="551"/>
      <c r="AK586" s="332"/>
      <c r="AL586" s="329"/>
      <c r="AM586" s="16"/>
      <c r="AN586" s="3" t="str">
        <f t="shared" si="37"/>
        <v>■</v>
      </c>
    </row>
    <row r="587" spans="1:40" ht="13.4" customHeight="1">
      <c r="A587" s="20" t="str">
        <f t="shared" si="36"/>
        <v>MF</v>
      </c>
      <c r="B587" s="20"/>
      <c r="C587" s="552">
        <v>7</v>
      </c>
      <c r="D587" s="553"/>
      <c r="E587" s="566" t="s">
        <v>822</v>
      </c>
      <c r="F587" s="567"/>
      <c r="G587" s="567"/>
      <c r="H587" s="567"/>
      <c r="I587" s="567"/>
      <c r="J587" s="567"/>
      <c r="K587" s="567"/>
      <c r="L587" s="567"/>
      <c r="M587" s="567"/>
      <c r="N587" s="567"/>
      <c r="O587" s="567"/>
      <c r="P587" s="567"/>
      <c r="Q587" s="567"/>
      <c r="R587" s="567"/>
      <c r="S587" s="567"/>
      <c r="T587" s="568"/>
      <c r="U587" s="220" t="s">
        <v>474</v>
      </c>
      <c r="V587" s="557" t="s">
        <v>107</v>
      </c>
      <c r="W587" s="558"/>
      <c r="X587" s="558"/>
      <c r="Y587" s="558"/>
      <c r="Z587" s="559"/>
      <c r="AA587" s="557" t="s">
        <v>102</v>
      </c>
      <c r="AB587" s="558"/>
      <c r="AC587" s="559"/>
      <c r="AD587" s="419">
        <v>9</v>
      </c>
      <c r="AE587" s="419" t="s">
        <v>103</v>
      </c>
      <c r="AF587" s="552" t="s">
        <v>109</v>
      </c>
      <c r="AG587" s="553"/>
      <c r="AH587" s="560"/>
      <c r="AI587" s="561"/>
      <c r="AJ587" s="562"/>
      <c r="AK587" s="333" t="s">
        <v>399</v>
      </c>
      <c r="AL587" s="329"/>
      <c r="AM587" s="16"/>
      <c r="AN587" s="3" t="str">
        <f t="shared" si="37"/>
        <v>■</v>
      </c>
    </row>
    <row r="588" spans="1:40" ht="13.4" customHeight="1">
      <c r="A588" s="20" t="str">
        <f t="shared" si="36"/>
        <v>MF</v>
      </c>
      <c r="B588" s="20"/>
      <c r="C588" s="552">
        <v>8</v>
      </c>
      <c r="D588" s="553"/>
      <c r="E588" s="566" t="s">
        <v>764</v>
      </c>
      <c r="F588" s="567"/>
      <c r="G588" s="567"/>
      <c r="H588" s="567"/>
      <c r="I588" s="567"/>
      <c r="J588" s="567"/>
      <c r="K588" s="567"/>
      <c r="L588" s="567"/>
      <c r="M588" s="567"/>
      <c r="N588" s="567"/>
      <c r="O588" s="567"/>
      <c r="P588" s="567"/>
      <c r="Q588" s="567"/>
      <c r="R588" s="567"/>
      <c r="S588" s="567"/>
      <c r="T588" s="568"/>
      <c r="U588" s="220" t="s">
        <v>475</v>
      </c>
      <c r="V588" s="557" t="s">
        <v>107</v>
      </c>
      <c r="W588" s="558"/>
      <c r="X588" s="558"/>
      <c r="Y588" s="558"/>
      <c r="Z588" s="559"/>
      <c r="AA588" s="557" t="s">
        <v>102</v>
      </c>
      <c r="AB588" s="558"/>
      <c r="AC588" s="559"/>
      <c r="AD588" s="419">
        <v>9</v>
      </c>
      <c r="AE588" s="419" t="s">
        <v>103</v>
      </c>
      <c r="AF588" s="552" t="s">
        <v>109</v>
      </c>
      <c r="AG588" s="553"/>
      <c r="AH588" s="560"/>
      <c r="AI588" s="561"/>
      <c r="AJ588" s="562"/>
      <c r="AK588" s="333" t="s">
        <v>399</v>
      </c>
      <c r="AL588" s="329"/>
      <c r="AM588" s="16"/>
      <c r="AN588" s="3" t="str">
        <f t="shared" si="37"/>
        <v>■</v>
      </c>
    </row>
    <row r="589" spans="1:40" ht="13.4" customHeight="1">
      <c r="A589" s="20" t="str">
        <f t="shared" si="36"/>
        <v>MF</v>
      </c>
      <c r="B589" s="20"/>
      <c r="C589" s="552">
        <v>9</v>
      </c>
      <c r="D589" s="553"/>
      <c r="E589" s="566" t="s">
        <v>823</v>
      </c>
      <c r="F589" s="567"/>
      <c r="G589" s="567"/>
      <c r="H589" s="567"/>
      <c r="I589" s="567"/>
      <c r="J589" s="567"/>
      <c r="K589" s="567"/>
      <c r="L589" s="567"/>
      <c r="M589" s="567"/>
      <c r="N589" s="567"/>
      <c r="O589" s="567"/>
      <c r="P589" s="567"/>
      <c r="Q589" s="567"/>
      <c r="R589" s="567"/>
      <c r="S589" s="567"/>
      <c r="T589" s="568"/>
      <c r="U589" s="220" t="s">
        <v>765</v>
      </c>
      <c r="V589" s="557" t="s">
        <v>107</v>
      </c>
      <c r="W589" s="558"/>
      <c r="X589" s="558"/>
      <c r="Y589" s="558"/>
      <c r="Z589" s="559"/>
      <c r="AA589" s="557" t="s">
        <v>102</v>
      </c>
      <c r="AB589" s="558"/>
      <c r="AC589" s="559"/>
      <c r="AD589" s="419">
        <v>9</v>
      </c>
      <c r="AE589" s="419" t="s">
        <v>103</v>
      </c>
      <c r="AF589" s="552" t="s">
        <v>109</v>
      </c>
      <c r="AG589" s="553"/>
      <c r="AH589" s="560"/>
      <c r="AI589" s="561"/>
      <c r="AJ589" s="562"/>
      <c r="AK589" s="333" t="s">
        <v>399</v>
      </c>
      <c r="AL589" s="329"/>
      <c r="AM589" s="16"/>
      <c r="AN589" s="3" t="str">
        <f t="shared" si="37"/>
        <v>■</v>
      </c>
    </row>
    <row r="590" spans="1:40" ht="13.4" customHeight="1">
      <c r="A590" s="20" t="str">
        <f t="shared" si="36"/>
        <v>MF</v>
      </c>
      <c r="B590" s="20"/>
      <c r="C590" s="552">
        <v>10</v>
      </c>
      <c r="D590" s="553"/>
      <c r="E590" s="566" t="s">
        <v>824</v>
      </c>
      <c r="F590" s="567"/>
      <c r="G590" s="567"/>
      <c r="H590" s="567"/>
      <c r="I590" s="567"/>
      <c r="J590" s="567"/>
      <c r="K590" s="567"/>
      <c r="L590" s="567"/>
      <c r="M590" s="567"/>
      <c r="N590" s="567"/>
      <c r="O590" s="567"/>
      <c r="P590" s="567"/>
      <c r="Q590" s="567"/>
      <c r="R590" s="567"/>
      <c r="S590" s="567"/>
      <c r="T590" s="568"/>
      <c r="U590" s="220" t="s">
        <v>766</v>
      </c>
      <c r="V590" s="557" t="s">
        <v>107</v>
      </c>
      <c r="W590" s="558"/>
      <c r="X590" s="558"/>
      <c r="Y590" s="558"/>
      <c r="Z590" s="559"/>
      <c r="AA590" s="557" t="s">
        <v>102</v>
      </c>
      <c r="AB590" s="558"/>
      <c r="AC590" s="559"/>
      <c r="AD590" s="419">
        <v>9</v>
      </c>
      <c r="AE590" s="419" t="s">
        <v>103</v>
      </c>
      <c r="AF590" s="552" t="s">
        <v>109</v>
      </c>
      <c r="AG590" s="553"/>
      <c r="AH590" s="560"/>
      <c r="AI590" s="561"/>
      <c r="AJ590" s="562"/>
      <c r="AK590" s="333" t="s">
        <v>399</v>
      </c>
      <c r="AL590" s="329"/>
      <c r="AM590" s="16"/>
      <c r="AN590" s="3" t="str">
        <f t="shared" si="37"/>
        <v>■</v>
      </c>
    </row>
    <row r="591" spans="1:40" ht="13.4" customHeight="1">
      <c r="A591" s="20" t="str">
        <f t="shared" si="36"/>
        <v>MF</v>
      </c>
      <c r="B591" s="20"/>
      <c r="C591" s="552">
        <v>11</v>
      </c>
      <c r="D591" s="553"/>
      <c r="E591" s="566" t="s">
        <v>825</v>
      </c>
      <c r="F591" s="567"/>
      <c r="G591" s="567"/>
      <c r="H591" s="567"/>
      <c r="I591" s="567"/>
      <c r="J591" s="567"/>
      <c r="K591" s="567"/>
      <c r="L591" s="567"/>
      <c r="M591" s="567"/>
      <c r="N591" s="567"/>
      <c r="O591" s="567"/>
      <c r="P591" s="567"/>
      <c r="Q591" s="567"/>
      <c r="R591" s="567"/>
      <c r="S591" s="567"/>
      <c r="T591" s="568"/>
      <c r="U591" s="220" t="s">
        <v>768</v>
      </c>
      <c r="V591" s="557" t="s">
        <v>107</v>
      </c>
      <c r="W591" s="558"/>
      <c r="X591" s="558"/>
      <c r="Y591" s="558"/>
      <c r="Z591" s="559"/>
      <c r="AA591" s="557" t="s">
        <v>102</v>
      </c>
      <c r="AB591" s="558"/>
      <c r="AC591" s="559"/>
      <c r="AD591" s="419">
        <v>9</v>
      </c>
      <c r="AE591" s="419" t="s">
        <v>103</v>
      </c>
      <c r="AF591" s="552" t="s">
        <v>109</v>
      </c>
      <c r="AG591" s="553"/>
      <c r="AH591" s="560"/>
      <c r="AI591" s="561"/>
      <c r="AJ591" s="562"/>
      <c r="AK591" s="333" t="s">
        <v>399</v>
      </c>
      <c r="AL591" s="329"/>
      <c r="AM591" s="16"/>
      <c r="AN591" s="3" t="str">
        <f t="shared" si="37"/>
        <v>■</v>
      </c>
    </row>
    <row r="592" spans="1:40" ht="13.4" customHeight="1">
      <c r="A592" s="20" t="str">
        <f t="shared" si="36"/>
        <v>MF</v>
      </c>
      <c r="B592" s="20"/>
      <c r="C592" s="552">
        <v>12</v>
      </c>
      <c r="D592" s="553"/>
      <c r="E592" s="566" t="s">
        <v>826</v>
      </c>
      <c r="F592" s="567"/>
      <c r="G592" s="567"/>
      <c r="H592" s="567"/>
      <c r="I592" s="567"/>
      <c r="J592" s="567"/>
      <c r="K592" s="567"/>
      <c r="L592" s="567"/>
      <c r="M592" s="567"/>
      <c r="N592" s="567"/>
      <c r="O592" s="567"/>
      <c r="P592" s="567"/>
      <c r="Q592" s="567"/>
      <c r="R592" s="567"/>
      <c r="S592" s="567"/>
      <c r="T592" s="568"/>
      <c r="U592" s="220" t="s">
        <v>827</v>
      </c>
      <c r="V592" s="557" t="s">
        <v>107</v>
      </c>
      <c r="W592" s="558"/>
      <c r="X592" s="558"/>
      <c r="Y592" s="558"/>
      <c r="Z592" s="559"/>
      <c r="AA592" s="557" t="s">
        <v>102</v>
      </c>
      <c r="AB592" s="558"/>
      <c r="AC592" s="559"/>
      <c r="AD592" s="419">
        <v>9</v>
      </c>
      <c r="AE592" s="419" t="s">
        <v>103</v>
      </c>
      <c r="AF592" s="552" t="s">
        <v>109</v>
      </c>
      <c r="AG592" s="553"/>
      <c r="AH592" s="560"/>
      <c r="AI592" s="561"/>
      <c r="AJ592" s="562"/>
      <c r="AK592" s="333" t="s">
        <v>399</v>
      </c>
      <c r="AL592" s="329"/>
      <c r="AM592" s="16"/>
      <c r="AN592" s="3" t="str">
        <f t="shared" si="37"/>
        <v>■</v>
      </c>
    </row>
    <row r="593" spans="1:40" ht="13.4" customHeight="1">
      <c r="A593" s="20" t="str">
        <f t="shared" si="36"/>
        <v>MF</v>
      </c>
      <c r="B593" s="20"/>
      <c r="C593" s="552">
        <v>13</v>
      </c>
      <c r="D593" s="553"/>
      <c r="E593" s="566" t="s">
        <v>828</v>
      </c>
      <c r="F593" s="567"/>
      <c r="G593" s="567"/>
      <c r="H593" s="567"/>
      <c r="I593" s="567"/>
      <c r="J593" s="567"/>
      <c r="K593" s="567"/>
      <c r="L593" s="567"/>
      <c r="M593" s="567"/>
      <c r="N593" s="567"/>
      <c r="O593" s="567"/>
      <c r="P593" s="567"/>
      <c r="Q593" s="567"/>
      <c r="R593" s="567"/>
      <c r="S593" s="567"/>
      <c r="T593" s="568"/>
      <c r="U593" s="220" t="s">
        <v>829</v>
      </c>
      <c r="V593" s="557" t="s">
        <v>107</v>
      </c>
      <c r="W593" s="558"/>
      <c r="X593" s="558"/>
      <c r="Y593" s="558"/>
      <c r="Z593" s="559"/>
      <c r="AA593" s="557" t="s">
        <v>102</v>
      </c>
      <c r="AB593" s="558"/>
      <c r="AC593" s="559"/>
      <c r="AD593" s="419">
        <v>9</v>
      </c>
      <c r="AE593" s="419" t="s">
        <v>103</v>
      </c>
      <c r="AF593" s="552" t="s">
        <v>109</v>
      </c>
      <c r="AG593" s="553"/>
      <c r="AH593" s="560"/>
      <c r="AI593" s="561"/>
      <c r="AJ593" s="562"/>
      <c r="AK593" s="333" t="s">
        <v>399</v>
      </c>
      <c r="AL593" s="329"/>
      <c r="AM593" s="16"/>
      <c r="AN593" s="3" t="str">
        <f t="shared" si="37"/>
        <v>■</v>
      </c>
    </row>
    <row r="594" spans="1:40" ht="13.4" customHeight="1">
      <c r="A594" s="20" t="str">
        <f t="shared" si="36"/>
        <v>MF</v>
      </c>
      <c r="B594" s="20"/>
      <c r="C594" s="552">
        <v>14</v>
      </c>
      <c r="D594" s="553"/>
      <c r="E594" s="566" t="s">
        <v>830</v>
      </c>
      <c r="F594" s="567"/>
      <c r="G594" s="567"/>
      <c r="H594" s="567"/>
      <c r="I594" s="567"/>
      <c r="J594" s="567"/>
      <c r="K594" s="567"/>
      <c r="L594" s="567"/>
      <c r="M594" s="567"/>
      <c r="N594" s="567"/>
      <c r="O594" s="567"/>
      <c r="P594" s="567"/>
      <c r="Q594" s="567"/>
      <c r="R594" s="567"/>
      <c r="S594" s="567"/>
      <c r="T594" s="568"/>
      <c r="U594" s="220" t="s">
        <v>831</v>
      </c>
      <c r="V594" s="557" t="s">
        <v>107</v>
      </c>
      <c r="W594" s="558"/>
      <c r="X594" s="558"/>
      <c r="Y594" s="558"/>
      <c r="Z594" s="559"/>
      <c r="AA594" s="557" t="s">
        <v>102</v>
      </c>
      <c r="AB594" s="558"/>
      <c r="AC594" s="559"/>
      <c r="AD594" s="419">
        <v>9</v>
      </c>
      <c r="AE594" s="419" t="s">
        <v>103</v>
      </c>
      <c r="AF594" s="552" t="s">
        <v>109</v>
      </c>
      <c r="AG594" s="553"/>
      <c r="AH594" s="560"/>
      <c r="AI594" s="561"/>
      <c r="AJ594" s="562"/>
      <c r="AK594" s="333" t="s">
        <v>399</v>
      </c>
      <c r="AL594" s="329"/>
      <c r="AM594" s="16"/>
      <c r="AN594" s="3" t="str">
        <f t="shared" si="37"/>
        <v>■</v>
      </c>
    </row>
    <row r="595" spans="1:40" ht="13.4" customHeight="1">
      <c r="A595" s="20" t="str">
        <f t="shared" si="36"/>
        <v>MF</v>
      </c>
      <c r="B595" s="20"/>
      <c r="C595" s="552">
        <v>15</v>
      </c>
      <c r="D595" s="553"/>
      <c r="E595" s="566" t="s">
        <v>832</v>
      </c>
      <c r="F595" s="567"/>
      <c r="G595" s="567"/>
      <c r="H595" s="567"/>
      <c r="I595" s="567"/>
      <c r="J595" s="567"/>
      <c r="K595" s="567"/>
      <c r="L595" s="567"/>
      <c r="M595" s="567"/>
      <c r="N595" s="567"/>
      <c r="O595" s="567"/>
      <c r="P595" s="567"/>
      <c r="Q595" s="567"/>
      <c r="R595" s="567"/>
      <c r="S595" s="567"/>
      <c r="T595" s="568"/>
      <c r="U595" s="220" t="s">
        <v>833</v>
      </c>
      <c r="V595" s="557" t="s">
        <v>107</v>
      </c>
      <c r="W595" s="558"/>
      <c r="X595" s="558"/>
      <c r="Y595" s="558"/>
      <c r="Z595" s="559"/>
      <c r="AA595" s="557" t="s">
        <v>102</v>
      </c>
      <c r="AB595" s="558"/>
      <c r="AC595" s="559"/>
      <c r="AD595" s="419">
        <v>9</v>
      </c>
      <c r="AE595" s="419" t="s">
        <v>103</v>
      </c>
      <c r="AF595" s="552" t="s">
        <v>109</v>
      </c>
      <c r="AG595" s="553"/>
      <c r="AH595" s="560"/>
      <c r="AI595" s="561"/>
      <c r="AJ595" s="562"/>
      <c r="AK595" s="333" t="s">
        <v>399</v>
      </c>
      <c r="AL595" s="329"/>
      <c r="AM595" s="16"/>
      <c r="AN595" s="3" t="str">
        <f t="shared" si="37"/>
        <v>■</v>
      </c>
    </row>
    <row r="596" spans="1:40" ht="13.4" customHeight="1">
      <c r="A596" s="20" t="str">
        <f t="shared" si="36"/>
        <v>MF</v>
      </c>
      <c r="B596" s="20"/>
      <c r="C596" s="552">
        <v>16</v>
      </c>
      <c r="D596" s="553"/>
      <c r="E596" s="566" t="s">
        <v>834</v>
      </c>
      <c r="F596" s="567"/>
      <c r="G596" s="567"/>
      <c r="H596" s="567"/>
      <c r="I596" s="567"/>
      <c r="J596" s="567"/>
      <c r="K596" s="567"/>
      <c r="L596" s="567"/>
      <c r="M596" s="567"/>
      <c r="N596" s="567"/>
      <c r="O596" s="567"/>
      <c r="P596" s="567"/>
      <c r="Q596" s="567"/>
      <c r="R596" s="567"/>
      <c r="S596" s="567"/>
      <c r="T596" s="568"/>
      <c r="U596" s="220" t="s">
        <v>835</v>
      </c>
      <c r="V596" s="557" t="s">
        <v>107</v>
      </c>
      <c r="W596" s="558"/>
      <c r="X596" s="558"/>
      <c r="Y596" s="558"/>
      <c r="Z596" s="559"/>
      <c r="AA596" s="557" t="s">
        <v>102</v>
      </c>
      <c r="AB596" s="558"/>
      <c r="AC596" s="559"/>
      <c r="AD596" s="419">
        <v>9</v>
      </c>
      <c r="AE596" s="419" t="s">
        <v>103</v>
      </c>
      <c r="AF596" s="552" t="s">
        <v>109</v>
      </c>
      <c r="AG596" s="553"/>
      <c r="AH596" s="560"/>
      <c r="AI596" s="561"/>
      <c r="AJ596" s="562"/>
      <c r="AK596" s="333" t="s">
        <v>399</v>
      </c>
      <c r="AL596" s="329"/>
      <c r="AM596" s="16"/>
      <c r="AN596" s="3" t="str">
        <f t="shared" si="37"/>
        <v>■</v>
      </c>
    </row>
    <row r="597" spans="1:40" ht="13.4" customHeight="1">
      <c r="A597" s="20" t="str">
        <f t="shared" si="36"/>
        <v>MF</v>
      </c>
      <c r="B597" s="20"/>
      <c r="C597" s="552">
        <v>17</v>
      </c>
      <c r="D597" s="553"/>
      <c r="E597" s="566" t="s">
        <v>836</v>
      </c>
      <c r="F597" s="567"/>
      <c r="G597" s="567"/>
      <c r="H597" s="567"/>
      <c r="I597" s="567"/>
      <c r="J597" s="567"/>
      <c r="K597" s="567"/>
      <c r="L597" s="567"/>
      <c r="M597" s="567"/>
      <c r="N597" s="567"/>
      <c r="O597" s="567"/>
      <c r="P597" s="567"/>
      <c r="Q597" s="567"/>
      <c r="R597" s="567"/>
      <c r="S597" s="567"/>
      <c r="T597" s="568"/>
      <c r="U597" s="220" t="s">
        <v>837</v>
      </c>
      <c r="V597" s="557" t="s">
        <v>107</v>
      </c>
      <c r="W597" s="558"/>
      <c r="X597" s="558"/>
      <c r="Y597" s="558"/>
      <c r="Z597" s="559"/>
      <c r="AA597" s="557" t="s">
        <v>102</v>
      </c>
      <c r="AB597" s="558"/>
      <c r="AC597" s="559"/>
      <c r="AD597" s="419">
        <v>9</v>
      </c>
      <c r="AE597" s="419" t="s">
        <v>103</v>
      </c>
      <c r="AF597" s="552" t="s">
        <v>109</v>
      </c>
      <c r="AG597" s="553"/>
      <c r="AH597" s="560"/>
      <c r="AI597" s="561"/>
      <c r="AJ597" s="562"/>
      <c r="AK597" s="333" t="s">
        <v>399</v>
      </c>
      <c r="AL597" s="329"/>
      <c r="AM597" s="16"/>
      <c r="AN597" s="3" t="str">
        <f t="shared" si="37"/>
        <v>■</v>
      </c>
    </row>
    <row r="598" spans="1:40" ht="13.4" customHeight="1">
      <c r="A598" s="20" t="str">
        <f t="shared" si="36"/>
        <v>MF</v>
      </c>
      <c r="B598" s="20"/>
      <c r="C598" s="552">
        <v>18</v>
      </c>
      <c r="D598" s="553"/>
      <c r="E598" s="566" t="s">
        <v>838</v>
      </c>
      <c r="F598" s="567"/>
      <c r="G598" s="567"/>
      <c r="H598" s="567"/>
      <c r="I598" s="567"/>
      <c r="J598" s="567"/>
      <c r="K598" s="567"/>
      <c r="L598" s="567"/>
      <c r="M598" s="567"/>
      <c r="N598" s="567"/>
      <c r="O598" s="567"/>
      <c r="P598" s="567"/>
      <c r="Q598" s="567"/>
      <c r="R598" s="567"/>
      <c r="S598" s="567"/>
      <c r="T598" s="568"/>
      <c r="U598" s="220" t="s">
        <v>839</v>
      </c>
      <c r="V598" s="557" t="s">
        <v>107</v>
      </c>
      <c r="W598" s="558"/>
      <c r="X598" s="558"/>
      <c r="Y598" s="558"/>
      <c r="Z598" s="559"/>
      <c r="AA598" s="557" t="s">
        <v>102</v>
      </c>
      <c r="AB598" s="558"/>
      <c r="AC598" s="559"/>
      <c r="AD598" s="419">
        <v>9</v>
      </c>
      <c r="AE598" s="419" t="s">
        <v>103</v>
      </c>
      <c r="AF598" s="552" t="s">
        <v>109</v>
      </c>
      <c r="AG598" s="553"/>
      <c r="AH598" s="560"/>
      <c r="AI598" s="561"/>
      <c r="AJ598" s="562"/>
      <c r="AK598" s="333" t="s">
        <v>399</v>
      </c>
      <c r="AL598" s="329"/>
      <c r="AM598" s="16"/>
      <c r="AN598" s="3" t="str">
        <f t="shared" si="37"/>
        <v>■</v>
      </c>
    </row>
    <row r="599" spans="1:40" ht="13.4" customHeight="1">
      <c r="A599" s="20" t="str">
        <f t="shared" si="36"/>
        <v>MF</v>
      </c>
      <c r="B599" s="20"/>
      <c r="C599" s="552">
        <v>19</v>
      </c>
      <c r="D599" s="553"/>
      <c r="E599" s="566" t="s">
        <v>840</v>
      </c>
      <c r="F599" s="567"/>
      <c r="G599" s="567"/>
      <c r="H599" s="567"/>
      <c r="I599" s="567"/>
      <c r="J599" s="567"/>
      <c r="K599" s="567"/>
      <c r="L599" s="567"/>
      <c r="M599" s="567"/>
      <c r="N599" s="567"/>
      <c r="O599" s="567"/>
      <c r="P599" s="567"/>
      <c r="Q599" s="567"/>
      <c r="R599" s="567"/>
      <c r="S599" s="567"/>
      <c r="T599" s="568"/>
      <c r="U599" s="220" t="s">
        <v>841</v>
      </c>
      <c r="V599" s="557" t="s">
        <v>107</v>
      </c>
      <c r="W599" s="558"/>
      <c r="X599" s="558"/>
      <c r="Y599" s="558"/>
      <c r="Z599" s="559"/>
      <c r="AA599" s="557" t="s">
        <v>102</v>
      </c>
      <c r="AB599" s="558"/>
      <c r="AC599" s="559"/>
      <c r="AD599" s="419">
        <v>9</v>
      </c>
      <c r="AE599" s="419" t="s">
        <v>103</v>
      </c>
      <c r="AF599" s="552" t="s">
        <v>109</v>
      </c>
      <c r="AG599" s="553"/>
      <c r="AH599" s="560"/>
      <c r="AI599" s="561"/>
      <c r="AJ599" s="562"/>
      <c r="AK599" s="333" t="s">
        <v>399</v>
      </c>
      <c r="AL599" s="329"/>
      <c r="AM599" s="16"/>
      <c r="AN599" s="3" t="str">
        <f t="shared" si="37"/>
        <v>■</v>
      </c>
    </row>
    <row r="600" spans="1:40" ht="13.4" customHeight="1">
      <c r="A600" s="20" t="str">
        <f t="shared" si="36"/>
        <v>MF</v>
      </c>
      <c r="B600" s="20"/>
      <c r="C600" s="552">
        <v>20</v>
      </c>
      <c r="D600" s="553"/>
      <c r="E600" s="566" t="s">
        <v>842</v>
      </c>
      <c r="F600" s="567"/>
      <c r="G600" s="567"/>
      <c r="H600" s="567"/>
      <c r="I600" s="567"/>
      <c r="J600" s="567"/>
      <c r="K600" s="567"/>
      <c r="L600" s="567"/>
      <c r="M600" s="567"/>
      <c r="N600" s="567"/>
      <c r="O600" s="567"/>
      <c r="P600" s="567"/>
      <c r="Q600" s="567"/>
      <c r="R600" s="567"/>
      <c r="S600" s="567"/>
      <c r="T600" s="568"/>
      <c r="U600" s="220" t="s">
        <v>843</v>
      </c>
      <c r="V600" s="557" t="s">
        <v>107</v>
      </c>
      <c r="W600" s="558"/>
      <c r="X600" s="558"/>
      <c r="Y600" s="558"/>
      <c r="Z600" s="559"/>
      <c r="AA600" s="557" t="s">
        <v>102</v>
      </c>
      <c r="AB600" s="558"/>
      <c r="AC600" s="559"/>
      <c r="AD600" s="419">
        <v>9</v>
      </c>
      <c r="AE600" s="419" t="s">
        <v>103</v>
      </c>
      <c r="AF600" s="552" t="s">
        <v>109</v>
      </c>
      <c r="AG600" s="553"/>
      <c r="AH600" s="560"/>
      <c r="AI600" s="561"/>
      <c r="AJ600" s="562"/>
      <c r="AK600" s="333" t="s">
        <v>399</v>
      </c>
      <c r="AL600" s="329"/>
      <c r="AM600" s="16"/>
      <c r="AN600" s="3" t="str">
        <f t="shared" si="37"/>
        <v>■</v>
      </c>
    </row>
    <row r="601" spans="1:40" ht="13.4" customHeight="1">
      <c r="A601" s="20" t="str">
        <f t="shared" si="36"/>
        <v>MF</v>
      </c>
      <c r="B601" s="20"/>
      <c r="C601" s="552">
        <v>21</v>
      </c>
      <c r="D601" s="553"/>
      <c r="E601" s="566" t="s">
        <v>844</v>
      </c>
      <c r="F601" s="567"/>
      <c r="G601" s="567"/>
      <c r="H601" s="567"/>
      <c r="I601" s="567"/>
      <c r="J601" s="567"/>
      <c r="K601" s="567"/>
      <c r="L601" s="567"/>
      <c r="M601" s="567"/>
      <c r="N601" s="567"/>
      <c r="O601" s="567"/>
      <c r="P601" s="567"/>
      <c r="Q601" s="567"/>
      <c r="R601" s="567"/>
      <c r="S601" s="567"/>
      <c r="T601" s="568"/>
      <c r="U601" s="220" t="s">
        <v>845</v>
      </c>
      <c r="V601" s="557" t="s">
        <v>107</v>
      </c>
      <c r="W601" s="558"/>
      <c r="X601" s="558"/>
      <c r="Y601" s="558"/>
      <c r="Z601" s="559"/>
      <c r="AA601" s="557" t="s">
        <v>102</v>
      </c>
      <c r="AB601" s="558"/>
      <c r="AC601" s="559"/>
      <c r="AD601" s="419">
        <v>9</v>
      </c>
      <c r="AE601" s="419" t="s">
        <v>103</v>
      </c>
      <c r="AF601" s="552" t="s">
        <v>109</v>
      </c>
      <c r="AG601" s="553"/>
      <c r="AH601" s="560"/>
      <c r="AI601" s="561"/>
      <c r="AJ601" s="562"/>
      <c r="AK601" s="333" t="s">
        <v>399</v>
      </c>
      <c r="AL601" s="329"/>
      <c r="AM601" s="16"/>
      <c r="AN601" s="3" t="str">
        <f t="shared" si="37"/>
        <v>■</v>
      </c>
    </row>
    <row r="602" spans="1:40" ht="13.4" customHeight="1">
      <c r="A602" s="20" t="str">
        <f t="shared" si="36"/>
        <v>MF</v>
      </c>
      <c r="B602" s="20"/>
      <c r="C602" s="552">
        <v>22</v>
      </c>
      <c r="D602" s="553"/>
      <c r="E602" s="566" t="s">
        <v>846</v>
      </c>
      <c r="F602" s="567"/>
      <c r="G602" s="567"/>
      <c r="H602" s="567"/>
      <c r="I602" s="567"/>
      <c r="J602" s="567"/>
      <c r="K602" s="567"/>
      <c r="L602" s="567"/>
      <c r="M602" s="567"/>
      <c r="N602" s="567"/>
      <c r="O602" s="567"/>
      <c r="P602" s="567"/>
      <c r="Q602" s="567"/>
      <c r="R602" s="567"/>
      <c r="S602" s="567"/>
      <c r="T602" s="568"/>
      <c r="U602" s="220" t="s">
        <v>847</v>
      </c>
      <c r="V602" s="557" t="s">
        <v>107</v>
      </c>
      <c r="W602" s="558"/>
      <c r="X602" s="558"/>
      <c r="Y602" s="558"/>
      <c r="Z602" s="559"/>
      <c r="AA602" s="557" t="s">
        <v>102</v>
      </c>
      <c r="AB602" s="558"/>
      <c r="AC602" s="559"/>
      <c r="AD602" s="419">
        <v>9</v>
      </c>
      <c r="AE602" s="419" t="s">
        <v>103</v>
      </c>
      <c r="AF602" s="552" t="s">
        <v>109</v>
      </c>
      <c r="AG602" s="553"/>
      <c r="AH602" s="560"/>
      <c r="AI602" s="561"/>
      <c r="AJ602" s="562"/>
      <c r="AK602" s="333" t="s">
        <v>399</v>
      </c>
      <c r="AL602" s="329"/>
      <c r="AM602" s="16"/>
      <c r="AN602" s="3" t="str">
        <f t="shared" si="37"/>
        <v>■</v>
      </c>
    </row>
    <row r="603" spans="1:40" ht="13.4" customHeight="1">
      <c r="A603" s="20" t="str">
        <f t="shared" si="36"/>
        <v>MF</v>
      </c>
      <c r="B603" s="20"/>
      <c r="C603" s="552">
        <v>23</v>
      </c>
      <c r="D603" s="553"/>
      <c r="E603" s="566" t="s">
        <v>848</v>
      </c>
      <c r="F603" s="567"/>
      <c r="G603" s="567"/>
      <c r="H603" s="567"/>
      <c r="I603" s="567"/>
      <c r="J603" s="567"/>
      <c r="K603" s="567"/>
      <c r="L603" s="567"/>
      <c r="M603" s="567"/>
      <c r="N603" s="567"/>
      <c r="O603" s="567"/>
      <c r="P603" s="567"/>
      <c r="Q603" s="567"/>
      <c r="R603" s="567"/>
      <c r="S603" s="567"/>
      <c r="T603" s="568"/>
      <c r="U603" s="220" t="s">
        <v>849</v>
      </c>
      <c r="V603" s="557" t="s">
        <v>107</v>
      </c>
      <c r="W603" s="558"/>
      <c r="X603" s="558"/>
      <c r="Y603" s="558"/>
      <c r="Z603" s="559"/>
      <c r="AA603" s="557" t="s">
        <v>102</v>
      </c>
      <c r="AB603" s="558"/>
      <c r="AC603" s="559"/>
      <c r="AD603" s="419">
        <v>9</v>
      </c>
      <c r="AE603" s="419" t="s">
        <v>103</v>
      </c>
      <c r="AF603" s="552" t="s">
        <v>109</v>
      </c>
      <c r="AG603" s="553"/>
      <c r="AH603" s="560"/>
      <c r="AI603" s="561"/>
      <c r="AJ603" s="562"/>
      <c r="AK603" s="333" t="s">
        <v>399</v>
      </c>
      <c r="AL603" s="329"/>
      <c r="AM603" s="16"/>
      <c r="AN603" s="3" t="str">
        <f t="shared" si="37"/>
        <v>■</v>
      </c>
    </row>
    <row r="604" spans="1:40" ht="13.4" customHeight="1">
      <c r="A604" s="20" t="str">
        <f t="shared" si="36"/>
        <v>MF</v>
      </c>
      <c r="B604" s="20"/>
      <c r="C604" s="552">
        <v>24</v>
      </c>
      <c r="D604" s="553"/>
      <c r="E604" s="566" t="s">
        <v>850</v>
      </c>
      <c r="F604" s="567"/>
      <c r="G604" s="567"/>
      <c r="H604" s="567"/>
      <c r="I604" s="567"/>
      <c r="J604" s="567"/>
      <c r="K604" s="567"/>
      <c r="L604" s="567"/>
      <c r="M604" s="567"/>
      <c r="N604" s="567"/>
      <c r="O604" s="567"/>
      <c r="P604" s="567"/>
      <c r="Q604" s="567"/>
      <c r="R604" s="567"/>
      <c r="S604" s="567"/>
      <c r="T604" s="568"/>
      <c r="U604" s="220" t="s">
        <v>851</v>
      </c>
      <c r="V604" s="557" t="s">
        <v>107</v>
      </c>
      <c r="W604" s="558"/>
      <c r="X604" s="558"/>
      <c r="Y604" s="558"/>
      <c r="Z604" s="559"/>
      <c r="AA604" s="557" t="s">
        <v>102</v>
      </c>
      <c r="AB604" s="558"/>
      <c r="AC604" s="559"/>
      <c r="AD604" s="419">
        <v>9</v>
      </c>
      <c r="AE604" s="419" t="s">
        <v>103</v>
      </c>
      <c r="AF604" s="552" t="s">
        <v>109</v>
      </c>
      <c r="AG604" s="553"/>
      <c r="AH604" s="560"/>
      <c r="AI604" s="561"/>
      <c r="AJ604" s="562"/>
      <c r="AK604" s="333" t="s">
        <v>399</v>
      </c>
      <c r="AL604" s="329"/>
      <c r="AM604" s="16"/>
      <c r="AN604" s="3" t="str">
        <f t="shared" si="37"/>
        <v>■</v>
      </c>
    </row>
    <row r="605" spans="1:40" ht="13.4" customHeight="1">
      <c r="A605" s="20" t="str">
        <f t="shared" si="36"/>
        <v>MF</v>
      </c>
      <c r="B605" s="20"/>
      <c r="C605" s="552">
        <v>25</v>
      </c>
      <c r="D605" s="553"/>
      <c r="E605" s="566" t="s">
        <v>852</v>
      </c>
      <c r="F605" s="567"/>
      <c r="G605" s="567"/>
      <c r="H605" s="567"/>
      <c r="I605" s="567"/>
      <c r="J605" s="567"/>
      <c r="K605" s="567"/>
      <c r="L605" s="567"/>
      <c r="M605" s="567"/>
      <c r="N605" s="567"/>
      <c r="O605" s="567"/>
      <c r="P605" s="567"/>
      <c r="Q605" s="567"/>
      <c r="R605" s="567"/>
      <c r="S605" s="567"/>
      <c r="T605" s="568"/>
      <c r="U605" s="220" t="s">
        <v>853</v>
      </c>
      <c r="V605" s="557" t="s">
        <v>107</v>
      </c>
      <c r="W605" s="558"/>
      <c r="X605" s="558"/>
      <c r="Y605" s="558"/>
      <c r="Z605" s="559"/>
      <c r="AA605" s="557" t="s">
        <v>102</v>
      </c>
      <c r="AB605" s="558"/>
      <c r="AC605" s="559"/>
      <c r="AD605" s="419">
        <v>9</v>
      </c>
      <c r="AE605" s="419" t="s">
        <v>103</v>
      </c>
      <c r="AF605" s="552" t="s">
        <v>109</v>
      </c>
      <c r="AG605" s="553"/>
      <c r="AH605" s="560"/>
      <c r="AI605" s="561"/>
      <c r="AJ605" s="562"/>
      <c r="AK605" s="333" t="s">
        <v>399</v>
      </c>
      <c r="AL605" s="329"/>
      <c r="AM605" s="16"/>
      <c r="AN605" s="3" t="str">
        <f t="shared" si="37"/>
        <v>■</v>
      </c>
    </row>
    <row r="606" spans="1:40" ht="13.4" customHeight="1">
      <c r="A606" s="20" t="str">
        <f t="shared" si="36"/>
        <v>MF</v>
      </c>
      <c r="B606" s="20"/>
      <c r="C606" s="552">
        <v>26</v>
      </c>
      <c r="D606" s="553"/>
      <c r="E606" s="566" t="s">
        <v>854</v>
      </c>
      <c r="F606" s="567"/>
      <c r="G606" s="567"/>
      <c r="H606" s="567"/>
      <c r="I606" s="567"/>
      <c r="J606" s="567"/>
      <c r="K606" s="567"/>
      <c r="L606" s="567"/>
      <c r="M606" s="567"/>
      <c r="N606" s="567"/>
      <c r="O606" s="567"/>
      <c r="P606" s="567"/>
      <c r="Q606" s="567"/>
      <c r="R606" s="567"/>
      <c r="S606" s="567"/>
      <c r="T606" s="568"/>
      <c r="U606" s="220" t="s">
        <v>855</v>
      </c>
      <c r="V606" s="557" t="s">
        <v>107</v>
      </c>
      <c r="W606" s="558"/>
      <c r="X606" s="558"/>
      <c r="Y606" s="558"/>
      <c r="Z606" s="559"/>
      <c r="AA606" s="557" t="s">
        <v>102</v>
      </c>
      <c r="AB606" s="558"/>
      <c r="AC606" s="559"/>
      <c r="AD606" s="419">
        <v>9</v>
      </c>
      <c r="AE606" s="419" t="s">
        <v>103</v>
      </c>
      <c r="AF606" s="552" t="s">
        <v>109</v>
      </c>
      <c r="AG606" s="553"/>
      <c r="AH606" s="560"/>
      <c r="AI606" s="561"/>
      <c r="AJ606" s="562"/>
      <c r="AK606" s="333" t="s">
        <v>399</v>
      </c>
      <c r="AL606" s="329"/>
      <c r="AM606" s="16"/>
      <c r="AN606" s="3" t="str">
        <f t="shared" si="37"/>
        <v>■</v>
      </c>
    </row>
    <row r="607" spans="1:40" ht="13.4" customHeight="1">
      <c r="A607" s="20" t="str">
        <f t="shared" si="36"/>
        <v>MF</v>
      </c>
      <c r="B607" s="20"/>
      <c r="C607" s="552">
        <v>27</v>
      </c>
      <c r="D607" s="553"/>
      <c r="E607" s="566" t="s">
        <v>856</v>
      </c>
      <c r="F607" s="567"/>
      <c r="G607" s="567"/>
      <c r="H607" s="567"/>
      <c r="I607" s="567"/>
      <c r="J607" s="567"/>
      <c r="K607" s="567"/>
      <c r="L607" s="567"/>
      <c r="M607" s="567"/>
      <c r="N607" s="567"/>
      <c r="O607" s="567"/>
      <c r="P607" s="567"/>
      <c r="Q607" s="567"/>
      <c r="R607" s="567"/>
      <c r="S607" s="567"/>
      <c r="T607" s="568"/>
      <c r="U607" s="220" t="s">
        <v>857</v>
      </c>
      <c r="V607" s="557" t="s">
        <v>107</v>
      </c>
      <c r="W607" s="558"/>
      <c r="X607" s="558"/>
      <c r="Y607" s="558"/>
      <c r="Z607" s="559"/>
      <c r="AA607" s="557" t="s">
        <v>102</v>
      </c>
      <c r="AB607" s="558"/>
      <c r="AC607" s="559"/>
      <c r="AD607" s="419">
        <v>9</v>
      </c>
      <c r="AE607" s="419" t="s">
        <v>103</v>
      </c>
      <c r="AF607" s="552" t="s">
        <v>109</v>
      </c>
      <c r="AG607" s="553"/>
      <c r="AH607" s="560"/>
      <c r="AI607" s="561"/>
      <c r="AJ607" s="562"/>
      <c r="AK607" s="333" t="s">
        <v>399</v>
      </c>
      <c r="AL607" s="329"/>
      <c r="AM607" s="16"/>
      <c r="AN607" s="3" t="str">
        <f t="shared" si="37"/>
        <v>■</v>
      </c>
    </row>
    <row r="608" spans="1:40" ht="13.4" customHeight="1">
      <c r="A608" s="20" t="str">
        <f t="shared" si="36"/>
        <v>MF</v>
      </c>
      <c r="B608" s="20"/>
      <c r="C608" s="552">
        <v>28</v>
      </c>
      <c r="D608" s="553"/>
      <c r="E608" s="566" t="s">
        <v>858</v>
      </c>
      <c r="F608" s="567"/>
      <c r="G608" s="567"/>
      <c r="H608" s="567"/>
      <c r="I608" s="567"/>
      <c r="J608" s="567"/>
      <c r="K608" s="567"/>
      <c r="L608" s="567"/>
      <c r="M608" s="567"/>
      <c r="N608" s="567"/>
      <c r="O608" s="567"/>
      <c r="P608" s="567"/>
      <c r="Q608" s="567"/>
      <c r="R608" s="567"/>
      <c r="S608" s="567"/>
      <c r="T608" s="568"/>
      <c r="U608" s="220" t="s">
        <v>859</v>
      </c>
      <c r="V608" s="557" t="s">
        <v>107</v>
      </c>
      <c r="W608" s="558"/>
      <c r="X608" s="558"/>
      <c r="Y608" s="558"/>
      <c r="Z608" s="559"/>
      <c r="AA608" s="557" t="s">
        <v>102</v>
      </c>
      <c r="AB608" s="558"/>
      <c r="AC608" s="559"/>
      <c r="AD608" s="419">
        <v>9</v>
      </c>
      <c r="AE608" s="419" t="s">
        <v>103</v>
      </c>
      <c r="AF608" s="552" t="s">
        <v>109</v>
      </c>
      <c r="AG608" s="553"/>
      <c r="AH608" s="560"/>
      <c r="AI608" s="561"/>
      <c r="AJ608" s="562"/>
      <c r="AK608" s="333" t="s">
        <v>399</v>
      </c>
      <c r="AL608" s="329"/>
      <c r="AM608" s="16"/>
      <c r="AN608" s="3" t="str">
        <f t="shared" si="37"/>
        <v>■</v>
      </c>
    </row>
    <row r="609" spans="1:40" ht="13.4" customHeight="1">
      <c r="A609" s="20" t="str">
        <f t="shared" si="36"/>
        <v>MF</v>
      </c>
      <c r="B609" s="20"/>
      <c r="C609" s="552">
        <v>29</v>
      </c>
      <c r="D609" s="553"/>
      <c r="E609" s="566" t="s">
        <v>860</v>
      </c>
      <c r="F609" s="567"/>
      <c r="G609" s="567"/>
      <c r="H609" s="567"/>
      <c r="I609" s="567"/>
      <c r="J609" s="567"/>
      <c r="K609" s="567"/>
      <c r="L609" s="567"/>
      <c r="M609" s="567"/>
      <c r="N609" s="567"/>
      <c r="O609" s="567"/>
      <c r="P609" s="567"/>
      <c r="Q609" s="567"/>
      <c r="R609" s="567"/>
      <c r="S609" s="567"/>
      <c r="T609" s="568"/>
      <c r="U609" s="220" t="s">
        <v>861</v>
      </c>
      <c r="V609" s="557" t="s">
        <v>107</v>
      </c>
      <c r="W609" s="558"/>
      <c r="X609" s="558"/>
      <c r="Y609" s="558"/>
      <c r="Z609" s="559"/>
      <c r="AA609" s="557" t="s">
        <v>102</v>
      </c>
      <c r="AB609" s="558"/>
      <c r="AC609" s="559"/>
      <c r="AD609" s="419">
        <v>9</v>
      </c>
      <c r="AE609" s="419" t="s">
        <v>103</v>
      </c>
      <c r="AF609" s="552" t="s">
        <v>109</v>
      </c>
      <c r="AG609" s="553"/>
      <c r="AH609" s="560"/>
      <c r="AI609" s="561"/>
      <c r="AJ609" s="562"/>
      <c r="AK609" s="333" t="s">
        <v>399</v>
      </c>
      <c r="AL609" s="329"/>
      <c r="AM609" s="16"/>
      <c r="AN609" s="3" t="str">
        <f t="shared" si="37"/>
        <v>■</v>
      </c>
    </row>
    <row r="610" spans="1:40" ht="13.4" customHeight="1">
      <c r="A610" s="20" t="str">
        <f t="shared" si="36"/>
        <v>MF</v>
      </c>
      <c r="B610" s="20"/>
      <c r="C610" s="552">
        <v>30</v>
      </c>
      <c r="D610" s="553"/>
      <c r="E610" s="566" t="s">
        <v>862</v>
      </c>
      <c r="F610" s="567"/>
      <c r="G610" s="567"/>
      <c r="H610" s="567"/>
      <c r="I610" s="567"/>
      <c r="J610" s="567"/>
      <c r="K610" s="567"/>
      <c r="L610" s="567"/>
      <c r="M610" s="567"/>
      <c r="N610" s="567"/>
      <c r="O610" s="567"/>
      <c r="P610" s="567"/>
      <c r="Q610" s="567"/>
      <c r="R610" s="567"/>
      <c r="S610" s="567"/>
      <c r="T610" s="568"/>
      <c r="U610" s="220" t="s">
        <v>863</v>
      </c>
      <c r="V610" s="557" t="s">
        <v>107</v>
      </c>
      <c r="W610" s="558"/>
      <c r="X610" s="558"/>
      <c r="Y610" s="558"/>
      <c r="Z610" s="559"/>
      <c r="AA610" s="557" t="s">
        <v>102</v>
      </c>
      <c r="AB610" s="558"/>
      <c r="AC610" s="559"/>
      <c r="AD610" s="419">
        <v>9</v>
      </c>
      <c r="AE610" s="419" t="s">
        <v>103</v>
      </c>
      <c r="AF610" s="552" t="s">
        <v>109</v>
      </c>
      <c r="AG610" s="553"/>
      <c r="AH610" s="560"/>
      <c r="AI610" s="561"/>
      <c r="AJ610" s="562"/>
      <c r="AK610" s="333" t="s">
        <v>399</v>
      </c>
      <c r="AL610" s="329"/>
      <c r="AM610" s="16"/>
      <c r="AN610" s="3" t="str">
        <f t="shared" si="37"/>
        <v>■</v>
      </c>
    </row>
    <row r="611" spans="1:40" ht="13.4" customHeight="1">
      <c r="A611" s="20" t="str">
        <f t="shared" si="36"/>
        <v>MF</v>
      </c>
      <c r="B611" s="20"/>
      <c r="C611" s="552">
        <v>31</v>
      </c>
      <c r="D611" s="553"/>
      <c r="E611" s="566" t="s">
        <v>864</v>
      </c>
      <c r="F611" s="567"/>
      <c r="G611" s="567"/>
      <c r="H611" s="567"/>
      <c r="I611" s="567"/>
      <c r="J611" s="567"/>
      <c r="K611" s="567"/>
      <c r="L611" s="567"/>
      <c r="M611" s="567"/>
      <c r="N611" s="567"/>
      <c r="O611" s="567"/>
      <c r="P611" s="567"/>
      <c r="Q611" s="567"/>
      <c r="R611" s="567"/>
      <c r="S611" s="567"/>
      <c r="T611" s="568"/>
      <c r="U611" s="220" t="s">
        <v>865</v>
      </c>
      <c r="V611" s="557" t="s">
        <v>107</v>
      </c>
      <c r="W611" s="558"/>
      <c r="X611" s="558"/>
      <c r="Y611" s="558"/>
      <c r="Z611" s="559"/>
      <c r="AA611" s="557" t="s">
        <v>102</v>
      </c>
      <c r="AB611" s="558"/>
      <c r="AC611" s="559"/>
      <c r="AD611" s="419">
        <v>9</v>
      </c>
      <c r="AE611" s="419" t="s">
        <v>103</v>
      </c>
      <c r="AF611" s="552" t="s">
        <v>109</v>
      </c>
      <c r="AG611" s="553"/>
      <c r="AH611" s="560"/>
      <c r="AI611" s="561"/>
      <c r="AJ611" s="562"/>
      <c r="AK611" s="333" t="s">
        <v>399</v>
      </c>
      <c r="AL611" s="329"/>
      <c r="AM611" s="16"/>
      <c r="AN611" s="3" t="str">
        <f t="shared" si="37"/>
        <v>■</v>
      </c>
    </row>
    <row r="612" spans="1:40" ht="13.4" customHeight="1">
      <c r="A612" s="20" t="str">
        <f t="shared" si="36"/>
        <v>MF</v>
      </c>
      <c r="B612" s="20"/>
      <c r="C612" s="552">
        <v>32</v>
      </c>
      <c r="D612" s="553"/>
      <c r="E612" s="566" t="s">
        <v>866</v>
      </c>
      <c r="F612" s="567"/>
      <c r="G612" s="567"/>
      <c r="H612" s="567"/>
      <c r="I612" s="567"/>
      <c r="J612" s="567"/>
      <c r="K612" s="567"/>
      <c r="L612" s="567"/>
      <c r="M612" s="567"/>
      <c r="N612" s="567"/>
      <c r="O612" s="567"/>
      <c r="P612" s="567"/>
      <c r="Q612" s="567"/>
      <c r="R612" s="567"/>
      <c r="S612" s="567"/>
      <c r="T612" s="568"/>
      <c r="U612" s="220" t="s">
        <v>867</v>
      </c>
      <c r="V612" s="557" t="s">
        <v>107</v>
      </c>
      <c r="W612" s="558"/>
      <c r="X612" s="558"/>
      <c r="Y612" s="558"/>
      <c r="Z612" s="559"/>
      <c r="AA612" s="557" t="s">
        <v>102</v>
      </c>
      <c r="AB612" s="558"/>
      <c r="AC612" s="559"/>
      <c r="AD612" s="419">
        <v>9</v>
      </c>
      <c r="AE612" s="419" t="s">
        <v>103</v>
      </c>
      <c r="AF612" s="552" t="s">
        <v>109</v>
      </c>
      <c r="AG612" s="553"/>
      <c r="AH612" s="560"/>
      <c r="AI612" s="561"/>
      <c r="AJ612" s="562"/>
      <c r="AK612" s="333" t="s">
        <v>399</v>
      </c>
      <c r="AL612" s="329"/>
      <c r="AM612" s="16"/>
      <c r="AN612" s="3" t="str">
        <f t="shared" si="37"/>
        <v>■</v>
      </c>
    </row>
    <row r="613" spans="1:40" ht="13.4" customHeight="1">
      <c r="A613" s="20" t="str">
        <f t="shared" si="36"/>
        <v>MF</v>
      </c>
      <c r="B613" s="20"/>
      <c r="C613" s="552">
        <v>33</v>
      </c>
      <c r="D613" s="553"/>
      <c r="E613" s="566" t="s">
        <v>868</v>
      </c>
      <c r="F613" s="567"/>
      <c r="G613" s="567"/>
      <c r="H613" s="567"/>
      <c r="I613" s="567"/>
      <c r="J613" s="567"/>
      <c r="K613" s="567"/>
      <c r="L613" s="567"/>
      <c r="M613" s="567"/>
      <c r="N613" s="567"/>
      <c r="O613" s="567"/>
      <c r="P613" s="567"/>
      <c r="Q613" s="567"/>
      <c r="R613" s="567"/>
      <c r="S613" s="567"/>
      <c r="T613" s="568"/>
      <c r="U613" s="220" t="s">
        <v>869</v>
      </c>
      <c r="V613" s="557" t="s">
        <v>107</v>
      </c>
      <c r="W613" s="558"/>
      <c r="X613" s="558"/>
      <c r="Y613" s="558"/>
      <c r="Z613" s="559"/>
      <c r="AA613" s="557" t="s">
        <v>102</v>
      </c>
      <c r="AB613" s="558"/>
      <c r="AC613" s="559"/>
      <c r="AD613" s="419">
        <v>9</v>
      </c>
      <c r="AE613" s="419" t="s">
        <v>103</v>
      </c>
      <c r="AF613" s="552" t="s">
        <v>109</v>
      </c>
      <c r="AG613" s="553"/>
      <c r="AH613" s="560"/>
      <c r="AI613" s="561"/>
      <c r="AJ613" s="562"/>
      <c r="AK613" s="333" t="s">
        <v>399</v>
      </c>
      <c r="AL613" s="329"/>
      <c r="AM613" s="16"/>
      <c r="AN613" s="3" t="str">
        <f t="shared" si="37"/>
        <v>■</v>
      </c>
    </row>
    <row r="614" spans="1:40" ht="13.4" customHeight="1">
      <c r="A614" s="20" t="str">
        <f t="shared" si="36"/>
        <v>MF</v>
      </c>
      <c r="B614" s="20"/>
      <c r="C614" s="552">
        <v>34</v>
      </c>
      <c r="D614" s="553"/>
      <c r="E614" s="566" t="s">
        <v>870</v>
      </c>
      <c r="F614" s="567"/>
      <c r="G614" s="567"/>
      <c r="H614" s="567"/>
      <c r="I614" s="567"/>
      <c r="J614" s="567"/>
      <c r="K614" s="567"/>
      <c r="L614" s="567"/>
      <c r="M614" s="567"/>
      <c r="N614" s="567"/>
      <c r="O614" s="567"/>
      <c r="P614" s="567"/>
      <c r="Q614" s="567"/>
      <c r="R614" s="567"/>
      <c r="S614" s="567"/>
      <c r="T614" s="568"/>
      <c r="U614" s="220" t="s">
        <v>871</v>
      </c>
      <c r="V614" s="557" t="s">
        <v>107</v>
      </c>
      <c r="W614" s="558"/>
      <c r="X614" s="558"/>
      <c r="Y614" s="558"/>
      <c r="Z614" s="559"/>
      <c r="AA614" s="557" t="s">
        <v>102</v>
      </c>
      <c r="AB614" s="558"/>
      <c r="AC614" s="559"/>
      <c r="AD614" s="419">
        <v>9</v>
      </c>
      <c r="AE614" s="419" t="s">
        <v>103</v>
      </c>
      <c r="AF614" s="552" t="s">
        <v>109</v>
      </c>
      <c r="AG614" s="553"/>
      <c r="AH614" s="560"/>
      <c r="AI614" s="561"/>
      <c r="AJ614" s="562"/>
      <c r="AK614" s="333" t="s">
        <v>399</v>
      </c>
      <c r="AL614" s="329"/>
      <c r="AM614" s="16"/>
      <c r="AN614" s="3" t="str">
        <f t="shared" si="37"/>
        <v>■</v>
      </c>
    </row>
    <row r="615" spans="1:40" ht="13.4" customHeight="1">
      <c r="A615" s="20" t="str">
        <f t="shared" si="36"/>
        <v>MF</v>
      </c>
      <c r="B615" s="20"/>
      <c r="C615" s="552">
        <v>35</v>
      </c>
      <c r="D615" s="553"/>
      <c r="E615" s="566" t="s">
        <v>872</v>
      </c>
      <c r="F615" s="567"/>
      <c r="G615" s="567"/>
      <c r="H615" s="567"/>
      <c r="I615" s="567"/>
      <c r="J615" s="567"/>
      <c r="K615" s="567"/>
      <c r="L615" s="567"/>
      <c r="M615" s="567"/>
      <c r="N615" s="567"/>
      <c r="O615" s="567"/>
      <c r="P615" s="567"/>
      <c r="Q615" s="567"/>
      <c r="R615" s="567"/>
      <c r="S615" s="567"/>
      <c r="T615" s="568"/>
      <c r="U615" s="220" t="s">
        <v>873</v>
      </c>
      <c r="V615" s="557" t="s">
        <v>107</v>
      </c>
      <c r="W615" s="558"/>
      <c r="X615" s="558"/>
      <c r="Y615" s="558"/>
      <c r="Z615" s="559"/>
      <c r="AA615" s="557" t="s">
        <v>102</v>
      </c>
      <c r="AB615" s="558"/>
      <c r="AC615" s="559"/>
      <c r="AD615" s="419">
        <v>9</v>
      </c>
      <c r="AE615" s="419" t="s">
        <v>103</v>
      </c>
      <c r="AF615" s="552" t="s">
        <v>109</v>
      </c>
      <c r="AG615" s="553"/>
      <c r="AH615" s="560"/>
      <c r="AI615" s="561"/>
      <c r="AJ615" s="562"/>
      <c r="AK615" s="333" t="s">
        <v>399</v>
      </c>
      <c r="AL615" s="329"/>
      <c r="AM615" s="16"/>
      <c r="AN615" s="3" t="str">
        <f t="shared" si="37"/>
        <v>■</v>
      </c>
    </row>
    <row r="616" spans="1:40" ht="13.4" customHeight="1">
      <c r="A616" s="20" t="str">
        <f t="shared" si="36"/>
        <v>MF</v>
      </c>
      <c r="B616" s="20"/>
      <c r="C616" s="552">
        <v>36</v>
      </c>
      <c r="D616" s="553"/>
      <c r="E616" s="566" t="s">
        <v>874</v>
      </c>
      <c r="F616" s="567"/>
      <c r="G616" s="567"/>
      <c r="H616" s="567"/>
      <c r="I616" s="567"/>
      <c r="J616" s="567"/>
      <c r="K616" s="567"/>
      <c r="L616" s="567"/>
      <c r="M616" s="567"/>
      <c r="N616" s="567"/>
      <c r="O616" s="567"/>
      <c r="P616" s="567"/>
      <c r="Q616" s="567"/>
      <c r="R616" s="567"/>
      <c r="S616" s="567"/>
      <c r="T616" s="568"/>
      <c r="U616" s="220" t="s">
        <v>875</v>
      </c>
      <c r="V616" s="557" t="s">
        <v>107</v>
      </c>
      <c r="W616" s="558"/>
      <c r="X616" s="558"/>
      <c r="Y616" s="558"/>
      <c r="Z616" s="559"/>
      <c r="AA616" s="557" t="s">
        <v>102</v>
      </c>
      <c r="AB616" s="558"/>
      <c r="AC616" s="559"/>
      <c r="AD616" s="419">
        <v>9</v>
      </c>
      <c r="AE616" s="419" t="s">
        <v>103</v>
      </c>
      <c r="AF616" s="552" t="s">
        <v>109</v>
      </c>
      <c r="AG616" s="553"/>
      <c r="AH616" s="560"/>
      <c r="AI616" s="561"/>
      <c r="AJ616" s="562"/>
      <c r="AK616" s="333" t="s">
        <v>399</v>
      </c>
      <c r="AL616" s="329"/>
      <c r="AM616" s="16"/>
      <c r="AN616" s="3" t="str">
        <f t="shared" si="37"/>
        <v>■</v>
      </c>
    </row>
    <row r="617" spans="1:40" ht="13.4" customHeight="1">
      <c r="A617" s="20" t="str">
        <f t="shared" si="36"/>
        <v>MF</v>
      </c>
      <c r="B617" s="20"/>
      <c r="C617" s="552">
        <v>37</v>
      </c>
      <c r="D617" s="553"/>
      <c r="E617" s="566" t="s">
        <v>876</v>
      </c>
      <c r="F617" s="567"/>
      <c r="G617" s="567"/>
      <c r="H617" s="567"/>
      <c r="I617" s="567"/>
      <c r="J617" s="567"/>
      <c r="K617" s="567"/>
      <c r="L617" s="567"/>
      <c r="M617" s="567"/>
      <c r="N617" s="567"/>
      <c r="O617" s="567"/>
      <c r="P617" s="567"/>
      <c r="Q617" s="567"/>
      <c r="R617" s="567"/>
      <c r="S617" s="567"/>
      <c r="T617" s="568"/>
      <c r="U617" s="220" t="s">
        <v>877</v>
      </c>
      <c r="V617" s="557" t="s">
        <v>107</v>
      </c>
      <c r="W617" s="558"/>
      <c r="X617" s="558"/>
      <c r="Y617" s="558"/>
      <c r="Z617" s="559"/>
      <c r="AA617" s="557" t="s">
        <v>102</v>
      </c>
      <c r="AB617" s="558"/>
      <c r="AC617" s="559"/>
      <c r="AD617" s="419">
        <v>9</v>
      </c>
      <c r="AE617" s="419" t="s">
        <v>103</v>
      </c>
      <c r="AF617" s="552" t="s">
        <v>109</v>
      </c>
      <c r="AG617" s="553"/>
      <c r="AH617" s="560"/>
      <c r="AI617" s="561"/>
      <c r="AJ617" s="562"/>
      <c r="AK617" s="333" t="s">
        <v>399</v>
      </c>
      <c r="AL617" s="329"/>
      <c r="AM617" s="16"/>
      <c r="AN617" s="3" t="str">
        <f t="shared" si="37"/>
        <v>■</v>
      </c>
    </row>
    <row r="618" spans="1:40" ht="13.4" customHeight="1">
      <c r="A618" s="20" t="str">
        <f t="shared" si="36"/>
        <v>MF</v>
      </c>
      <c r="B618" s="25"/>
      <c r="C618" s="541">
        <v>38</v>
      </c>
      <c r="D618" s="542"/>
      <c r="E618" s="543" t="s">
        <v>817</v>
      </c>
      <c r="F618" s="544"/>
      <c r="G618" s="544"/>
      <c r="H618" s="544"/>
      <c r="I618" s="544"/>
      <c r="J618" s="544"/>
      <c r="K618" s="544"/>
      <c r="L618" s="544"/>
      <c r="M618" s="544"/>
      <c r="N618" s="544"/>
      <c r="O618" s="544"/>
      <c r="P618" s="544"/>
      <c r="Q618" s="544"/>
      <c r="R618" s="544"/>
      <c r="S618" s="544"/>
      <c r="T618" s="545"/>
      <c r="U618" s="221" t="s">
        <v>453</v>
      </c>
      <c r="V618" s="546" t="s">
        <v>107</v>
      </c>
      <c r="W618" s="547"/>
      <c r="X618" s="547"/>
      <c r="Y618" s="547"/>
      <c r="Z618" s="548"/>
      <c r="AA618" s="546" t="s">
        <v>102</v>
      </c>
      <c r="AB618" s="547"/>
      <c r="AC618" s="548"/>
      <c r="AD618" s="415">
        <v>6</v>
      </c>
      <c r="AE618" s="415" t="s">
        <v>103</v>
      </c>
      <c r="AF618" s="541"/>
      <c r="AG618" s="542"/>
      <c r="AH618" s="549"/>
      <c r="AI618" s="550"/>
      <c r="AJ618" s="551"/>
      <c r="AK618" s="332"/>
      <c r="AL618" s="329"/>
      <c r="AM618" s="16"/>
      <c r="AN618" s="3" t="str">
        <f t="shared" si="37"/>
        <v>■</v>
      </c>
    </row>
    <row r="619" spans="1:40" ht="13.4" customHeight="1">
      <c r="A619" s="20" t="str">
        <f t="shared" si="36"/>
        <v>MF</v>
      </c>
      <c r="B619" s="25"/>
      <c r="C619" s="541">
        <v>39</v>
      </c>
      <c r="D619" s="542"/>
      <c r="E619" s="543" t="s">
        <v>411</v>
      </c>
      <c r="F619" s="544"/>
      <c r="G619" s="544"/>
      <c r="H619" s="544"/>
      <c r="I619" s="544"/>
      <c r="J619" s="544"/>
      <c r="K619" s="544"/>
      <c r="L619" s="544"/>
      <c r="M619" s="544"/>
      <c r="N619" s="544"/>
      <c r="O619" s="544"/>
      <c r="P619" s="544"/>
      <c r="Q619" s="544"/>
      <c r="R619" s="544"/>
      <c r="S619" s="544"/>
      <c r="T619" s="545"/>
      <c r="U619" s="221" t="s">
        <v>516</v>
      </c>
      <c r="V619" s="546" t="s">
        <v>107</v>
      </c>
      <c r="W619" s="547"/>
      <c r="X619" s="547"/>
      <c r="Y619" s="547"/>
      <c r="Z619" s="548"/>
      <c r="AA619" s="546" t="s">
        <v>102</v>
      </c>
      <c r="AB619" s="547"/>
      <c r="AC619" s="548"/>
      <c r="AD619" s="415">
        <v>6</v>
      </c>
      <c r="AE619" s="415" t="s">
        <v>103</v>
      </c>
      <c r="AF619" s="541"/>
      <c r="AG619" s="542"/>
      <c r="AH619" s="549"/>
      <c r="AI619" s="550"/>
      <c r="AJ619" s="551"/>
      <c r="AK619" s="332"/>
      <c r="AL619" s="329"/>
      <c r="AM619" s="16"/>
      <c r="AN619" s="3" t="str">
        <f t="shared" si="37"/>
        <v>■</v>
      </c>
    </row>
    <row r="620" spans="1:40" ht="13.4" customHeight="1">
      <c r="A620" s="20" t="str">
        <f t="shared" si="36"/>
        <v>MF</v>
      </c>
      <c r="B620" s="25"/>
      <c r="C620" s="122"/>
      <c r="D620" s="122"/>
      <c r="E620" s="208"/>
      <c r="F620" s="208"/>
      <c r="G620" s="208"/>
      <c r="H620" s="208"/>
      <c r="I620" s="208"/>
      <c r="J620" s="208"/>
      <c r="K620" s="208"/>
      <c r="L620" s="208"/>
      <c r="M620" s="208"/>
      <c r="N620" s="208"/>
      <c r="O620" s="208"/>
      <c r="P620" s="208"/>
      <c r="Q620" s="208"/>
      <c r="R620" s="208"/>
      <c r="S620" s="208"/>
      <c r="T620" s="208"/>
      <c r="U620" s="214"/>
      <c r="V620" s="205"/>
      <c r="W620" s="205"/>
      <c r="X620" s="205"/>
      <c r="Y620" s="205"/>
      <c r="Z620" s="205"/>
      <c r="AA620" s="205"/>
      <c r="AB620" s="205"/>
      <c r="AC620" s="205"/>
      <c r="AD620" s="206"/>
      <c r="AE620" s="206"/>
      <c r="AF620" s="326"/>
      <c r="AG620" s="412"/>
      <c r="AH620" s="238"/>
      <c r="AI620" s="238"/>
      <c r="AJ620" s="238"/>
      <c r="AK620" s="26"/>
      <c r="AL620" s="29"/>
      <c r="AM620" s="16"/>
    </row>
    <row r="621" spans="1:40" ht="13.4" customHeight="1">
      <c r="A621" s="20" t="str">
        <f t="shared" si="36"/>
        <v>ON</v>
      </c>
      <c r="B621" s="25"/>
      <c r="C621" s="52" t="s">
        <v>380</v>
      </c>
      <c r="D621" s="122"/>
      <c r="E621" s="208"/>
      <c r="F621" s="208"/>
      <c r="G621" s="208"/>
      <c r="H621" s="208"/>
      <c r="I621" s="208"/>
      <c r="J621" s="26" t="s">
        <v>878</v>
      </c>
      <c r="K621" s="208"/>
      <c r="L621" s="208"/>
      <c r="M621" s="208"/>
      <c r="N621" s="208"/>
      <c r="O621" s="208"/>
      <c r="P621" s="208"/>
      <c r="Q621" s="208"/>
      <c r="R621" s="208"/>
      <c r="S621" s="208"/>
      <c r="T621" s="208"/>
      <c r="U621" s="214" t="s">
        <v>879</v>
      </c>
      <c r="V621" s="205"/>
      <c r="W621" s="205"/>
      <c r="X621" s="205"/>
      <c r="Y621" s="205"/>
      <c r="Z621" s="205"/>
      <c r="AA621" s="205"/>
      <c r="AB621" s="205"/>
      <c r="AC621" s="205"/>
      <c r="AD621" s="206"/>
      <c r="AE621" s="206"/>
      <c r="AF621" s="326"/>
      <c r="AG621" s="239"/>
      <c r="AH621" s="238"/>
      <c r="AI621" s="238"/>
      <c r="AJ621" s="238"/>
      <c r="AK621" s="26"/>
      <c r="AL621" s="29"/>
      <c r="AM621" s="16"/>
    </row>
    <row r="622" spans="1:40" ht="13.4" customHeight="1">
      <c r="A622" s="20" t="str">
        <f t="shared" si="36"/>
        <v>ON</v>
      </c>
      <c r="B622" s="25"/>
      <c r="C622" s="571" t="s">
        <v>73</v>
      </c>
      <c r="D622" s="573"/>
      <c r="E622" s="571" t="s">
        <v>94</v>
      </c>
      <c r="F622" s="571"/>
      <c r="G622" s="571"/>
      <c r="H622" s="571"/>
      <c r="I622" s="571"/>
      <c r="J622" s="571"/>
      <c r="K622" s="571"/>
      <c r="L622" s="571"/>
      <c r="M622" s="571"/>
      <c r="N622" s="571"/>
      <c r="O622" s="571"/>
      <c r="P622" s="571"/>
      <c r="Q622" s="571"/>
      <c r="R622" s="571"/>
      <c r="S622" s="571"/>
      <c r="T622" s="571"/>
      <c r="U622" s="226" t="s">
        <v>383</v>
      </c>
      <c r="V622" s="574" t="s">
        <v>138</v>
      </c>
      <c r="W622" s="574"/>
      <c r="X622" s="574"/>
      <c r="Y622" s="574"/>
      <c r="Z622" s="574"/>
      <c r="AA622" s="575" t="s">
        <v>415</v>
      </c>
      <c r="AB622" s="576"/>
      <c r="AC622" s="577"/>
      <c r="AD622" s="493" t="s">
        <v>97</v>
      </c>
      <c r="AE622" s="493"/>
      <c r="AF622" s="574" t="s">
        <v>98</v>
      </c>
      <c r="AG622" s="574"/>
      <c r="AH622" s="571" t="s">
        <v>75</v>
      </c>
      <c r="AI622" s="571"/>
      <c r="AJ622" s="571"/>
      <c r="AK622" s="572" t="s">
        <v>159</v>
      </c>
      <c r="AL622" s="329"/>
      <c r="AM622" s="16"/>
    </row>
    <row r="623" spans="1:40" ht="13.4" customHeight="1">
      <c r="A623" s="20" t="str">
        <f t="shared" si="36"/>
        <v>ON</v>
      </c>
      <c r="B623" s="25"/>
      <c r="C623" s="573"/>
      <c r="D623" s="573"/>
      <c r="E623" s="571"/>
      <c r="F623" s="571"/>
      <c r="G623" s="571"/>
      <c r="H623" s="571"/>
      <c r="I623" s="571"/>
      <c r="J623" s="571"/>
      <c r="K623" s="571"/>
      <c r="L623" s="571"/>
      <c r="M623" s="571"/>
      <c r="N623" s="571"/>
      <c r="O623" s="571"/>
      <c r="P623" s="571"/>
      <c r="Q623" s="571"/>
      <c r="R623" s="571"/>
      <c r="S623" s="571"/>
      <c r="T623" s="571"/>
      <c r="U623" s="227"/>
      <c r="V623" s="574"/>
      <c r="W623" s="574"/>
      <c r="X623" s="574"/>
      <c r="Y623" s="574"/>
      <c r="Z623" s="574"/>
      <c r="AA623" s="578"/>
      <c r="AB623" s="579"/>
      <c r="AC623" s="580"/>
      <c r="AD623" s="493"/>
      <c r="AE623" s="493"/>
      <c r="AF623" s="574"/>
      <c r="AG623" s="574"/>
      <c r="AH623" s="571"/>
      <c r="AI623" s="571"/>
      <c r="AJ623" s="571"/>
      <c r="AK623" s="572"/>
      <c r="AL623" s="329"/>
      <c r="AM623" s="16"/>
    </row>
    <row r="624" spans="1:40" ht="13.4" customHeight="1">
      <c r="A624" s="20" t="str">
        <f t="shared" si="36"/>
        <v>ON</v>
      </c>
      <c r="B624" s="25"/>
      <c r="C624" s="541">
        <v>1</v>
      </c>
      <c r="D624" s="542"/>
      <c r="E624" s="563" t="s">
        <v>440</v>
      </c>
      <c r="F624" s="564"/>
      <c r="G624" s="564"/>
      <c r="H624" s="564"/>
      <c r="I624" s="564"/>
      <c r="J624" s="564"/>
      <c r="K624" s="564"/>
      <c r="L624" s="564"/>
      <c r="M624" s="564"/>
      <c r="N624" s="564"/>
      <c r="O624" s="564"/>
      <c r="P624" s="564"/>
      <c r="Q624" s="564"/>
      <c r="R624" s="564"/>
      <c r="S624" s="564"/>
      <c r="T624" s="565"/>
      <c r="U624" s="219" t="s">
        <v>441</v>
      </c>
      <c r="V624" s="546" t="s">
        <v>101</v>
      </c>
      <c r="W624" s="547"/>
      <c r="X624" s="547"/>
      <c r="Y624" s="547"/>
      <c r="Z624" s="548"/>
      <c r="AA624" s="546" t="s">
        <v>102</v>
      </c>
      <c r="AB624" s="547"/>
      <c r="AC624" s="548"/>
      <c r="AD624" s="415">
        <v>10</v>
      </c>
      <c r="AE624" s="415" t="s">
        <v>103</v>
      </c>
      <c r="AF624" s="541"/>
      <c r="AG624" s="542"/>
      <c r="AH624" s="549"/>
      <c r="AI624" s="550"/>
      <c r="AJ624" s="551"/>
      <c r="AK624" s="332"/>
      <c r="AL624" s="329"/>
      <c r="AM624" s="16"/>
      <c r="AN624" s="3" t="str">
        <f>$P$22</f>
        <v>■</v>
      </c>
    </row>
    <row r="625" spans="1:40" ht="13.4" customHeight="1">
      <c r="A625" s="20" t="str">
        <f t="shared" si="36"/>
        <v>ON</v>
      </c>
      <c r="B625" s="25"/>
      <c r="C625" s="541">
        <v>2</v>
      </c>
      <c r="D625" s="542"/>
      <c r="E625" s="563" t="s">
        <v>442</v>
      </c>
      <c r="F625" s="564"/>
      <c r="G625" s="564"/>
      <c r="H625" s="564"/>
      <c r="I625" s="564"/>
      <c r="J625" s="564"/>
      <c r="K625" s="564"/>
      <c r="L625" s="564"/>
      <c r="M625" s="564"/>
      <c r="N625" s="564"/>
      <c r="O625" s="564"/>
      <c r="P625" s="564"/>
      <c r="Q625" s="564"/>
      <c r="R625" s="564"/>
      <c r="S625" s="564"/>
      <c r="T625" s="565"/>
      <c r="U625" s="219" t="s">
        <v>443</v>
      </c>
      <c r="V625" s="546" t="s">
        <v>101</v>
      </c>
      <c r="W625" s="547"/>
      <c r="X625" s="547"/>
      <c r="Y625" s="547"/>
      <c r="Z625" s="548"/>
      <c r="AA625" s="546" t="s">
        <v>102</v>
      </c>
      <c r="AB625" s="547"/>
      <c r="AC625" s="548"/>
      <c r="AD625" s="415">
        <v>51</v>
      </c>
      <c r="AE625" s="415" t="s">
        <v>103</v>
      </c>
      <c r="AF625" s="541"/>
      <c r="AG625" s="542"/>
      <c r="AH625" s="549"/>
      <c r="AI625" s="550"/>
      <c r="AJ625" s="551"/>
      <c r="AK625" s="332"/>
      <c r="AL625" s="329"/>
      <c r="AM625" s="16"/>
      <c r="AN625" s="3" t="str">
        <f t="shared" ref="AN625:AN644" si="38">$P$22</f>
        <v>■</v>
      </c>
    </row>
    <row r="626" spans="1:40" ht="13.4" customHeight="1">
      <c r="A626" s="20" t="str">
        <f t="shared" si="36"/>
        <v>ON</v>
      </c>
      <c r="B626" s="25"/>
      <c r="C626" s="552">
        <v>3</v>
      </c>
      <c r="D626" s="553"/>
      <c r="E626" s="566" t="s">
        <v>106</v>
      </c>
      <c r="F626" s="567"/>
      <c r="G626" s="567"/>
      <c r="H626" s="567"/>
      <c r="I626" s="567"/>
      <c r="J626" s="567"/>
      <c r="K626" s="567"/>
      <c r="L626" s="567"/>
      <c r="M626" s="567"/>
      <c r="N626" s="567"/>
      <c r="O626" s="567"/>
      <c r="P626" s="567"/>
      <c r="Q626" s="567"/>
      <c r="R626" s="567"/>
      <c r="S626" s="567"/>
      <c r="T626" s="568"/>
      <c r="U626" s="220" t="s">
        <v>444</v>
      </c>
      <c r="V626" s="557" t="s">
        <v>107</v>
      </c>
      <c r="W626" s="558"/>
      <c r="X626" s="558"/>
      <c r="Y626" s="558"/>
      <c r="Z626" s="559"/>
      <c r="AA626" s="557" t="s">
        <v>108</v>
      </c>
      <c r="AB626" s="558"/>
      <c r="AC626" s="559"/>
      <c r="AD626" s="419">
        <v>1</v>
      </c>
      <c r="AE626" s="419">
        <v>0</v>
      </c>
      <c r="AF626" s="569" t="s">
        <v>109</v>
      </c>
      <c r="AG626" s="570"/>
      <c r="AH626" s="560"/>
      <c r="AI626" s="561"/>
      <c r="AJ626" s="562"/>
      <c r="AK626" s="333" t="s">
        <v>391</v>
      </c>
      <c r="AL626" s="329"/>
      <c r="AM626" s="16"/>
      <c r="AN626" s="3" t="str">
        <f t="shared" si="38"/>
        <v>■</v>
      </c>
    </row>
    <row r="627" spans="1:40" ht="13.4" customHeight="1">
      <c r="A627" s="20" t="str">
        <f t="shared" si="36"/>
        <v>ON</v>
      </c>
      <c r="B627" s="25"/>
      <c r="C627" s="541">
        <v>4</v>
      </c>
      <c r="D627" s="542"/>
      <c r="E627" s="563" t="s">
        <v>110</v>
      </c>
      <c r="F627" s="564"/>
      <c r="G627" s="564"/>
      <c r="H627" s="564"/>
      <c r="I627" s="564"/>
      <c r="J627" s="564"/>
      <c r="K627" s="564"/>
      <c r="L627" s="564"/>
      <c r="M627" s="564"/>
      <c r="N627" s="564"/>
      <c r="O627" s="564"/>
      <c r="P627" s="564"/>
      <c r="Q627" s="564"/>
      <c r="R627" s="564"/>
      <c r="S627" s="564"/>
      <c r="T627" s="565"/>
      <c r="U627" s="221" t="s">
        <v>445</v>
      </c>
      <c r="V627" s="546" t="s">
        <v>107</v>
      </c>
      <c r="W627" s="547"/>
      <c r="X627" s="547"/>
      <c r="Y627" s="547"/>
      <c r="Z627" s="548"/>
      <c r="AA627" s="546" t="s">
        <v>108</v>
      </c>
      <c r="AB627" s="547"/>
      <c r="AC627" s="548"/>
      <c r="AD627" s="415">
        <v>1</v>
      </c>
      <c r="AE627" s="415">
        <v>0</v>
      </c>
      <c r="AF627" s="541"/>
      <c r="AG627" s="542"/>
      <c r="AH627" s="549"/>
      <c r="AI627" s="550"/>
      <c r="AJ627" s="551"/>
      <c r="AK627" s="332"/>
      <c r="AL627" s="329"/>
      <c r="AM627" s="16"/>
      <c r="AN627" s="3" t="str">
        <f t="shared" si="38"/>
        <v>■</v>
      </c>
    </row>
    <row r="628" spans="1:40" ht="13.4" customHeight="1">
      <c r="A628" s="20" t="str">
        <f t="shared" si="36"/>
        <v>ON</v>
      </c>
      <c r="B628" s="25"/>
      <c r="C628" s="541">
        <v>5</v>
      </c>
      <c r="D628" s="542"/>
      <c r="E628" s="543" t="s">
        <v>80</v>
      </c>
      <c r="F628" s="544"/>
      <c r="G628" s="544"/>
      <c r="H628" s="544"/>
      <c r="I628" s="544"/>
      <c r="J628" s="544"/>
      <c r="K628" s="544"/>
      <c r="L628" s="544"/>
      <c r="M628" s="544"/>
      <c r="N628" s="544"/>
      <c r="O628" s="544"/>
      <c r="P628" s="544"/>
      <c r="Q628" s="544"/>
      <c r="R628" s="544"/>
      <c r="S628" s="544"/>
      <c r="T628" s="545"/>
      <c r="U628" s="221" t="s">
        <v>446</v>
      </c>
      <c r="V628" s="546" t="s">
        <v>101</v>
      </c>
      <c r="W628" s="547"/>
      <c r="X628" s="547"/>
      <c r="Y628" s="547"/>
      <c r="Z628" s="548"/>
      <c r="AA628" s="546" t="s">
        <v>102</v>
      </c>
      <c r="AB628" s="547"/>
      <c r="AC628" s="548"/>
      <c r="AD628" s="415">
        <v>2</v>
      </c>
      <c r="AE628" s="415" t="s">
        <v>103</v>
      </c>
      <c r="AF628" s="541"/>
      <c r="AG628" s="542"/>
      <c r="AH628" s="549"/>
      <c r="AI628" s="550"/>
      <c r="AJ628" s="551"/>
      <c r="AK628" s="332"/>
      <c r="AL628" s="329"/>
      <c r="AM628" s="16"/>
      <c r="AN628" s="3" t="str">
        <f t="shared" si="38"/>
        <v>■</v>
      </c>
    </row>
    <row r="629" spans="1:40" ht="13.4" customHeight="1">
      <c r="A629" s="20" t="str">
        <f t="shared" si="36"/>
        <v>ON</v>
      </c>
      <c r="B629" s="25"/>
      <c r="C629" s="541">
        <v>6</v>
      </c>
      <c r="D629" s="542"/>
      <c r="E629" s="543" t="s">
        <v>779</v>
      </c>
      <c r="F629" s="544"/>
      <c r="G629" s="544"/>
      <c r="H629" s="544"/>
      <c r="I629" s="544"/>
      <c r="J629" s="544"/>
      <c r="K629" s="544"/>
      <c r="L629" s="544"/>
      <c r="M629" s="544"/>
      <c r="N629" s="544"/>
      <c r="O629" s="544"/>
      <c r="P629" s="544"/>
      <c r="Q629" s="544"/>
      <c r="R629" s="544"/>
      <c r="S629" s="544"/>
      <c r="T629" s="545"/>
      <c r="U629" s="221" t="s">
        <v>780</v>
      </c>
      <c r="V629" s="546" t="s">
        <v>107</v>
      </c>
      <c r="W629" s="547"/>
      <c r="X629" s="547"/>
      <c r="Y629" s="547"/>
      <c r="Z629" s="548"/>
      <c r="AA629" s="546" t="s">
        <v>108</v>
      </c>
      <c r="AB629" s="547"/>
      <c r="AC629" s="548"/>
      <c r="AD629" s="415">
        <v>1</v>
      </c>
      <c r="AE629" s="415">
        <v>0</v>
      </c>
      <c r="AF629" s="541"/>
      <c r="AG629" s="542"/>
      <c r="AH629" s="549"/>
      <c r="AI629" s="550"/>
      <c r="AJ629" s="551"/>
      <c r="AK629" s="332"/>
      <c r="AL629" s="329"/>
      <c r="AM629" s="16"/>
      <c r="AN629" s="3" t="str">
        <f t="shared" si="38"/>
        <v>■</v>
      </c>
    </row>
    <row r="630" spans="1:40" ht="13.4" customHeight="1">
      <c r="A630" s="20" t="str">
        <f t="shared" si="36"/>
        <v>ON</v>
      </c>
      <c r="B630" s="25"/>
      <c r="C630" s="541">
        <v>7</v>
      </c>
      <c r="D630" s="542"/>
      <c r="E630" s="543" t="s">
        <v>880</v>
      </c>
      <c r="F630" s="544"/>
      <c r="G630" s="544"/>
      <c r="H630" s="544"/>
      <c r="I630" s="544"/>
      <c r="J630" s="544"/>
      <c r="K630" s="544"/>
      <c r="L630" s="544"/>
      <c r="M630" s="544"/>
      <c r="N630" s="544"/>
      <c r="O630" s="544"/>
      <c r="P630" s="544"/>
      <c r="Q630" s="544"/>
      <c r="R630" s="544"/>
      <c r="S630" s="544"/>
      <c r="T630" s="545"/>
      <c r="U630" s="221" t="s">
        <v>881</v>
      </c>
      <c r="V630" s="546" t="s">
        <v>107</v>
      </c>
      <c r="W630" s="547"/>
      <c r="X630" s="547"/>
      <c r="Y630" s="547"/>
      <c r="Z630" s="548"/>
      <c r="AA630" s="546" t="s">
        <v>102</v>
      </c>
      <c r="AB630" s="547"/>
      <c r="AC630" s="548"/>
      <c r="AD630" s="415">
        <v>8</v>
      </c>
      <c r="AE630" s="415" t="s">
        <v>103</v>
      </c>
      <c r="AF630" s="541"/>
      <c r="AG630" s="542"/>
      <c r="AH630" s="549"/>
      <c r="AI630" s="550"/>
      <c r="AJ630" s="551"/>
      <c r="AK630" s="332"/>
      <c r="AL630" s="329"/>
      <c r="AM630" s="16"/>
      <c r="AN630" s="3" t="str">
        <f t="shared" si="38"/>
        <v>■</v>
      </c>
    </row>
    <row r="631" spans="1:40" ht="13.4" customHeight="1">
      <c r="A631" s="20" t="str">
        <f t="shared" si="36"/>
        <v>ON</v>
      </c>
      <c r="B631" s="25"/>
      <c r="C631" s="541">
        <v>8</v>
      </c>
      <c r="D631" s="542"/>
      <c r="E631" s="543" t="s">
        <v>882</v>
      </c>
      <c r="F631" s="544"/>
      <c r="G631" s="544"/>
      <c r="H631" s="544"/>
      <c r="I631" s="544"/>
      <c r="J631" s="544"/>
      <c r="K631" s="544"/>
      <c r="L631" s="544"/>
      <c r="M631" s="544"/>
      <c r="N631" s="544"/>
      <c r="O631" s="544"/>
      <c r="P631" s="544"/>
      <c r="Q631" s="544"/>
      <c r="R631" s="544"/>
      <c r="S631" s="544"/>
      <c r="T631" s="545"/>
      <c r="U631" s="221" t="s">
        <v>883</v>
      </c>
      <c r="V631" s="546" t="s">
        <v>107</v>
      </c>
      <c r="W631" s="547"/>
      <c r="X631" s="547"/>
      <c r="Y631" s="547"/>
      <c r="Z631" s="548"/>
      <c r="AA631" s="546" t="s">
        <v>102</v>
      </c>
      <c r="AB631" s="547"/>
      <c r="AC631" s="548"/>
      <c r="AD631" s="415">
        <v>8</v>
      </c>
      <c r="AE631" s="415" t="s">
        <v>103</v>
      </c>
      <c r="AF631" s="541"/>
      <c r="AG631" s="542"/>
      <c r="AH631" s="549"/>
      <c r="AI631" s="550"/>
      <c r="AJ631" s="551"/>
      <c r="AK631" s="332"/>
      <c r="AL631" s="329"/>
      <c r="AM631" s="16"/>
      <c r="AN631" s="3" t="str">
        <f t="shared" si="38"/>
        <v>■</v>
      </c>
    </row>
    <row r="632" spans="1:40" ht="13.4" customHeight="1">
      <c r="A632" s="20" t="str">
        <f t="shared" si="36"/>
        <v>ON</v>
      </c>
      <c r="B632" s="25"/>
      <c r="C632" s="541">
        <v>9</v>
      </c>
      <c r="D632" s="542"/>
      <c r="E632" s="543" t="s">
        <v>884</v>
      </c>
      <c r="F632" s="544"/>
      <c r="G632" s="544"/>
      <c r="H632" s="544"/>
      <c r="I632" s="544"/>
      <c r="J632" s="544"/>
      <c r="K632" s="544"/>
      <c r="L632" s="544"/>
      <c r="M632" s="544"/>
      <c r="N632" s="544"/>
      <c r="O632" s="544"/>
      <c r="P632" s="544"/>
      <c r="Q632" s="544"/>
      <c r="R632" s="544"/>
      <c r="S632" s="544"/>
      <c r="T632" s="545"/>
      <c r="U632" s="221" t="s">
        <v>885</v>
      </c>
      <c r="V632" s="546" t="s">
        <v>107</v>
      </c>
      <c r="W632" s="547"/>
      <c r="X632" s="547"/>
      <c r="Y632" s="547"/>
      <c r="Z632" s="548"/>
      <c r="AA632" s="546" t="s">
        <v>102</v>
      </c>
      <c r="AB632" s="547"/>
      <c r="AC632" s="548"/>
      <c r="AD632" s="415">
        <v>12</v>
      </c>
      <c r="AE632" s="415" t="s">
        <v>103</v>
      </c>
      <c r="AF632" s="541"/>
      <c r="AG632" s="542"/>
      <c r="AH632" s="549"/>
      <c r="AI632" s="550"/>
      <c r="AJ632" s="551"/>
      <c r="AK632" s="332"/>
      <c r="AL632" s="329"/>
      <c r="AM632" s="16"/>
      <c r="AN632" s="3" t="str">
        <f t="shared" si="38"/>
        <v>■</v>
      </c>
    </row>
    <row r="633" spans="1:40" ht="13.4" customHeight="1">
      <c r="A633" s="20" t="str">
        <f t="shared" si="36"/>
        <v>ON</v>
      </c>
      <c r="B633" s="25"/>
      <c r="C633" s="541">
        <v>10</v>
      </c>
      <c r="D633" s="542"/>
      <c r="E633" s="543" t="s">
        <v>886</v>
      </c>
      <c r="F633" s="544"/>
      <c r="G633" s="544"/>
      <c r="H633" s="544"/>
      <c r="I633" s="544"/>
      <c r="J633" s="544"/>
      <c r="K633" s="544"/>
      <c r="L633" s="544"/>
      <c r="M633" s="544"/>
      <c r="N633" s="544"/>
      <c r="O633" s="544"/>
      <c r="P633" s="544"/>
      <c r="Q633" s="544"/>
      <c r="R633" s="544"/>
      <c r="S633" s="544"/>
      <c r="T633" s="545"/>
      <c r="U633" s="221" t="s">
        <v>887</v>
      </c>
      <c r="V633" s="546" t="s">
        <v>107</v>
      </c>
      <c r="W633" s="547"/>
      <c r="X633" s="547"/>
      <c r="Y633" s="547"/>
      <c r="Z633" s="548"/>
      <c r="AA633" s="546" t="s">
        <v>102</v>
      </c>
      <c r="AB633" s="547"/>
      <c r="AC633" s="548"/>
      <c r="AD633" s="415">
        <v>30</v>
      </c>
      <c r="AE633" s="415" t="s">
        <v>103</v>
      </c>
      <c r="AF633" s="541"/>
      <c r="AG633" s="542"/>
      <c r="AH633" s="549"/>
      <c r="AI633" s="550"/>
      <c r="AJ633" s="551"/>
      <c r="AK633" s="332"/>
      <c r="AL633" s="329"/>
      <c r="AM633" s="16"/>
      <c r="AN633" s="3" t="str">
        <f t="shared" si="38"/>
        <v>■</v>
      </c>
    </row>
    <row r="634" spans="1:40" ht="13.4" customHeight="1">
      <c r="A634" s="20" t="str">
        <f t="shared" si="36"/>
        <v>ON</v>
      </c>
      <c r="B634" s="25"/>
      <c r="C634" s="541">
        <v>11</v>
      </c>
      <c r="D634" s="542"/>
      <c r="E634" s="543" t="s">
        <v>888</v>
      </c>
      <c r="F634" s="544"/>
      <c r="G634" s="544"/>
      <c r="H634" s="544"/>
      <c r="I634" s="544"/>
      <c r="J634" s="544"/>
      <c r="K634" s="544"/>
      <c r="L634" s="544"/>
      <c r="M634" s="544"/>
      <c r="N634" s="544"/>
      <c r="O634" s="544"/>
      <c r="P634" s="544"/>
      <c r="Q634" s="544"/>
      <c r="R634" s="544"/>
      <c r="S634" s="544"/>
      <c r="T634" s="545"/>
      <c r="U634" s="221" t="s">
        <v>889</v>
      </c>
      <c r="V634" s="546" t="s">
        <v>107</v>
      </c>
      <c r="W634" s="547"/>
      <c r="X634" s="547"/>
      <c r="Y634" s="547"/>
      <c r="Z634" s="548"/>
      <c r="AA634" s="546" t="s">
        <v>108</v>
      </c>
      <c r="AB634" s="547"/>
      <c r="AC634" s="548"/>
      <c r="AD634" s="415">
        <v>1</v>
      </c>
      <c r="AE634" s="415">
        <v>0</v>
      </c>
      <c r="AF634" s="541"/>
      <c r="AG634" s="542"/>
      <c r="AH634" s="549"/>
      <c r="AI634" s="550"/>
      <c r="AJ634" s="551"/>
      <c r="AK634" s="332"/>
      <c r="AL634" s="329"/>
      <c r="AM634" s="16"/>
      <c r="AN634" s="3" t="str">
        <f t="shared" si="38"/>
        <v>■</v>
      </c>
    </row>
    <row r="635" spans="1:40" ht="13.4" customHeight="1">
      <c r="A635" s="20" t="str">
        <f t="shared" si="36"/>
        <v>ON</v>
      </c>
      <c r="B635" s="20"/>
      <c r="C635" s="552">
        <v>12</v>
      </c>
      <c r="D635" s="553"/>
      <c r="E635" s="554" t="s">
        <v>890</v>
      </c>
      <c r="F635" s="555"/>
      <c r="G635" s="555"/>
      <c r="H635" s="555"/>
      <c r="I635" s="555"/>
      <c r="J635" s="555"/>
      <c r="K635" s="555"/>
      <c r="L635" s="555"/>
      <c r="M635" s="555"/>
      <c r="N635" s="555"/>
      <c r="O635" s="555"/>
      <c r="P635" s="555"/>
      <c r="Q635" s="555"/>
      <c r="R635" s="555"/>
      <c r="S635" s="555"/>
      <c r="T635" s="556"/>
      <c r="U635" s="220" t="s">
        <v>891</v>
      </c>
      <c r="V635" s="557" t="s">
        <v>101</v>
      </c>
      <c r="W635" s="558"/>
      <c r="X635" s="558"/>
      <c r="Y635" s="558"/>
      <c r="Z635" s="559"/>
      <c r="AA635" s="557" t="s">
        <v>102</v>
      </c>
      <c r="AB635" s="558"/>
      <c r="AC635" s="559"/>
      <c r="AD635" s="419">
        <v>100</v>
      </c>
      <c r="AE635" s="419" t="s">
        <v>103</v>
      </c>
      <c r="AF635" s="552" t="s">
        <v>109</v>
      </c>
      <c r="AG635" s="553"/>
      <c r="AH635" s="560"/>
      <c r="AI635" s="561"/>
      <c r="AJ635" s="562"/>
      <c r="AK635" s="333" t="s">
        <v>480</v>
      </c>
      <c r="AL635" s="329"/>
      <c r="AM635" s="16"/>
      <c r="AN635" s="3" t="str">
        <f t="shared" si="38"/>
        <v>■</v>
      </c>
    </row>
    <row r="636" spans="1:40" ht="13.4" customHeight="1">
      <c r="A636" s="20" t="str">
        <f t="shared" ref="A636:A644" si="39">IF(LEN(J636)&gt;0,MID(J636,FIND("（",J636,1)+1,2),A635)</f>
        <v>ON</v>
      </c>
      <c r="B636" s="25"/>
      <c r="C636" s="541">
        <v>13</v>
      </c>
      <c r="D636" s="542"/>
      <c r="E636" s="543" t="s">
        <v>892</v>
      </c>
      <c r="F636" s="544"/>
      <c r="G636" s="544"/>
      <c r="H636" s="544"/>
      <c r="I636" s="544"/>
      <c r="J636" s="544"/>
      <c r="K636" s="544"/>
      <c r="L636" s="544"/>
      <c r="M636" s="544"/>
      <c r="N636" s="544"/>
      <c r="O636" s="544"/>
      <c r="P636" s="544"/>
      <c r="Q636" s="544"/>
      <c r="R636" s="544"/>
      <c r="S636" s="544"/>
      <c r="T636" s="545"/>
      <c r="U636" s="221" t="s">
        <v>893</v>
      </c>
      <c r="V636" s="546" t="s">
        <v>107</v>
      </c>
      <c r="W636" s="547"/>
      <c r="X636" s="547"/>
      <c r="Y636" s="547"/>
      <c r="Z636" s="548"/>
      <c r="AA636" s="546" t="s">
        <v>102</v>
      </c>
      <c r="AB636" s="547"/>
      <c r="AC636" s="548"/>
      <c r="AD636" s="415">
        <v>8</v>
      </c>
      <c r="AE636" s="415" t="s">
        <v>103</v>
      </c>
      <c r="AF636" s="541"/>
      <c r="AG636" s="542"/>
      <c r="AH636" s="549"/>
      <c r="AI636" s="550"/>
      <c r="AJ636" s="551"/>
      <c r="AK636" s="332"/>
      <c r="AL636" s="329"/>
      <c r="AM636" s="16"/>
      <c r="AN636" s="3" t="str">
        <f t="shared" si="38"/>
        <v>■</v>
      </c>
    </row>
    <row r="637" spans="1:40" ht="13.4" customHeight="1">
      <c r="A637" s="20" t="str">
        <f t="shared" si="39"/>
        <v>ON</v>
      </c>
      <c r="B637" s="25"/>
      <c r="C637" s="541">
        <v>14</v>
      </c>
      <c r="D637" s="542"/>
      <c r="E637" s="543" t="s">
        <v>894</v>
      </c>
      <c r="F637" s="544"/>
      <c r="G637" s="544"/>
      <c r="H637" s="544"/>
      <c r="I637" s="544"/>
      <c r="J637" s="544"/>
      <c r="K637" s="544"/>
      <c r="L637" s="544"/>
      <c r="M637" s="544"/>
      <c r="N637" s="544"/>
      <c r="O637" s="544"/>
      <c r="P637" s="544"/>
      <c r="Q637" s="544"/>
      <c r="R637" s="544"/>
      <c r="S637" s="544"/>
      <c r="T637" s="545"/>
      <c r="U637" s="221" t="s">
        <v>895</v>
      </c>
      <c r="V637" s="546" t="s">
        <v>107</v>
      </c>
      <c r="W637" s="547"/>
      <c r="X637" s="547"/>
      <c r="Y637" s="547"/>
      <c r="Z637" s="548"/>
      <c r="AA637" s="546" t="s">
        <v>102</v>
      </c>
      <c r="AB637" s="547"/>
      <c r="AC637" s="548"/>
      <c r="AD637" s="415">
        <v>8</v>
      </c>
      <c r="AE637" s="415" t="s">
        <v>103</v>
      </c>
      <c r="AF637" s="541"/>
      <c r="AG637" s="542"/>
      <c r="AH637" s="549"/>
      <c r="AI637" s="550"/>
      <c r="AJ637" s="551"/>
      <c r="AK637" s="332"/>
      <c r="AL637" s="329"/>
      <c r="AM637" s="16"/>
      <c r="AN637" s="3" t="str">
        <f t="shared" si="38"/>
        <v>■</v>
      </c>
    </row>
    <row r="638" spans="1:40" ht="13.4" customHeight="1">
      <c r="A638" s="20" t="str">
        <f t="shared" si="39"/>
        <v>ON</v>
      </c>
      <c r="B638" s="25"/>
      <c r="C638" s="541">
        <v>15</v>
      </c>
      <c r="D638" s="542"/>
      <c r="E638" s="543" t="s">
        <v>896</v>
      </c>
      <c r="F638" s="544"/>
      <c r="G638" s="544"/>
      <c r="H638" s="544"/>
      <c r="I638" s="544"/>
      <c r="J638" s="544"/>
      <c r="K638" s="544"/>
      <c r="L638" s="544"/>
      <c r="M638" s="544"/>
      <c r="N638" s="544"/>
      <c r="O638" s="544"/>
      <c r="P638" s="544"/>
      <c r="Q638" s="544"/>
      <c r="R638" s="544"/>
      <c r="S638" s="544"/>
      <c r="T638" s="545"/>
      <c r="U638" s="221" t="s">
        <v>897</v>
      </c>
      <c r="V638" s="546" t="s">
        <v>107</v>
      </c>
      <c r="W638" s="547"/>
      <c r="X638" s="547"/>
      <c r="Y638" s="547"/>
      <c r="Z638" s="548"/>
      <c r="AA638" s="546" t="s">
        <v>102</v>
      </c>
      <c r="AB638" s="547"/>
      <c r="AC638" s="548"/>
      <c r="AD638" s="415">
        <v>8</v>
      </c>
      <c r="AE638" s="415" t="s">
        <v>103</v>
      </c>
      <c r="AF638" s="541"/>
      <c r="AG638" s="542"/>
      <c r="AH638" s="549"/>
      <c r="AI638" s="550"/>
      <c r="AJ638" s="551"/>
      <c r="AK638" s="332"/>
      <c r="AL638" s="329"/>
      <c r="AM638" s="16"/>
      <c r="AN638" s="3" t="str">
        <f t="shared" si="38"/>
        <v>■</v>
      </c>
    </row>
    <row r="639" spans="1:40" ht="13.4" customHeight="1">
      <c r="A639" s="20" t="str">
        <f t="shared" si="39"/>
        <v>ON</v>
      </c>
      <c r="B639" s="25"/>
      <c r="C639" s="541">
        <v>16</v>
      </c>
      <c r="D639" s="542"/>
      <c r="E639" s="543" t="s">
        <v>898</v>
      </c>
      <c r="F639" s="544"/>
      <c r="G639" s="544"/>
      <c r="H639" s="544"/>
      <c r="I639" s="544"/>
      <c r="J639" s="544"/>
      <c r="K639" s="544"/>
      <c r="L639" s="544"/>
      <c r="M639" s="544"/>
      <c r="N639" s="544"/>
      <c r="O639" s="544"/>
      <c r="P639" s="544"/>
      <c r="Q639" s="544"/>
      <c r="R639" s="544"/>
      <c r="S639" s="544"/>
      <c r="T639" s="545"/>
      <c r="U639" s="221" t="s">
        <v>899</v>
      </c>
      <c r="V639" s="546" t="s">
        <v>107</v>
      </c>
      <c r="W639" s="547"/>
      <c r="X639" s="547"/>
      <c r="Y639" s="547"/>
      <c r="Z639" s="548"/>
      <c r="AA639" s="546" t="s">
        <v>102</v>
      </c>
      <c r="AB639" s="547"/>
      <c r="AC639" s="548"/>
      <c r="AD639" s="415">
        <v>8</v>
      </c>
      <c r="AE639" s="415" t="s">
        <v>103</v>
      </c>
      <c r="AF639" s="541"/>
      <c r="AG639" s="542"/>
      <c r="AH639" s="549"/>
      <c r="AI639" s="550"/>
      <c r="AJ639" s="551"/>
      <c r="AK639" s="332"/>
      <c r="AL639" s="329"/>
      <c r="AM639" s="16"/>
      <c r="AN639" s="3" t="str">
        <f t="shared" si="38"/>
        <v>■</v>
      </c>
    </row>
    <row r="640" spans="1:40">
      <c r="A640" s="20" t="str">
        <f t="shared" si="39"/>
        <v>ON</v>
      </c>
      <c r="B640" s="25"/>
      <c r="C640" s="541">
        <v>17</v>
      </c>
      <c r="D640" s="542"/>
      <c r="E640" s="543" t="s">
        <v>900</v>
      </c>
      <c r="F640" s="544"/>
      <c r="G640" s="544"/>
      <c r="H640" s="544"/>
      <c r="I640" s="544"/>
      <c r="J640" s="544"/>
      <c r="K640" s="544"/>
      <c r="L640" s="544"/>
      <c r="M640" s="544"/>
      <c r="N640" s="544"/>
      <c r="O640" s="544"/>
      <c r="P640" s="544"/>
      <c r="Q640" s="544"/>
      <c r="R640" s="544"/>
      <c r="S640" s="544"/>
      <c r="T640" s="545"/>
      <c r="U640" s="221" t="s">
        <v>901</v>
      </c>
      <c r="V640" s="546" t="s">
        <v>107</v>
      </c>
      <c r="W640" s="547"/>
      <c r="X640" s="547"/>
      <c r="Y640" s="547"/>
      <c r="Z640" s="548"/>
      <c r="AA640" s="546" t="s">
        <v>102</v>
      </c>
      <c r="AB640" s="547"/>
      <c r="AC640" s="548"/>
      <c r="AD640" s="415">
        <v>8</v>
      </c>
      <c r="AE640" s="415" t="s">
        <v>103</v>
      </c>
      <c r="AF640" s="541"/>
      <c r="AG640" s="542"/>
      <c r="AH640" s="549"/>
      <c r="AI640" s="550"/>
      <c r="AJ640" s="551"/>
      <c r="AK640" s="332"/>
      <c r="AL640" s="329"/>
      <c r="AM640" s="16"/>
      <c r="AN640" s="3" t="str">
        <f t="shared" si="38"/>
        <v>■</v>
      </c>
    </row>
    <row r="641" spans="1:40" ht="13.4" customHeight="1">
      <c r="A641" s="20" t="str">
        <f t="shared" si="39"/>
        <v>ON</v>
      </c>
      <c r="B641" s="25"/>
      <c r="C641" s="541">
        <v>18</v>
      </c>
      <c r="D641" s="542"/>
      <c r="E641" s="543" t="s">
        <v>902</v>
      </c>
      <c r="F641" s="544"/>
      <c r="G641" s="544"/>
      <c r="H641" s="544"/>
      <c r="I641" s="544"/>
      <c r="J641" s="544"/>
      <c r="K641" s="544"/>
      <c r="L641" s="544"/>
      <c r="M641" s="544"/>
      <c r="N641" s="544"/>
      <c r="O641" s="544"/>
      <c r="P641" s="544"/>
      <c r="Q641" s="544"/>
      <c r="R641" s="544"/>
      <c r="S641" s="544"/>
      <c r="T641" s="545"/>
      <c r="U641" s="221" t="s">
        <v>903</v>
      </c>
      <c r="V641" s="546" t="s">
        <v>107</v>
      </c>
      <c r="W641" s="547"/>
      <c r="X641" s="547"/>
      <c r="Y641" s="547"/>
      <c r="Z641" s="548"/>
      <c r="AA641" s="546" t="s">
        <v>102</v>
      </c>
      <c r="AB641" s="547"/>
      <c r="AC641" s="548"/>
      <c r="AD641" s="415">
        <v>8</v>
      </c>
      <c r="AE641" s="415" t="s">
        <v>103</v>
      </c>
      <c r="AF641" s="541"/>
      <c r="AG641" s="542"/>
      <c r="AH641" s="549"/>
      <c r="AI641" s="550"/>
      <c r="AJ641" s="551"/>
      <c r="AK641" s="332"/>
      <c r="AL641" s="329"/>
      <c r="AM641" s="16"/>
      <c r="AN641" s="3" t="str">
        <f t="shared" si="38"/>
        <v>■</v>
      </c>
    </row>
    <row r="642" spans="1:40" ht="13.4" customHeight="1">
      <c r="A642" s="20" t="str">
        <f t="shared" si="39"/>
        <v>ON</v>
      </c>
      <c r="B642" s="20"/>
      <c r="C642" s="552">
        <v>19</v>
      </c>
      <c r="D642" s="553"/>
      <c r="E642" s="554" t="s">
        <v>904</v>
      </c>
      <c r="F642" s="555"/>
      <c r="G642" s="555"/>
      <c r="H642" s="555"/>
      <c r="I642" s="555"/>
      <c r="J642" s="555"/>
      <c r="K642" s="555"/>
      <c r="L642" s="555"/>
      <c r="M642" s="555"/>
      <c r="N642" s="555"/>
      <c r="O642" s="555"/>
      <c r="P642" s="555"/>
      <c r="Q642" s="555"/>
      <c r="R642" s="555"/>
      <c r="S642" s="555"/>
      <c r="T642" s="556"/>
      <c r="U642" s="220" t="s">
        <v>905</v>
      </c>
      <c r="V642" s="557" t="s">
        <v>101</v>
      </c>
      <c r="W642" s="558"/>
      <c r="X642" s="558"/>
      <c r="Y642" s="558"/>
      <c r="Z642" s="559"/>
      <c r="AA642" s="557" t="s">
        <v>102</v>
      </c>
      <c r="AB642" s="558"/>
      <c r="AC642" s="559"/>
      <c r="AD642" s="419">
        <v>50</v>
      </c>
      <c r="AE642" s="419" t="s">
        <v>103</v>
      </c>
      <c r="AF642" s="552" t="s">
        <v>109</v>
      </c>
      <c r="AG642" s="553"/>
      <c r="AH642" s="560"/>
      <c r="AI642" s="561"/>
      <c r="AJ642" s="562"/>
      <c r="AK642" s="333" t="s">
        <v>399</v>
      </c>
      <c r="AL642" s="329"/>
      <c r="AM642" s="16"/>
      <c r="AN642" s="3" t="str">
        <f t="shared" si="38"/>
        <v>■</v>
      </c>
    </row>
    <row r="643" spans="1:40" ht="13.4" customHeight="1">
      <c r="A643" s="20" t="str">
        <f t="shared" si="39"/>
        <v>ON</v>
      </c>
      <c r="B643" s="25"/>
      <c r="C643" s="541">
        <v>20</v>
      </c>
      <c r="D643" s="542"/>
      <c r="E643" s="543" t="s">
        <v>906</v>
      </c>
      <c r="F643" s="544"/>
      <c r="G643" s="544"/>
      <c r="H643" s="544"/>
      <c r="I643" s="544"/>
      <c r="J643" s="544"/>
      <c r="K643" s="544"/>
      <c r="L643" s="544"/>
      <c r="M643" s="544"/>
      <c r="N643" s="544"/>
      <c r="O643" s="544"/>
      <c r="P643" s="544"/>
      <c r="Q643" s="544"/>
      <c r="R643" s="544"/>
      <c r="S643" s="544"/>
      <c r="T643" s="545"/>
      <c r="U643" s="221" t="s">
        <v>453</v>
      </c>
      <c r="V643" s="546" t="s">
        <v>107</v>
      </c>
      <c r="W643" s="547"/>
      <c r="X643" s="547"/>
      <c r="Y643" s="547"/>
      <c r="Z643" s="548"/>
      <c r="AA643" s="546" t="s">
        <v>102</v>
      </c>
      <c r="AB643" s="547"/>
      <c r="AC643" s="548"/>
      <c r="AD643" s="415">
        <v>6</v>
      </c>
      <c r="AE643" s="415" t="s">
        <v>103</v>
      </c>
      <c r="AF643" s="541"/>
      <c r="AG643" s="542"/>
      <c r="AH643" s="549"/>
      <c r="AI643" s="550"/>
      <c r="AJ643" s="551"/>
      <c r="AK643" s="332"/>
      <c r="AL643" s="329"/>
      <c r="AM643" s="16"/>
      <c r="AN643" s="3" t="str">
        <f t="shared" si="38"/>
        <v>■</v>
      </c>
    </row>
    <row r="644" spans="1:40" ht="13.4" customHeight="1">
      <c r="A644" s="20" t="str">
        <f t="shared" si="39"/>
        <v>ON</v>
      </c>
      <c r="B644" s="25"/>
      <c r="C644" s="541">
        <v>21</v>
      </c>
      <c r="D644" s="542"/>
      <c r="E644" s="543" t="s">
        <v>411</v>
      </c>
      <c r="F644" s="544"/>
      <c r="G644" s="544"/>
      <c r="H644" s="544"/>
      <c r="I644" s="544"/>
      <c r="J644" s="544"/>
      <c r="K644" s="544"/>
      <c r="L644" s="544"/>
      <c r="M644" s="544"/>
      <c r="N644" s="544"/>
      <c r="O644" s="544"/>
      <c r="P644" s="544"/>
      <c r="Q644" s="544"/>
      <c r="R644" s="544"/>
      <c r="S644" s="544"/>
      <c r="T644" s="545"/>
      <c r="U644" s="221" t="s">
        <v>516</v>
      </c>
      <c r="V644" s="546" t="s">
        <v>107</v>
      </c>
      <c r="W644" s="547"/>
      <c r="X644" s="547"/>
      <c r="Y644" s="547"/>
      <c r="Z644" s="548"/>
      <c r="AA644" s="546" t="s">
        <v>102</v>
      </c>
      <c r="AB644" s="547"/>
      <c r="AC644" s="548"/>
      <c r="AD644" s="415">
        <v>6</v>
      </c>
      <c r="AE644" s="415" t="s">
        <v>103</v>
      </c>
      <c r="AF644" s="541"/>
      <c r="AG644" s="542"/>
      <c r="AH644" s="549"/>
      <c r="AI644" s="550"/>
      <c r="AJ644" s="551"/>
      <c r="AK644" s="332"/>
      <c r="AL644" s="329"/>
      <c r="AM644" s="16"/>
      <c r="AN644" s="3" t="str">
        <f t="shared" si="38"/>
        <v>■</v>
      </c>
    </row>
    <row r="645" spans="1:40" ht="13.4" customHeight="1">
      <c r="A645" s="25"/>
      <c r="B645" s="25"/>
      <c r="U645" s="26" t="s">
        <v>907</v>
      </c>
      <c r="AK645" s="55"/>
      <c r="AL645" s="329"/>
      <c r="AM645" s="16"/>
    </row>
    <row r="646" spans="1:40" ht="12" customHeight="1">
      <c r="A646" s="25"/>
      <c r="B646" s="25"/>
      <c r="AK646" s="55"/>
      <c r="AL646" s="329"/>
      <c r="AM646" s="16"/>
    </row>
    <row r="647" spans="1:40" ht="12" customHeight="1">
      <c r="A647" s="25"/>
      <c r="B647" s="25"/>
      <c r="AK647" s="55"/>
      <c r="AL647" s="329"/>
      <c r="AM647" s="16"/>
    </row>
    <row r="648" spans="1:40" ht="13.4" customHeight="1">
      <c r="A648" s="25"/>
      <c r="B648" s="25"/>
      <c r="AK648" s="55"/>
      <c r="AL648" s="329"/>
      <c r="AM648" s="16"/>
    </row>
    <row r="649" spans="1:40" ht="13.4" customHeight="1">
      <c r="A649" s="25"/>
      <c r="B649" s="25"/>
      <c r="C649" s="47" t="s">
        <v>908</v>
      </c>
      <c r="AK649" s="55"/>
      <c r="AL649" s="329"/>
      <c r="AM649" s="16"/>
    </row>
    <row r="650" spans="1:40" ht="13.4" customHeight="1">
      <c r="A650" s="25"/>
      <c r="B650" s="25"/>
      <c r="AK650" s="55"/>
      <c r="AL650" s="329"/>
      <c r="AM650" s="16"/>
    </row>
    <row r="651" spans="1:40" ht="13.4" customHeight="1">
      <c r="A651" s="25"/>
      <c r="B651" s="25"/>
      <c r="AK651" s="55"/>
      <c r="AL651" s="329"/>
      <c r="AM651" s="16"/>
    </row>
    <row r="652" spans="1:40" ht="13.4" customHeight="1">
      <c r="A652" s="25"/>
      <c r="B652" s="25"/>
      <c r="AK652" s="55"/>
      <c r="AL652" s="329"/>
      <c r="AM652" s="16"/>
    </row>
    <row r="653" spans="1:40" ht="13.4" customHeight="1">
      <c r="A653" s="25"/>
      <c r="B653" s="25"/>
      <c r="AK653" s="55"/>
      <c r="AL653" s="329"/>
      <c r="AM653" s="16"/>
    </row>
    <row r="654" spans="1:40" ht="13.4" customHeight="1">
      <c r="A654" s="25"/>
      <c r="B654" s="21"/>
      <c r="C654" s="22"/>
      <c r="D654" s="22"/>
      <c r="E654" s="22"/>
      <c r="F654" s="22"/>
      <c r="G654" s="22"/>
      <c r="H654" s="22"/>
      <c r="I654" s="22"/>
      <c r="J654" s="22"/>
      <c r="K654" s="22"/>
      <c r="L654" s="22"/>
      <c r="M654" s="22"/>
      <c r="N654" s="22"/>
      <c r="O654" s="22"/>
      <c r="P654" s="22"/>
      <c r="Q654" s="22"/>
      <c r="R654" s="22"/>
      <c r="S654" s="22"/>
      <c r="T654" s="22"/>
      <c r="U654" s="58"/>
      <c r="V654" s="22"/>
      <c r="W654" s="22"/>
      <c r="X654" s="22"/>
      <c r="Y654" s="22"/>
      <c r="Z654" s="22"/>
      <c r="AA654" s="22"/>
      <c r="AB654" s="22"/>
      <c r="AC654" s="22"/>
      <c r="AD654" s="58"/>
      <c r="AE654" s="58"/>
      <c r="AF654" s="22"/>
      <c r="AG654" s="22"/>
      <c r="AH654" s="22"/>
      <c r="AI654" s="22"/>
      <c r="AJ654" s="22"/>
      <c r="AK654" s="245"/>
      <c r="AL654" s="340"/>
      <c r="AM654" s="16"/>
    </row>
    <row r="655" spans="1:40">
      <c r="AK655" s="55"/>
      <c r="AL655" s="341"/>
      <c r="AM655" s="16"/>
    </row>
    <row r="656" spans="1:40">
      <c r="AK656" s="55"/>
      <c r="AL656" s="342"/>
      <c r="AM656" s="16"/>
    </row>
    <row r="657" spans="2:39">
      <c r="H657" s="45"/>
      <c r="AK657" s="55"/>
      <c r="AL657" s="342"/>
      <c r="AM657" s="16"/>
    </row>
    <row r="658" spans="2:39">
      <c r="H658" s="45"/>
    </row>
    <row r="659" spans="2:39">
      <c r="H659" s="45"/>
    </row>
    <row r="660" spans="2:39">
      <c r="H660" s="45"/>
    </row>
    <row r="661" spans="2:39">
      <c r="H661" s="45"/>
    </row>
    <row r="662" spans="2:39">
      <c r="H662" s="45"/>
    </row>
    <row r="663" spans="2:39">
      <c r="B663" t="s">
        <v>909</v>
      </c>
      <c r="C663" t="s">
        <v>910</v>
      </c>
      <c r="D663" t="s">
        <v>911</v>
      </c>
      <c r="E663" t="s">
        <v>912</v>
      </c>
      <c r="F663" t="s">
        <v>913</v>
      </c>
      <c r="G663" t="s">
        <v>914</v>
      </c>
      <c r="H663" t="s">
        <v>98</v>
      </c>
    </row>
    <row r="664" spans="2:39">
      <c r="B664" t="s">
        <v>340</v>
      </c>
      <c r="C664" t="s">
        <v>915</v>
      </c>
      <c r="D664" s="3" t="s">
        <v>82</v>
      </c>
      <c r="E664" t="s">
        <v>916</v>
      </c>
      <c r="F664" t="s">
        <v>917</v>
      </c>
      <c r="G664" t="s">
        <v>918</v>
      </c>
      <c r="H664" t="s">
        <v>919</v>
      </c>
    </row>
    <row r="665" spans="2:39">
      <c r="B665" t="s">
        <v>920</v>
      </c>
      <c r="C665" t="s">
        <v>921</v>
      </c>
      <c r="D665" s="3" t="s">
        <v>922</v>
      </c>
      <c r="E665" t="s">
        <v>923</v>
      </c>
      <c r="F665" t="s">
        <v>924</v>
      </c>
      <c r="G665" t="s">
        <v>925</v>
      </c>
      <c r="H665" t="s">
        <v>926</v>
      </c>
    </row>
    <row r="666" spans="2:39">
      <c r="B666" t="s">
        <v>927</v>
      </c>
      <c r="C666"/>
      <c r="D666" s="3" t="s">
        <v>928</v>
      </c>
      <c r="E666"/>
      <c r="F666" t="s">
        <v>929</v>
      </c>
      <c r="G666" t="s">
        <v>930</v>
      </c>
      <c r="H666"/>
    </row>
    <row r="667" spans="2:39">
      <c r="B667"/>
      <c r="C667"/>
      <c r="D667" s="3" t="s">
        <v>931</v>
      </c>
      <c r="E667"/>
      <c r="F667" t="s">
        <v>932</v>
      </c>
      <c r="G667" t="s">
        <v>933</v>
      </c>
      <c r="H667"/>
    </row>
    <row r="668" spans="2:39">
      <c r="B668"/>
      <c r="C668"/>
      <c r="D668" s="3" t="s">
        <v>230</v>
      </c>
      <c r="E668"/>
      <c r="F668"/>
      <c r="G668" t="s">
        <v>934</v>
      </c>
      <c r="H668"/>
    </row>
    <row r="669" spans="2:39">
      <c r="B669"/>
      <c r="C669"/>
      <c r="D669" s="3" t="s">
        <v>177</v>
      </c>
      <c r="E669"/>
      <c r="F669"/>
      <c r="G669" t="s">
        <v>935</v>
      </c>
      <c r="H669"/>
    </row>
    <row r="670" spans="2:39">
      <c r="B670"/>
      <c r="C670"/>
      <c r="D670"/>
      <c r="E670"/>
      <c r="F670"/>
      <c r="G670" t="s">
        <v>936</v>
      </c>
      <c r="H670"/>
    </row>
    <row r="671" spans="2:39">
      <c r="B671"/>
      <c r="C671"/>
      <c r="D671"/>
      <c r="E671"/>
      <c r="F671"/>
      <c r="G671" t="s">
        <v>937</v>
      </c>
      <c r="H671"/>
    </row>
    <row r="672" spans="2:39">
      <c r="B672"/>
      <c r="C672"/>
      <c r="D672"/>
      <c r="E672"/>
      <c r="F672"/>
      <c r="G672" t="s">
        <v>938</v>
      </c>
      <c r="H672"/>
    </row>
    <row r="673" spans="2:8">
      <c r="B673"/>
      <c r="C673"/>
      <c r="D673"/>
      <c r="E673"/>
      <c r="F673"/>
      <c r="G673" t="s">
        <v>939</v>
      </c>
      <c r="H673"/>
    </row>
    <row r="674" spans="2:8">
      <c r="B674"/>
      <c r="C674"/>
      <c r="D674"/>
      <c r="E674"/>
      <c r="F674"/>
      <c r="G674" t="s">
        <v>940</v>
      </c>
      <c r="H674"/>
    </row>
    <row r="675" spans="2:8">
      <c r="B675"/>
      <c r="C675"/>
      <c r="D675"/>
      <c r="E675"/>
      <c r="F675"/>
      <c r="G675" t="s">
        <v>941</v>
      </c>
      <c r="H675"/>
    </row>
    <row r="676" spans="2:8">
      <c r="B676"/>
      <c r="C676"/>
      <c r="D676"/>
      <c r="E676"/>
      <c r="F676"/>
      <c r="G676" t="s">
        <v>942</v>
      </c>
      <c r="H676"/>
    </row>
    <row r="677" spans="2:8">
      <c r="B677"/>
      <c r="C677"/>
      <c r="D677"/>
      <c r="E677"/>
      <c r="F677"/>
      <c r="G677" t="s">
        <v>943</v>
      </c>
      <c r="H677"/>
    </row>
    <row r="678" spans="2:8">
      <c r="B678"/>
      <c r="C678"/>
      <c r="D678"/>
      <c r="E678"/>
      <c r="F678"/>
      <c r="G678" t="s">
        <v>944</v>
      </c>
      <c r="H678"/>
    </row>
    <row r="679" spans="2:8">
      <c r="B679"/>
      <c r="C679"/>
      <c r="D679"/>
      <c r="E679"/>
      <c r="F679"/>
      <c r="G679" t="s">
        <v>945</v>
      </c>
      <c r="H679"/>
    </row>
  </sheetData>
  <mergeCells count="3438">
    <mergeCell ref="S6:T6"/>
    <mergeCell ref="W6:X6"/>
    <mergeCell ref="G8:M8"/>
    <mergeCell ref="G10:M10"/>
    <mergeCell ref="R10:V10"/>
    <mergeCell ref="G12:S12"/>
    <mergeCell ref="G4:N4"/>
    <mergeCell ref="G6:H6"/>
    <mergeCell ref="I6:J6"/>
    <mergeCell ref="L6:M6"/>
    <mergeCell ref="O6:P6"/>
    <mergeCell ref="Q6:R6"/>
    <mergeCell ref="X20:Y20"/>
    <mergeCell ref="AA20:AB20"/>
    <mergeCell ref="H21:I21"/>
    <mergeCell ref="K21:L21"/>
    <mergeCell ref="N21:O21"/>
    <mergeCell ref="Q21:R21"/>
    <mergeCell ref="T21:V21"/>
    <mergeCell ref="T19:V19"/>
    <mergeCell ref="H20:I20"/>
    <mergeCell ref="K20:L20"/>
    <mergeCell ref="N20:O20"/>
    <mergeCell ref="Q20:R20"/>
    <mergeCell ref="T20:V20"/>
    <mergeCell ref="G14:S14"/>
    <mergeCell ref="G16:S16"/>
    <mergeCell ref="H19:I19"/>
    <mergeCell ref="K19:L19"/>
    <mergeCell ref="N19:O19"/>
    <mergeCell ref="Q19:R19"/>
    <mergeCell ref="C30:D30"/>
    <mergeCell ref="E30:T30"/>
    <mergeCell ref="V30:Z30"/>
    <mergeCell ref="AA30:AC30"/>
    <mergeCell ref="AF30:AG30"/>
    <mergeCell ref="AH30:AJ30"/>
    <mergeCell ref="C29:D29"/>
    <mergeCell ref="E29:T29"/>
    <mergeCell ref="V29:Z29"/>
    <mergeCell ref="AA29:AC29"/>
    <mergeCell ref="AF29:AG29"/>
    <mergeCell ref="AH29:AJ29"/>
    <mergeCell ref="AH26:AJ27"/>
    <mergeCell ref="AK26:AK27"/>
    <mergeCell ref="C28:D28"/>
    <mergeCell ref="E28:T28"/>
    <mergeCell ref="V28:Z28"/>
    <mergeCell ref="AA28:AC28"/>
    <mergeCell ref="AF28:AG28"/>
    <mergeCell ref="AH28:AJ28"/>
    <mergeCell ref="C26:D27"/>
    <mergeCell ref="E26:T27"/>
    <mergeCell ref="V26:Z27"/>
    <mergeCell ref="AA26:AC27"/>
    <mergeCell ref="AD26:AE27"/>
    <mergeCell ref="AF26:AG27"/>
    <mergeCell ref="C33:D33"/>
    <mergeCell ref="E33:T33"/>
    <mergeCell ref="V33:Z33"/>
    <mergeCell ref="AA33:AC33"/>
    <mergeCell ref="AF33:AG33"/>
    <mergeCell ref="AH33:AJ33"/>
    <mergeCell ref="C32:D32"/>
    <mergeCell ref="E32:T32"/>
    <mergeCell ref="V32:Z32"/>
    <mergeCell ref="AA32:AC32"/>
    <mergeCell ref="AF32:AG32"/>
    <mergeCell ref="AH32:AJ32"/>
    <mergeCell ref="C31:D31"/>
    <mergeCell ref="E31:T31"/>
    <mergeCell ref="V31:Z31"/>
    <mergeCell ref="AA31:AC31"/>
    <mergeCell ref="AF31:AG31"/>
    <mergeCell ref="AH31:AJ31"/>
    <mergeCell ref="C36:D36"/>
    <mergeCell ref="E36:T36"/>
    <mergeCell ref="V36:Z36"/>
    <mergeCell ref="AA36:AC36"/>
    <mergeCell ref="AF36:AG36"/>
    <mergeCell ref="AH36:AJ36"/>
    <mergeCell ref="C35:D35"/>
    <mergeCell ref="E35:T35"/>
    <mergeCell ref="V35:Z35"/>
    <mergeCell ref="AA35:AC35"/>
    <mergeCell ref="AF35:AG35"/>
    <mergeCell ref="AH35:AJ35"/>
    <mergeCell ref="C34:D34"/>
    <mergeCell ref="E34:T34"/>
    <mergeCell ref="V34:Z34"/>
    <mergeCell ref="AA34:AC34"/>
    <mergeCell ref="AF34:AG34"/>
    <mergeCell ref="AH34:AJ34"/>
    <mergeCell ref="C39:D39"/>
    <mergeCell ref="E39:T39"/>
    <mergeCell ref="V39:Z39"/>
    <mergeCell ref="AA39:AC39"/>
    <mergeCell ref="AF39:AG39"/>
    <mergeCell ref="AH39:AJ39"/>
    <mergeCell ref="C38:D38"/>
    <mergeCell ref="E38:T38"/>
    <mergeCell ref="V38:Z38"/>
    <mergeCell ref="AA38:AC38"/>
    <mergeCell ref="AF38:AG38"/>
    <mergeCell ref="AH38:AJ38"/>
    <mergeCell ref="C37:D37"/>
    <mergeCell ref="E37:T37"/>
    <mergeCell ref="V37:Z37"/>
    <mergeCell ref="AA37:AC37"/>
    <mergeCell ref="AF37:AG37"/>
    <mergeCell ref="AH37:AJ37"/>
    <mergeCell ref="AH43:AJ44"/>
    <mergeCell ref="AK43:AK44"/>
    <mergeCell ref="C45:D45"/>
    <mergeCell ref="E45:T45"/>
    <mergeCell ref="V45:Z45"/>
    <mergeCell ref="AA45:AC45"/>
    <mergeCell ref="AF45:AG45"/>
    <mergeCell ref="AH45:AJ45"/>
    <mergeCell ref="C43:D44"/>
    <mergeCell ref="E43:T44"/>
    <mergeCell ref="V43:Z44"/>
    <mergeCell ref="AA43:AC44"/>
    <mergeCell ref="AD43:AE44"/>
    <mergeCell ref="AF43:AG44"/>
    <mergeCell ref="C40:D40"/>
    <mergeCell ref="E40:T40"/>
    <mergeCell ref="V40:Z40"/>
    <mergeCell ref="AA40:AC40"/>
    <mergeCell ref="AF40:AG40"/>
    <mergeCell ref="AH40:AJ40"/>
    <mergeCell ref="C48:D48"/>
    <mergeCell ref="E48:T48"/>
    <mergeCell ref="V48:Z48"/>
    <mergeCell ref="AA48:AC48"/>
    <mergeCell ref="AF48:AG48"/>
    <mergeCell ref="AH48:AJ48"/>
    <mergeCell ref="C47:D47"/>
    <mergeCell ref="E47:T47"/>
    <mergeCell ref="V47:Z47"/>
    <mergeCell ref="AA47:AC47"/>
    <mergeCell ref="AF47:AG47"/>
    <mergeCell ref="AH47:AJ47"/>
    <mergeCell ref="C46:D46"/>
    <mergeCell ref="E46:T46"/>
    <mergeCell ref="V46:Z46"/>
    <mergeCell ref="AA46:AC46"/>
    <mergeCell ref="AF46:AG46"/>
    <mergeCell ref="AH46:AJ46"/>
    <mergeCell ref="C51:D51"/>
    <mergeCell ref="E51:T51"/>
    <mergeCell ref="V51:Z51"/>
    <mergeCell ref="AA51:AC51"/>
    <mergeCell ref="AF51:AG51"/>
    <mergeCell ref="AH51:AJ51"/>
    <mergeCell ref="C50:D50"/>
    <mergeCell ref="E50:T50"/>
    <mergeCell ref="V50:Z50"/>
    <mergeCell ref="AA50:AC50"/>
    <mergeCell ref="AF50:AG50"/>
    <mergeCell ref="AH50:AJ50"/>
    <mergeCell ref="C49:D49"/>
    <mergeCell ref="E49:T49"/>
    <mergeCell ref="V49:Z49"/>
    <mergeCell ref="AA49:AC49"/>
    <mergeCell ref="AF49:AG49"/>
    <mergeCell ref="AH49:AJ49"/>
    <mergeCell ref="C54:D54"/>
    <mergeCell ref="E54:T54"/>
    <mergeCell ref="V54:Z54"/>
    <mergeCell ref="AA54:AC54"/>
    <mergeCell ref="AF54:AG54"/>
    <mergeCell ref="AH54:AJ54"/>
    <mergeCell ref="C53:D53"/>
    <mergeCell ref="E53:T53"/>
    <mergeCell ref="V53:Z53"/>
    <mergeCell ref="AA53:AC53"/>
    <mergeCell ref="AF53:AG53"/>
    <mergeCell ref="AH53:AJ53"/>
    <mergeCell ref="C52:D52"/>
    <mergeCell ref="E52:T52"/>
    <mergeCell ref="V52:Z52"/>
    <mergeCell ref="AA52:AC52"/>
    <mergeCell ref="AF52:AG52"/>
    <mergeCell ref="AH52:AJ52"/>
    <mergeCell ref="C57:D57"/>
    <mergeCell ref="E57:T57"/>
    <mergeCell ref="V57:Z57"/>
    <mergeCell ref="AA57:AC57"/>
    <mergeCell ref="AF57:AG57"/>
    <mergeCell ref="AH57:AJ57"/>
    <mergeCell ref="C56:D56"/>
    <mergeCell ref="E56:T56"/>
    <mergeCell ref="V56:Z56"/>
    <mergeCell ref="AA56:AC56"/>
    <mergeCell ref="AF56:AG56"/>
    <mergeCell ref="AH56:AJ56"/>
    <mergeCell ref="C55:D55"/>
    <mergeCell ref="E55:T55"/>
    <mergeCell ref="V55:Z55"/>
    <mergeCell ref="AA55:AC55"/>
    <mergeCell ref="AF55:AG55"/>
    <mergeCell ref="AH55:AJ55"/>
    <mergeCell ref="C60:D60"/>
    <mergeCell ref="E60:T60"/>
    <mergeCell ref="V60:Z60"/>
    <mergeCell ref="AA60:AC60"/>
    <mergeCell ref="AF60:AG60"/>
    <mergeCell ref="AH60:AJ60"/>
    <mergeCell ref="C59:D59"/>
    <mergeCell ref="E59:T59"/>
    <mergeCell ref="V59:Z59"/>
    <mergeCell ref="AA59:AC59"/>
    <mergeCell ref="AF59:AG59"/>
    <mergeCell ref="AH59:AJ59"/>
    <mergeCell ref="C58:D58"/>
    <mergeCell ref="E58:T58"/>
    <mergeCell ref="V58:Z58"/>
    <mergeCell ref="AA58:AC58"/>
    <mergeCell ref="AF58:AG58"/>
    <mergeCell ref="AH58:AJ58"/>
    <mergeCell ref="C66:D66"/>
    <mergeCell ref="E66:T66"/>
    <mergeCell ref="V66:Z66"/>
    <mergeCell ref="AA66:AC66"/>
    <mergeCell ref="AF66:AG66"/>
    <mergeCell ref="AH66:AJ66"/>
    <mergeCell ref="AH63:AJ64"/>
    <mergeCell ref="AK63:AK64"/>
    <mergeCell ref="C65:D65"/>
    <mergeCell ref="E65:T65"/>
    <mergeCell ref="V65:Z65"/>
    <mergeCell ref="AA65:AC65"/>
    <mergeCell ref="AF65:AG65"/>
    <mergeCell ref="AH65:AJ65"/>
    <mergeCell ref="C63:D64"/>
    <mergeCell ref="E63:T64"/>
    <mergeCell ref="V63:Z64"/>
    <mergeCell ref="AA63:AC64"/>
    <mergeCell ref="AD63:AE64"/>
    <mergeCell ref="AF63:AG64"/>
    <mergeCell ref="C69:D69"/>
    <mergeCell ref="E69:T69"/>
    <mergeCell ref="V69:Z69"/>
    <mergeCell ref="AA69:AC69"/>
    <mergeCell ref="AF69:AG69"/>
    <mergeCell ref="AH69:AJ69"/>
    <mergeCell ref="C68:D68"/>
    <mergeCell ref="E68:T68"/>
    <mergeCell ref="V68:Z68"/>
    <mergeCell ref="AA68:AC68"/>
    <mergeCell ref="AF68:AG68"/>
    <mergeCell ref="AH68:AJ68"/>
    <mergeCell ref="C67:D67"/>
    <mergeCell ref="E67:T67"/>
    <mergeCell ref="V67:Z67"/>
    <mergeCell ref="AA67:AC67"/>
    <mergeCell ref="AF67:AG67"/>
    <mergeCell ref="AH67:AJ67"/>
    <mergeCell ref="C72:D72"/>
    <mergeCell ref="E72:T72"/>
    <mergeCell ref="V72:Z72"/>
    <mergeCell ref="AA72:AC72"/>
    <mergeCell ref="AF72:AG72"/>
    <mergeCell ref="AH72:AJ72"/>
    <mergeCell ref="C71:D71"/>
    <mergeCell ref="E71:T71"/>
    <mergeCell ref="V71:Z71"/>
    <mergeCell ref="AA71:AC71"/>
    <mergeCell ref="AF71:AG71"/>
    <mergeCell ref="AH71:AJ71"/>
    <mergeCell ref="C70:D70"/>
    <mergeCell ref="E70:T70"/>
    <mergeCell ref="V70:Z70"/>
    <mergeCell ref="AA70:AC70"/>
    <mergeCell ref="AF70:AG70"/>
    <mergeCell ref="AH70:AJ70"/>
    <mergeCell ref="C75:D75"/>
    <mergeCell ref="E75:T75"/>
    <mergeCell ref="V75:Z75"/>
    <mergeCell ref="AA75:AC75"/>
    <mergeCell ref="AF75:AG75"/>
    <mergeCell ref="AH75:AJ75"/>
    <mergeCell ref="C74:D74"/>
    <mergeCell ref="E74:T74"/>
    <mergeCell ref="V74:Z74"/>
    <mergeCell ref="AA74:AC74"/>
    <mergeCell ref="AF74:AG74"/>
    <mergeCell ref="AH74:AJ74"/>
    <mergeCell ref="C73:D73"/>
    <mergeCell ref="E73:T73"/>
    <mergeCell ref="V73:Z73"/>
    <mergeCell ref="AA73:AC73"/>
    <mergeCell ref="AF73:AG73"/>
    <mergeCell ref="AH73:AJ73"/>
    <mergeCell ref="C78:D78"/>
    <mergeCell ref="E78:T78"/>
    <mergeCell ref="V78:Z78"/>
    <mergeCell ref="AA78:AC78"/>
    <mergeCell ref="AF78:AG78"/>
    <mergeCell ref="AH78:AJ78"/>
    <mergeCell ref="C77:D77"/>
    <mergeCell ref="E77:T77"/>
    <mergeCell ref="V77:Z77"/>
    <mergeCell ref="AA77:AC77"/>
    <mergeCell ref="AF77:AG77"/>
    <mergeCell ref="AH77:AJ77"/>
    <mergeCell ref="C76:D76"/>
    <mergeCell ref="E76:T76"/>
    <mergeCell ref="V76:Z76"/>
    <mergeCell ref="AA76:AC76"/>
    <mergeCell ref="AF76:AG76"/>
    <mergeCell ref="AH76:AJ76"/>
    <mergeCell ref="C81:D81"/>
    <mergeCell ref="E81:T81"/>
    <mergeCell ref="V81:Z81"/>
    <mergeCell ref="AA81:AC81"/>
    <mergeCell ref="AF81:AG81"/>
    <mergeCell ref="AH81:AJ81"/>
    <mergeCell ref="C80:D80"/>
    <mergeCell ref="E80:T80"/>
    <mergeCell ref="V80:Z80"/>
    <mergeCell ref="AA80:AC80"/>
    <mergeCell ref="AF80:AG80"/>
    <mergeCell ref="AH80:AJ80"/>
    <mergeCell ref="C79:D79"/>
    <mergeCell ref="E79:T79"/>
    <mergeCell ref="V79:Z79"/>
    <mergeCell ref="AA79:AC79"/>
    <mergeCell ref="AF79:AG79"/>
    <mergeCell ref="AH79:AJ79"/>
    <mergeCell ref="C84:D84"/>
    <mergeCell ref="E84:T84"/>
    <mergeCell ref="V84:Z84"/>
    <mergeCell ref="AA84:AC84"/>
    <mergeCell ref="AF84:AG84"/>
    <mergeCell ref="AH84:AJ84"/>
    <mergeCell ref="C83:D83"/>
    <mergeCell ref="E83:T83"/>
    <mergeCell ref="V83:Z83"/>
    <mergeCell ref="AA83:AC83"/>
    <mergeCell ref="AF83:AG83"/>
    <mergeCell ref="AH83:AJ83"/>
    <mergeCell ref="C82:D82"/>
    <mergeCell ref="E82:T82"/>
    <mergeCell ref="V82:Z82"/>
    <mergeCell ref="AA82:AC82"/>
    <mergeCell ref="AF82:AG82"/>
    <mergeCell ref="AH82:AJ82"/>
    <mergeCell ref="C87:D87"/>
    <mergeCell ref="E87:T87"/>
    <mergeCell ref="V87:Z87"/>
    <mergeCell ref="AA87:AC87"/>
    <mergeCell ref="AF87:AG87"/>
    <mergeCell ref="AH87:AJ87"/>
    <mergeCell ref="C86:D86"/>
    <mergeCell ref="E86:T86"/>
    <mergeCell ref="V86:Z86"/>
    <mergeCell ref="AA86:AC86"/>
    <mergeCell ref="AF86:AG86"/>
    <mergeCell ref="AH86:AJ86"/>
    <mergeCell ref="C85:D85"/>
    <mergeCell ref="E85:T85"/>
    <mergeCell ref="V85:Z85"/>
    <mergeCell ref="AA85:AC85"/>
    <mergeCell ref="AF85:AG85"/>
    <mergeCell ref="AH85:AJ85"/>
    <mergeCell ref="C90:D90"/>
    <mergeCell ref="E90:T90"/>
    <mergeCell ref="V90:Z90"/>
    <mergeCell ref="AA90:AC90"/>
    <mergeCell ref="AF90:AG90"/>
    <mergeCell ref="AH90:AJ90"/>
    <mergeCell ref="C89:D89"/>
    <mergeCell ref="E89:T89"/>
    <mergeCell ref="V89:Z89"/>
    <mergeCell ref="AA89:AC89"/>
    <mergeCell ref="AF89:AG89"/>
    <mergeCell ref="AH89:AJ89"/>
    <mergeCell ref="C88:D88"/>
    <mergeCell ref="E88:T88"/>
    <mergeCell ref="V88:Z88"/>
    <mergeCell ref="AA88:AC88"/>
    <mergeCell ref="AF88:AG88"/>
    <mergeCell ref="AH88:AJ88"/>
    <mergeCell ref="C93:D93"/>
    <mergeCell ref="E93:T93"/>
    <mergeCell ref="V93:Z93"/>
    <mergeCell ref="AA93:AC93"/>
    <mergeCell ref="AF93:AG93"/>
    <mergeCell ref="AH93:AJ93"/>
    <mergeCell ref="C92:D92"/>
    <mergeCell ref="E92:T92"/>
    <mergeCell ref="V92:Z92"/>
    <mergeCell ref="AA92:AC92"/>
    <mergeCell ref="AF92:AG92"/>
    <mergeCell ref="AH92:AJ92"/>
    <mergeCell ref="C91:D91"/>
    <mergeCell ref="E91:T91"/>
    <mergeCell ref="V91:Z91"/>
    <mergeCell ref="AA91:AC91"/>
    <mergeCell ref="AF91:AG91"/>
    <mergeCell ref="AH91:AJ91"/>
    <mergeCell ref="C96:D96"/>
    <mergeCell ref="E96:T96"/>
    <mergeCell ref="V96:Z96"/>
    <mergeCell ref="AA96:AC96"/>
    <mergeCell ref="AF96:AG96"/>
    <mergeCell ref="AH96:AJ96"/>
    <mergeCell ref="C95:D95"/>
    <mergeCell ref="E95:T95"/>
    <mergeCell ref="V95:Z95"/>
    <mergeCell ref="AA95:AC95"/>
    <mergeCell ref="AF95:AG95"/>
    <mergeCell ref="AH95:AJ95"/>
    <mergeCell ref="C94:D94"/>
    <mergeCell ref="E94:T94"/>
    <mergeCell ref="V94:Z94"/>
    <mergeCell ref="AA94:AC94"/>
    <mergeCell ref="AF94:AG94"/>
    <mergeCell ref="AH94:AJ94"/>
    <mergeCell ref="C99:D99"/>
    <mergeCell ref="E99:T99"/>
    <mergeCell ref="V99:Z99"/>
    <mergeCell ref="AA99:AC99"/>
    <mergeCell ref="AF99:AG99"/>
    <mergeCell ref="AH99:AJ99"/>
    <mergeCell ref="C98:D98"/>
    <mergeCell ref="E98:T98"/>
    <mergeCell ref="V98:Z98"/>
    <mergeCell ref="AA98:AC98"/>
    <mergeCell ref="AF98:AG98"/>
    <mergeCell ref="AH98:AJ98"/>
    <mergeCell ref="C97:D97"/>
    <mergeCell ref="E97:T97"/>
    <mergeCell ref="V97:Z97"/>
    <mergeCell ref="AA97:AC97"/>
    <mergeCell ref="AF97:AG97"/>
    <mergeCell ref="AH97:AJ97"/>
    <mergeCell ref="C102:D102"/>
    <mergeCell ref="E102:T102"/>
    <mergeCell ref="V102:Z102"/>
    <mergeCell ref="AA102:AC102"/>
    <mergeCell ref="AF102:AG102"/>
    <mergeCell ref="AH102:AJ102"/>
    <mergeCell ref="C101:D101"/>
    <mergeCell ref="E101:T101"/>
    <mergeCell ref="V101:Z101"/>
    <mergeCell ref="AA101:AC101"/>
    <mergeCell ref="AF101:AG101"/>
    <mergeCell ref="AH101:AJ101"/>
    <mergeCell ref="C100:D100"/>
    <mergeCell ref="E100:T100"/>
    <mergeCell ref="V100:Z100"/>
    <mergeCell ref="AA100:AC100"/>
    <mergeCell ref="AF100:AG100"/>
    <mergeCell ref="AH100:AJ100"/>
    <mergeCell ref="C105:D105"/>
    <mergeCell ref="E105:T105"/>
    <mergeCell ref="V105:Z105"/>
    <mergeCell ref="AA105:AC105"/>
    <mergeCell ref="AF105:AG105"/>
    <mergeCell ref="AH105:AJ105"/>
    <mergeCell ref="C104:D104"/>
    <mergeCell ref="E104:T104"/>
    <mergeCell ref="V104:Z104"/>
    <mergeCell ref="AA104:AC104"/>
    <mergeCell ref="AF104:AG104"/>
    <mergeCell ref="AH104:AJ104"/>
    <mergeCell ref="C103:D103"/>
    <mergeCell ref="E103:T103"/>
    <mergeCell ref="V103:Z103"/>
    <mergeCell ref="AA103:AC103"/>
    <mergeCell ref="AF103:AG103"/>
    <mergeCell ref="AH103:AJ103"/>
    <mergeCell ref="C108:D108"/>
    <mergeCell ref="E108:T108"/>
    <mergeCell ref="V108:Z108"/>
    <mergeCell ref="AA108:AC108"/>
    <mergeCell ref="AF108:AG108"/>
    <mergeCell ref="AH108:AJ108"/>
    <mergeCell ref="C107:D107"/>
    <mergeCell ref="E107:T107"/>
    <mergeCell ref="V107:Z107"/>
    <mergeCell ref="AA107:AC107"/>
    <mergeCell ref="AF107:AG107"/>
    <mergeCell ref="AH107:AJ107"/>
    <mergeCell ref="C106:D106"/>
    <mergeCell ref="E106:T106"/>
    <mergeCell ref="V106:Z106"/>
    <mergeCell ref="AA106:AC106"/>
    <mergeCell ref="AF106:AG106"/>
    <mergeCell ref="AH106:AJ106"/>
    <mergeCell ref="C111:D111"/>
    <mergeCell ref="E111:T111"/>
    <mergeCell ref="V111:Z111"/>
    <mergeCell ref="AA111:AC111"/>
    <mergeCell ref="AF111:AG111"/>
    <mergeCell ref="AH111:AJ111"/>
    <mergeCell ref="C110:D110"/>
    <mergeCell ref="E110:T110"/>
    <mergeCell ref="V110:Z110"/>
    <mergeCell ref="AA110:AC110"/>
    <mergeCell ref="AF110:AG110"/>
    <mergeCell ref="AH110:AJ110"/>
    <mergeCell ref="C109:D109"/>
    <mergeCell ref="E109:T109"/>
    <mergeCell ref="V109:Z109"/>
    <mergeCell ref="AA109:AC109"/>
    <mergeCell ref="AF109:AG109"/>
    <mergeCell ref="AH109:AJ109"/>
    <mergeCell ref="C114:D114"/>
    <mergeCell ref="E114:T114"/>
    <mergeCell ref="V114:Z114"/>
    <mergeCell ref="AA114:AC114"/>
    <mergeCell ref="AF114:AG114"/>
    <mergeCell ref="AH114:AJ114"/>
    <mergeCell ref="C113:D113"/>
    <mergeCell ref="E113:T113"/>
    <mergeCell ref="V113:Z113"/>
    <mergeCell ref="AA113:AC113"/>
    <mergeCell ref="AF113:AG113"/>
    <mergeCell ref="AH113:AJ113"/>
    <mergeCell ref="C112:D112"/>
    <mergeCell ref="E112:T112"/>
    <mergeCell ref="V112:Z112"/>
    <mergeCell ref="AA112:AC112"/>
    <mergeCell ref="AF112:AG112"/>
    <mergeCell ref="AH112:AJ112"/>
    <mergeCell ref="C117:D117"/>
    <mergeCell ref="E117:T117"/>
    <mergeCell ref="V117:Z117"/>
    <mergeCell ref="AA117:AC117"/>
    <mergeCell ref="AF117:AG117"/>
    <mergeCell ref="AH117:AJ117"/>
    <mergeCell ref="C116:D116"/>
    <mergeCell ref="E116:T116"/>
    <mergeCell ref="V116:Z116"/>
    <mergeCell ref="AA116:AC116"/>
    <mergeCell ref="AF116:AG116"/>
    <mergeCell ref="AH116:AJ116"/>
    <mergeCell ref="C115:D115"/>
    <mergeCell ref="E115:T115"/>
    <mergeCell ref="V115:Z115"/>
    <mergeCell ref="AA115:AC115"/>
    <mergeCell ref="AF115:AG115"/>
    <mergeCell ref="AH115:AJ115"/>
    <mergeCell ref="C120:D120"/>
    <mergeCell ref="E120:T120"/>
    <mergeCell ref="V120:Z120"/>
    <mergeCell ref="AA120:AC120"/>
    <mergeCell ref="AF120:AG120"/>
    <mergeCell ref="AH120:AJ120"/>
    <mergeCell ref="C119:D119"/>
    <mergeCell ref="E119:T119"/>
    <mergeCell ref="V119:Z119"/>
    <mergeCell ref="AA119:AC119"/>
    <mergeCell ref="AF119:AG119"/>
    <mergeCell ref="AH119:AJ119"/>
    <mergeCell ref="C118:D118"/>
    <mergeCell ref="E118:T118"/>
    <mergeCell ref="V118:Z118"/>
    <mergeCell ref="AA118:AC118"/>
    <mergeCell ref="AF118:AG118"/>
    <mergeCell ref="AH118:AJ118"/>
    <mergeCell ref="C126:D126"/>
    <mergeCell ref="E126:T126"/>
    <mergeCell ref="V126:Z126"/>
    <mergeCell ref="AA126:AC126"/>
    <mergeCell ref="AF126:AG126"/>
    <mergeCell ref="AH126:AJ126"/>
    <mergeCell ref="AH123:AJ124"/>
    <mergeCell ref="AK123:AK124"/>
    <mergeCell ref="C125:D125"/>
    <mergeCell ref="E125:T125"/>
    <mergeCell ref="V125:Z125"/>
    <mergeCell ref="AA125:AC125"/>
    <mergeCell ref="AF125:AG125"/>
    <mergeCell ref="AH125:AJ125"/>
    <mergeCell ref="C123:D124"/>
    <mergeCell ref="E123:T124"/>
    <mergeCell ref="V123:Z124"/>
    <mergeCell ref="AA123:AC124"/>
    <mergeCell ref="AD123:AE124"/>
    <mergeCell ref="AF123:AG124"/>
    <mergeCell ref="C129:D129"/>
    <mergeCell ref="E129:T129"/>
    <mergeCell ref="V129:Z129"/>
    <mergeCell ref="AA129:AC129"/>
    <mergeCell ref="AF129:AG129"/>
    <mergeCell ref="AH129:AJ129"/>
    <mergeCell ref="C128:D128"/>
    <mergeCell ref="E128:T128"/>
    <mergeCell ref="V128:Z128"/>
    <mergeCell ref="AA128:AC128"/>
    <mergeCell ref="AF128:AG128"/>
    <mergeCell ref="AH128:AJ128"/>
    <mergeCell ref="C127:D127"/>
    <mergeCell ref="E127:T127"/>
    <mergeCell ref="V127:Z127"/>
    <mergeCell ref="AA127:AC127"/>
    <mergeCell ref="AF127:AG127"/>
    <mergeCell ref="AH127:AJ127"/>
    <mergeCell ref="C132:D132"/>
    <mergeCell ref="E132:T132"/>
    <mergeCell ref="V132:Z132"/>
    <mergeCell ref="AA132:AC132"/>
    <mergeCell ref="AF132:AG132"/>
    <mergeCell ref="AH132:AJ132"/>
    <mergeCell ref="C131:D131"/>
    <mergeCell ref="E131:T131"/>
    <mergeCell ref="V131:Z131"/>
    <mergeCell ref="AA131:AC131"/>
    <mergeCell ref="AF131:AG131"/>
    <mergeCell ref="AH131:AJ131"/>
    <mergeCell ref="C130:D130"/>
    <mergeCell ref="E130:T130"/>
    <mergeCell ref="V130:Z130"/>
    <mergeCell ref="AA130:AC130"/>
    <mergeCell ref="AF130:AG130"/>
    <mergeCell ref="AH130:AJ130"/>
    <mergeCell ref="C135:D135"/>
    <mergeCell ref="E135:T135"/>
    <mergeCell ref="V135:Z135"/>
    <mergeCell ref="AA135:AC135"/>
    <mergeCell ref="AF135:AG135"/>
    <mergeCell ref="AH135:AJ135"/>
    <mergeCell ref="C134:D134"/>
    <mergeCell ref="E134:T134"/>
    <mergeCell ref="V134:Z134"/>
    <mergeCell ref="AA134:AC134"/>
    <mergeCell ref="AF134:AG134"/>
    <mergeCell ref="AH134:AJ134"/>
    <mergeCell ref="C133:D133"/>
    <mergeCell ref="E133:T133"/>
    <mergeCell ref="V133:Z133"/>
    <mergeCell ref="AA133:AC133"/>
    <mergeCell ref="AF133:AG133"/>
    <mergeCell ref="AH133:AJ133"/>
    <mergeCell ref="C138:D138"/>
    <mergeCell ref="E138:T138"/>
    <mergeCell ref="V138:Z138"/>
    <mergeCell ref="AA138:AC138"/>
    <mergeCell ref="AF138:AG138"/>
    <mergeCell ref="AH138:AJ138"/>
    <mergeCell ref="C137:D137"/>
    <mergeCell ref="E137:T137"/>
    <mergeCell ref="V137:Z137"/>
    <mergeCell ref="AA137:AC137"/>
    <mergeCell ref="AF137:AG137"/>
    <mergeCell ref="AH137:AJ137"/>
    <mergeCell ref="C136:D136"/>
    <mergeCell ref="E136:T136"/>
    <mergeCell ref="V136:Z136"/>
    <mergeCell ref="AA136:AC136"/>
    <mergeCell ref="AF136:AG136"/>
    <mergeCell ref="AH136:AJ136"/>
    <mergeCell ref="C141:D141"/>
    <mergeCell ref="E141:T141"/>
    <mergeCell ref="V141:Z141"/>
    <mergeCell ref="AA141:AC141"/>
    <mergeCell ref="AF141:AG141"/>
    <mergeCell ref="AH141:AJ141"/>
    <mergeCell ref="C140:D140"/>
    <mergeCell ref="E140:T140"/>
    <mergeCell ref="V140:Z140"/>
    <mergeCell ref="AA140:AC140"/>
    <mergeCell ref="AF140:AG140"/>
    <mergeCell ref="AH140:AJ140"/>
    <mergeCell ref="C139:D139"/>
    <mergeCell ref="E139:T139"/>
    <mergeCell ref="V139:Z139"/>
    <mergeCell ref="AA139:AC139"/>
    <mergeCell ref="AF139:AG139"/>
    <mergeCell ref="AH139:AJ139"/>
    <mergeCell ref="C144:D144"/>
    <mergeCell ref="E144:T144"/>
    <mergeCell ref="V144:Z144"/>
    <mergeCell ref="AA144:AC144"/>
    <mergeCell ref="AF144:AG144"/>
    <mergeCell ref="AH144:AJ144"/>
    <mergeCell ref="C143:D143"/>
    <mergeCell ref="E143:T143"/>
    <mergeCell ref="V143:Z143"/>
    <mergeCell ref="AA143:AC143"/>
    <mergeCell ref="AF143:AG143"/>
    <mergeCell ref="AH143:AJ143"/>
    <mergeCell ref="C142:D142"/>
    <mergeCell ref="E142:T142"/>
    <mergeCell ref="V142:Z142"/>
    <mergeCell ref="AA142:AC142"/>
    <mergeCell ref="AF142:AG142"/>
    <mergeCell ref="AH142:AJ142"/>
    <mergeCell ref="C150:D150"/>
    <mergeCell ref="E150:T150"/>
    <mergeCell ref="V150:Z150"/>
    <mergeCell ref="AA150:AC150"/>
    <mergeCell ref="AF150:AG150"/>
    <mergeCell ref="AH150:AJ150"/>
    <mergeCell ref="AH147:AJ148"/>
    <mergeCell ref="AK147:AK148"/>
    <mergeCell ref="C149:D149"/>
    <mergeCell ref="E149:T149"/>
    <mergeCell ref="V149:Z149"/>
    <mergeCell ref="AA149:AC149"/>
    <mergeCell ref="AF149:AG149"/>
    <mergeCell ref="AH149:AJ149"/>
    <mergeCell ref="C147:D148"/>
    <mergeCell ref="E147:T148"/>
    <mergeCell ref="V147:Z148"/>
    <mergeCell ref="AA147:AC148"/>
    <mergeCell ref="AD147:AE148"/>
    <mergeCell ref="AF147:AG148"/>
    <mergeCell ref="C153:D153"/>
    <mergeCell ref="E153:T153"/>
    <mergeCell ref="V153:Z153"/>
    <mergeCell ref="AA153:AC153"/>
    <mergeCell ref="AF153:AG153"/>
    <mergeCell ref="AH153:AJ153"/>
    <mergeCell ref="C152:D152"/>
    <mergeCell ref="E152:T152"/>
    <mergeCell ref="V152:Z152"/>
    <mergeCell ref="AA152:AC152"/>
    <mergeCell ref="AF152:AG152"/>
    <mergeCell ref="AH152:AJ152"/>
    <mergeCell ref="C151:D151"/>
    <mergeCell ref="E151:T151"/>
    <mergeCell ref="V151:Z151"/>
    <mergeCell ref="AA151:AC151"/>
    <mergeCell ref="AF151:AG151"/>
    <mergeCell ref="AH151:AJ151"/>
    <mergeCell ref="C156:D156"/>
    <mergeCell ref="E156:T156"/>
    <mergeCell ref="V156:Z156"/>
    <mergeCell ref="AA156:AC156"/>
    <mergeCell ref="AF156:AG156"/>
    <mergeCell ref="AH156:AJ156"/>
    <mergeCell ref="C155:D155"/>
    <mergeCell ref="E155:T155"/>
    <mergeCell ref="V155:Z155"/>
    <mergeCell ref="AA155:AC155"/>
    <mergeCell ref="AF155:AG155"/>
    <mergeCell ref="AH155:AJ155"/>
    <mergeCell ref="C154:D154"/>
    <mergeCell ref="E154:T154"/>
    <mergeCell ref="V154:Z154"/>
    <mergeCell ref="AA154:AC154"/>
    <mergeCell ref="AF154:AG154"/>
    <mergeCell ref="AH154:AJ154"/>
    <mergeCell ref="C159:D159"/>
    <mergeCell ref="E159:T159"/>
    <mergeCell ref="V159:Z159"/>
    <mergeCell ref="AA159:AC159"/>
    <mergeCell ref="AF159:AG159"/>
    <mergeCell ref="AH159:AJ159"/>
    <mergeCell ref="C158:D158"/>
    <mergeCell ref="E158:T158"/>
    <mergeCell ref="V158:Z158"/>
    <mergeCell ref="AA158:AC158"/>
    <mergeCell ref="AF158:AG158"/>
    <mergeCell ref="AH158:AJ158"/>
    <mergeCell ref="C157:D157"/>
    <mergeCell ref="E157:T157"/>
    <mergeCell ref="V157:Z157"/>
    <mergeCell ref="AA157:AC157"/>
    <mergeCell ref="AF157:AG157"/>
    <mergeCell ref="AH157:AJ157"/>
    <mergeCell ref="C162:D162"/>
    <mergeCell ref="E162:T162"/>
    <mergeCell ref="V162:Z162"/>
    <mergeCell ref="AA162:AC162"/>
    <mergeCell ref="AF162:AG162"/>
    <mergeCell ref="AH162:AJ162"/>
    <mergeCell ref="C161:D161"/>
    <mergeCell ref="E161:T161"/>
    <mergeCell ref="V161:Z161"/>
    <mergeCell ref="AA161:AC161"/>
    <mergeCell ref="AF161:AG161"/>
    <mergeCell ref="AH161:AJ161"/>
    <mergeCell ref="C160:D160"/>
    <mergeCell ref="E160:T160"/>
    <mergeCell ref="V160:Z160"/>
    <mergeCell ref="AA160:AC160"/>
    <mergeCell ref="AF160:AG160"/>
    <mergeCell ref="AH160:AJ160"/>
    <mergeCell ref="C165:D165"/>
    <mergeCell ref="E165:T165"/>
    <mergeCell ref="V165:Z165"/>
    <mergeCell ref="AA165:AC165"/>
    <mergeCell ref="AF165:AG165"/>
    <mergeCell ref="AH165:AJ165"/>
    <mergeCell ref="C164:D164"/>
    <mergeCell ref="E164:T164"/>
    <mergeCell ref="V164:Z164"/>
    <mergeCell ref="AA164:AC164"/>
    <mergeCell ref="AF164:AG164"/>
    <mergeCell ref="AH164:AJ164"/>
    <mergeCell ref="C163:D163"/>
    <mergeCell ref="E163:T163"/>
    <mergeCell ref="V163:Z163"/>
    <mergeCell ref="AA163:AC163"/>
    <mergeCell ref="AF163:AG163"/>
    <mergeCell ref="AH163:AJ163"/>
    <mergeCell ref="C171:D171"/>
    <mergeCell ref="E171:T171"/>
    <mergeCell ref="V171:Z171"/>
    <mergeCell ref="AA171:AC171"/>
    <mergeCell ref="AF171:AG171"/>
    <mergeCell ref="AH171:AJ171"/>
    <mergeCell ref="AH168:AJ169"/>
    <mergeCell ref="AK168:AK169"/>
    <mergeCell ref="C170:D170"/>
    <mergeCell ref="E170:T170"/>
    <mergeCell ref="V170:Z170"/>
    <mergeCell ref="AA170:AC170"/>
    <mergeCell ref="AF170:AG170"/>
    <mergeCell ref="AH170:AJ170"/>
    <mergeCell ref="C168:D169"/>
    <mergeCell ref="E168:T169"/>
    <mergeCell ref="V168:Z169"/>
    <mergeCell ref="AA168:AC169"/>
    <mergeCell ref="AD168:AE169"/>
    <mergeCell ref="AF168:AG169"/>
    <mergeCell ref="C174:D174"/>
    <mergeCell ref="E174:T174"/>
    <mergeCell ref="V174:Z174"/>
    <mergeCell ref="AA174:AC174"/>
    <mergeCell ref="AF174:AG174"/>
    <mergeCell ref="AH174:AJ174"/>
    <mergeCell ref="C173:D173"/>
    <mergeCell ref="E173:T173"/>
    <mergeCell ref="V173:Z173"/>
    <mergeCell ref="AA173:AC173"/>
    <mergeCell ref="AF173:AG173"/>
    <mergeCell ref="AH173:AJ173"/>
    <mergeCell ref="C172:D172"/>
    <mergeCell ref="E172:T172"/>
    <mergeCell ref="V172:Z172"/>
    <mergeCell ref="AA172:AC172"/>
    <mergeCell ref="AF172:AG172"/>
    <mergeCell ref="AH172:AJ172"/>
    <mergeCell ref="C177:D177"/>
    <mergeCell ref="E177:T177"/>
    <mergeCell ref="V177:Z177"/>
    <mergeCell ref="AA177:AC177"/>
    <mergeCell ref="AF177:AG177"/>
    <mergeCell ref="AH177:AJ177"/>
    <mergeCell ref="C176:D176"/>
    <mergeCell ref="E176:T176"/>
    <mergeCell ref="V176:Z176"/>
    <mergeCell ref="AA176:AC176"/>
    <mergeCell ref="AF176:AG176"/>
    <mergeCell ref="AH176:AJ176"/>
    <mergeCell ref="C175:D175"/>
    <mergeCell ref="E175:T175"/>
    <mergeCell ref="V175:Z175"/>
    <mergeCell ref="AA175:AC175"/>
    <mergeCell ref="AF175:AG175"/>
    <mergeCell ref="AH175:AJ175"/>
    <mergeCell ref="C180:D180"/>
    <mergeCell ref="E180:T180"/>
    <mergeCell ref="V180:Z180"/>
    <mergeCell ref="AA180:AC180"/>
    <mergeCell ref="AF180:AG180"/>
    <mergeCell ref="AH180:AJ180"/>
    <mergeCell ref="C179:D179"/>
    <mergeCell ref="E179:T179"/>
    <mergeCell ref="V179:Z179"/>
    <mergeCell ref="AA179:AC179"/>
    <mergeCell ref="AF179:AG179"/>
    <mergeCell ref="AH179:AJ179"/>
    <mergeCell ref="C178:D178"/>
    <mergeCell ref="E178:T178"/>
    <mergeCell ref="V178:Z178"/>
    <mergeCell ref="AA178:AC178"/>
    <mergeCell ref="AF178:AG178"/>
    <mergeCell ref="AH178:AJ178"/>
    <mergeCell ref="C183:D183"/>
    <mergeCell ref="E183:T183"/>
    <mergeCell ref="V183:Z183"/>
    <mergeCell ref="AA183:AC183"/>
    <mergeCell ref="AF183:AG183"/>
    <mergeCell ref="AH183:AJ183"/>
    <mergeCell ref="C182:D182"/>
    <mergeCell ref="E182:T182"/>
    <mergeCell ref="V182:Z182"/>
    <mergeCell ref="AA182:AC182"/>
    <mergeCell ref="AF182:AG182"/>
    <mergeCell ref="AH182:AJ182"/>
    <mergeCell ref="C181:D181"/>
    <mergeCell ref="E181:T181"/>
    <mergeCell ref="V181:Z181"/>
    <mergeCell ref="AA181:AC181"/>
    <mergeCell ref="AF181:AG181"/>
    <mergeCell ref="AH181:AJ181"/>
    <mergeCell ref="C186:D186"/>
    <mergeCell ref="E186:T186"/>
    <mergeCell ref="V186:Z186"/>
    <mergeCell ref="AA186:AC186"/>
    <mergeCell ref="AF186:AG186"/>
    <mergeCell ref="AH186:AJ186"/>
    <mergeCell ref="C185:D185"/>
    <mergeCell ref="E185:T185"/>
    <mergeCell ref="V185:Z185"/>
    <mergeCell ref="AA185:AC185"/>
    <mergeCell ref="AF185:AG185"/>
    <mergeCell ref="AH185:AJ185"/>
    <mergeCell ref="C184:D184"/>
    <mergeCell ref="E184:T184"/>
    <mergeCell ref="V184:Z184"/>
    <mergeCell ref="AA184:AC184"/>
    <mergeCell ref="AF184:AG184"/>
    <mergeCell ref="AH184:AJ184"/>
    <mergeCell ref="C193:D193"/>
    <mergeCell ref="E193:T193"/>
    <mergeCell ref="V193:Z193"/>
    <mergeCell ref="AA193:AC193"/>
    <mergeCell ref="AF193:AG193"/>
    <mergeCell ref="AH193:AJ193"/>
    <mergeCell ref="C192:D192"/>
    <mergeCell ref="E192:T192"/>
    <mergeCell ref="V192:Z192"/>
    <mergeCell ref="AA192:AC192"/>
    <mergeCell ref="AF192:AG192"/>
    <mergeCell ref="AH192:AJ192"/>
    <mergeCell ref="AH189:AJ190"/>
    <mergeCell ref="AK189:AK190"/>
    <mergeCell ref="C191:D191"/>
    <mergeCell ref="E191:T191"/>
    <mergeCell ref="V191:Z191"/>
    <mergeCell ref="AA191:AC191"/>
    <mergeCell ref="AF191:AG191"/>
    <mergeCell ref="AH191:AJ191"/>
    <mergeCell ref="C189:D190"/>
    <mergeCell ref="E189:T190"/>
    <mergeCell ref="V189:Z190"/>
    <mergeCell ref="AA189:AC190"/>
    <mergeCell ref="AD189:AE190"/>
    <mergeCell ref="AF189:AG190"/>
    <mergeCell ref="C196:D196"/>
    <mergeCell ref="E196:T196"/>
    <mergeCell ref="V196:Z196"/>
    <mergeCell ref="AA196:AC196"/>
    <mergeCell ref="AF196:AG196"/>
    <mergeCell ref="AH196:AJ196"/>
    <mergeCell ref="C195:D195"/>
    <mergeCell ref="E195:T195"/>
    <mergeCell ref="V195:Z195"/>
    <mergeCell ref="AA195:AC195"/>
    <mergeCell ref="AF195:AG195"/>
    <mergeCell ref="AH195:AJ195"/>
    <mergeCell ref="C194:D194"/>
    <mergeCell ref="E194:T194"/>
    <mergeCell ref="V194:Z194"/>
    <mergeCell ref="AA194:AC194"/>
    <mergeCell ref="AF194:AG194"/>
    <mergeCell ref="AH194:AJ194"/>
    <mergeCell ref="C199:D199"/>
    <mergeCell ref="E199:T199"/>
    <mergeCell ref="V199:Z199"/>
    <mergeCell ref="AA199:AC199"/>
    <mergeCell ref="AF199:AG199"/>
    <mergeCell ref="AH199:AJ199"/>
    <mergeCell ref="C198:D198"/>
    <mergeCell ref="E198:T198"/>
    <mergeCell ref="V198:Z198"/>
    <mergeCell ref="AA198:AC198"/>
    <mergeCell ref="AF198:AG198"/>
    <mergeCell ref="AH198:AJ198"/>
    <mergeCell ref="C197:D197"/>
    <mergeCell ref="E197:T197"/>
    <mergeCell ref="V197:Z197"/>
    <mergeCell ref="AA197:AC197"/>
    <mergeCell ref="AF197:AG197"/>
    <mergeCell ref="AH197:AJ197"/>
    <mergeCell ref="C202:D202"/>
    <mergeCell ref="E202:T202"/>
    <mergeCell ref="V202:Z202"/>
    <mergeCell ref="AA202:AC202"/>
    <mergeCell ref="AF202:AG202"/>
    <mergeCell ref="AH202:AJ202"/>
    <mergeCell ref="C201:D201"/>
    <mergeCell ref="E201:T201"/>
    <mergeCell ref="V201:Z201"/>
    <mergeCell ref="AA201:AC201"/>
    <mergeCell ref="AF201:AG201"/>
    <mergeCell ref="AH201:AJ201"/>
    <mergeCell ref="C200:D200"/>
    <mergeCell ref="E200:T200"/>
    <mergeCell ref="V200:Z200"/>
    <mergeCell ref="AA200:AC200"/>
    <mergeCell ref="AF200:AG200"/>
    <mergeCell ref="AH200:AJ200"/>
    <mergeCell ref="C205:D205"/>
    <mergeCell ref="E205:T205"/>
    <mergeCell ref="V205:Z205"/>
    <mergeCell ref="AA205:AC205"/>
    <mergeCell ref="AF205:AG205"/>
    <mergeCell ref="AH205:AJ205"/>
    <mergeCell ref="C204:D204"/>
    <mergeCell ref="E204:T204"/>
    <mergeCell ref="V204:Z204"/>
    <mergeCell ref="AA204:AC204"/>
    <mergeCell ref="AF204:AG204"/>
    <mergeCell ref="AH204:AJ204"/>
    <mergeCell ref="C203:D203"/>
    <mergeCell ref="E203:T203"/>
    <mergeCell ref="V203:Z203"/>
    <mergeCell ref="AA203:AC203"/>
    <mergeCell ref="AF203:AG203"/>
    <mergeCell ref="AH203:AJ203"/>
    <mergeCell ref="C208:D208"/>
    <mergeCell ref="E208:T208"/>
    <mergeCell ref="V208:Z208"/>
    <mergeCell ref="AA208:AC208"/>
    <mergeCell ref="AF208:AG208"/>
    <mergeCell ref="AH208:AJ208"/>
    <mergeCell ref="C207:D207"/>
    <mergeCell ref="E207:T207"/>
    <mergeCell ref="V207:Z207"/>
    <mergeCell ref="AA207:AC207"/>
    <mergeCell ref="AF207:AG207"/>
    <mergeCell ref="AH207:AJ207"/>
    <mergeCell ref="C206:D206"/>
    <mergeCell ref="E206:T206"/>
    <mergeCell ref="V206:Z206"/>
    <mergeCell ref="AA206:AC206"/>
    <mergeCell ref="AF206:AG206"/>
    <mergeCell ref="AH206:AJ206"/>
    <mergeCell ref="C211:D211"/>
    <mergeCell ref="E211:T211"/>
    <mergeCell ref="V211:Z211"/>
    <mergeCell ref="AA211:AC211"/>
    <mergeCell ref="AF211:AG211"/>
    <mergeCell ref="AH211:AJ211"/>
    <mergeCell ref="C210:D210"/>
    <mergeCell ref="E210:T210"/>
    <mergeCell ref="V210:Z210"/>
    <mergeCell ref="AA210:AC210"/>
    <mergeCell ref="AF210:AG210"/>
    <mergeCell ref="AH210:AJ210"/>
    <mergeCell ref="C209:D209"/>
    <mergeCell ref="E209:T209"/>
    <mergeCell ref="V209:Z209"/>
    <mergeCell ref="AA209:AC209"/>
    <mergeCell ref="AF209:AG209"/>
    <mergeCell ref="AH209:AJ209"/>
    <mergeCell ref="C214:D214"/>
    <mergeCell ref="E214:T214"/>
    <mergeCell ref="V214:Z214"/>
    <mergeCell ref="AA214:AC214"/>
    <mergeCell ref="AF214:AG214"/>
    <mergeCell ref="AH214:AJ214"/>
    <mergeCell ref="C213:D213"/>
    <mergeCell ref="E213:T213"/>
    <mergeCell ref="V213:Z213"/>
    <mergeCell ref="AA213:AC213"/>
    <mergeCell ref="AF213:AG213"/>
    <mergeCell ref="AH213:AJ213"/>
    <mergeCell ref="C212:D212"/>
    <mergeCell ref="E212:T212"/>
    <mergeCell ref="V212:Z212"/>
    <mergeCell ref="AA212:AC212"/>
    <mergeCell ref="AF212:AG212"/>
    <mergeCell ref="AH212:AJ212"/>
    <mergeCell ref="C217:D217"/>
    <mergeCell ref="E217:T217"/>
    <mergeCell ref="V217:Z217"/>
    <mergeCell ref="AA217:AC217"/>
    <mergeCell ref="AF217:AG217"/>
    <mergeCell ref="AH217:AJ217"/>
    <mergeCell ref="C216:D216"/>
    <mergeCell ref="E216:T216"/>
    <mergeCell ref="V216:Z216"/>
    <mergeCell ref="AA216:AC216"/>
    <mergeCell ref="AF216:AG216"/>
    <mergeCell ref="AH216:AJ216"/>
    <mergeCell ref="C215:D215"/>
    <mergeCell ref="E215:T215"/>
    <mergeCell ref="V215:Z215"/>
    <mergeCell ref="AA215:AC215"/>
    <mergeCell ref="AF215:AG215"/>
    <mergeCell ref="AH215:AJ215"/>
    <mergeCell ref="C220:D220"/>
    <mergeCell ref="E220:T220"/>
    <mergeCell ref="V220:Z220"/>
    <mergeCell ref="AA220:AC220"/>
    <mergeCell ref="AF220:AG220"/>
    <mergeCell ref="AH220:AJ220"/>
    <mergeCell ref="C219:D219"/>
    <mergeCell ref="E219:T219"/>
    <mergeCell ref="V219:Z219"/>
    <mergeCell ref="AA219:AC219"/>
    <mergeCell ref="AF219:AG219"/>
    <mergeCell ref="AH219:AJ219"/>
    <mergeCell ref="C218:D218"/>
    <mergeCell ref="E218:T218"/>
    <mergeCell ref="V218:Z218"/>
    <mergeCell ref="AA218:AC218"/>
    <mergeCell ref="AF218:AG218"/>
    <mergeCell ref="AH218:AJ218"/>
    <mergeCell ref="C223:D223"/>
    <mergeCell ref="E223:T223"/>
    <mergeCell ref="V223:Z223"/>
    <mergeCell ref="AA223:AC223"/>
    <mergeCell ref="AF223:AG223"/>
    <mergeCell ref="AH223:AJ223"/>
    <mergeCell ref="C222:D222"/>
    <mergeCell ref="E222:T222"/>
    <mergeCell ref="V222:Z222"/>
    <mergeCell ref="AA222:AC222"/>
    <mergeCell ref="AF222:AG222"/>
    <mergeCell ref="AH222:AJ222"/>
    <mergeCell ref="C221:D221"/>
    <mergeCell ref="E221:T221"/>
    <mergeCell ref="V221:Z221"/>
    <mergeCell ref="AA221:AC221"/>
    <mergeCell ref="AF221:AG221"/>
    <mergeCell ref="AH221:AJ221"/>
    <mergeCell ref="C226:D226"/>
    <mergeCell ref="E226:T226"/>
    <mergeCell ref="V226:Z226"/>
    <mergeCell ref="AA226:AC226"/>
    <mergeCell ref="AF226:AG226"/>
    <mergeCell ref="AH226:AJ226"/>
    <mergeCell ref="C225:D225"/>
    <mergeCell ref="E225:T225"/>
    <mergeCell ref="V225:Z225"/>
    <mergeCell ref="AA225:AC225"/>
    <mergeCell ref="AF225:AG225"/>
    <mergeCell ref="AH225:AJ225"/>
    <mergeCell ref="C224:D224"/>
    <mergeCell ref="E224:T224"/>
    <mergeCell ref="V224:Z224"/>
    <mergeCell ref="AA224:AC224"/>
    <mergeCell ref="AF224:AG224"/>
    <mergeCell ref="AH224:AJ224"/>
    <mergeCell ref="C229:D229"/>
    <mergeCell ref="E229:T229"/>
    <mergeCell ref="V229:Z229"/>
    <mergeCell ref="AA229:AC229"/>
    <mergeCell ref="AF229:AG229"/>
    <mergeCell ref="AH229:AJ229"/>
    <mergeCell ref="C228:D228"/>
    <mergeCell ref="E228:T228"/>
    <mergeCell ref="V228:Z228"/>
    <mergeCell ref="AA228:AC228"/>
    <mergeCell ref="AF228:AG228"/>
    <mergeCell ref="AH228:AJ228"/>
    <mergeCell ref="C227:D227"/>
    <mergeCell ref="E227:T227"/>
    <mergeCell ref="V227:Z227"/>
    <mergeCell ref="AA227:AC227"/>
    <mergeCell ref="AF227:AG227"/>
    <mergeCell ref="AH227:AJ227"/>
    <mergeCell ref="C232:D232"/>
    <mergeCell ref="E232:T232"/>
    <mergeCell ref="V232:Z232"/>
    <mergeCell ref="AA232:AC232"/>
    <mergeCell ref="AF232:AG232"/>
    <mergeCell ref="AH232:AJ232"/>
    <mergeCell ref="C231:D231"/>
    <mergeCell ref="E231:T231"/>
    <mergeCell ref="V231:Z231"/>
    <mergeCell ref="AA231:AC231"/>
    <mergeCell ref="AF231:AG231"/>
    <mergeCell ref="AH231:AJ231"/>
    <mergeCell ref="C230:D230"/>
    <mergeCell ref="E230:T230"/>
    <mergeCell ref="V230:Z230"/>
    <mergeCell ref="AA230:AC230"/>
    <mergeCell ref="AF230:AG230"/>
    <mergeCell ref="AH230:AJ230"/>
    <mergeCell ref="C235:D235"/>
    <mergeCell ref="E235:T235"/>
    <mergeCell ref="V235:Z235"/>
    <mergeCell ref="AA235:AC235"/>
    <mergeCell ref="AF235:AG235"/>
    <mergeCell ref="AH235:AJ235"/>
    <mergeCell ref="C234:D234"/>
    <mergeCell ref="E234:T234"/>
    <mergeCell ref="V234:Z234"/>
    <mergeCell ref="AA234:AC234"/>
    <mergeCell ref="AF234:AG234"/>
    <mergeCell ref="AH234:AJ234"/>
    <mergeCell ref="C233:D233"/>
    <mergeCell ref="E233:T233"/>
    <mergeCell ref="V233:Z233"/>
    <mergeCell ref="AA233:AC233"/>
    <mergeCell ref="AF233:AG233"/>
    <mergeCell ref="AH233:AJ233"/>
    <mergeCell ref="C238:D238"/>
    <mergeCell ref="E238:T238"/>
    <mergeCell ref="V238:Z238"/>
    <mergeCell ref="AA238:AC238"/>
    <mergeCell ref="AF238:AG238"/>
    <mergeCell ref="AH238:AJ238"/>
    <mergeCell ref="C237:D237"/>
    <mergeCell ref="E237:T237"/>
    <mergeCell ref="V237:Z237"/>
    <mergeCell ref="AA237:AC237"/>
    <mergeCell ref="AF237:AG237"/>
    <mergeCell ref="AH237:AJ237"/>
    <mergeCell ref="C236:D236"/>
    <mergeCell ref="E236:T236"/>
    <mergeCell ref="V236:Z236"/>
    <mergeCell ref="AA236:AC236"/>
    <mergeCell ref="AF236:AG236"/>
    <mergeCell ref="AH236:AJ236"/>
    <mergeCell ref="C241:D241"/>
    <mergeCell ref="E241:T241"/>
    <mergeCell ref="V241:Z241"/>
    <mergeCell ref="AA241:AC241"/>
    <mergeCell ref="AF241:AG241"/>
    <mergeCell ref="AH241:AJ241"/>
    <mergeCell ref="C240:D240"/>
    <mergeCell ref="E240:T240"/>
    <mergeCell ref="V240:Z240"/>
    <mergeCell ref="AA240:AC240"/>
    <mergeCell ref="AF240:AG240"/>
    <mergeCell ref="AH240:AJ240"/>
    <mergeCell ref="C239:D239"/>
    <mergeCell ref="E239:T239"/>
    <mergeCell ref="V239:Z239"/>
    <mergeCell ref="AA239:AC239"/>
    <mergeCell ref="AF239:AG239"/>
    <mergeCell ref="AH239:AJ239"/>
    <mergeCell ref="C244:D244"/>
    <mergeCell ref="E244:T244"/>
    <mergeCell ref="V244:Z244"/>
    <mergeCell ref="AA244:AC244"/>
    <mergeCell ref="AF244:AG244"/>
    <mergeCell ref="AH244:AJ244"/>
    <mergeCell ref="C243:D243"/>
    <mergeCell ref="E243:T243"/>
    <mergeCell ref="V243:Z243"/>
    <mergeCell ref="AA243:AC243"/>
    <mergeCell ref="AF243:AG243"/>
    <mergeCell ref="AH243:AJ243"/>
    <mergeCell ref="C242:D242"/>
    <mergeCell ref="E242:T242"/>
    <mergeCell ref="V242:Z242"/>
    <mergeCell ref="AA242:AC242"/>
    <mergeCell ref="AF242:AG242"/>
    <mergeCell ref="AH242:AJ242"/>
    <mergeCell ref="C247:D247"/>
    <mergeCell ref="E247:T247"/>
    <mergeCell ref="V247:Z247"/>
    <mergeCell ref="AA247:AC247"/>
    <mergeCell ref="AF247:AG247"/>
    <mergeCell ref="AH247:AJ247"/>
    <mergeCell ref="C246:D246"/>
    <mergeCell ref="E246:T246"/>
    <mergeCell ref="V246:Z246"/>
    <mergeCell ref="AA246:AC246"/>
    <mergeCell ref="AF246:AG246"/>
    <mergeCell ref="AH246:AJ246"/>
    <mergeCell ref="C245:D245"/>
    <mergeCell ref="E245:T245"/>
    <mergeCell ref="V245:Z245"/>
    <mergeCell ref="AA245:AC245"/>
    <mergeCell ref="AF245:AG245"/>
    <mergeCell ref="AH245:AJ245"/>
    <mergeCell ref="C253:D253"/>
    <mergeCell ref="E253:T253"/>
    <mergeCell ref="V253:Z253"/>
    <mergeCell ref="AA253:AC253"/>
    <mergeCell ref="AF253:AG253"/>
    <mergeCell ref="AH253:AJ253"/>
    <mergeCell ref="AH250:AJ251"/>
    <mergeCell ref="AK250:AK251"/>
    <mergeCell ref="C252:D252"/>
    <mergeCell ref="E252:T252"/>
    <mergeCell ref="V252:Z252"/>
    <mergeCell ref="AA252:AC252"/>
    <mergeCell ref="AF252:AG252"/>
    <mergeCell ref="AH252:AJ252"/>
    <mergeCell ref="C250:D251"/>
    <mergeCell ref="E250:T251"/>
    <mergeCell ref="V250:Z251"/>
    <mergeCell ref="AA250:AC251"/>
    <mergeCell ref="AD250:AE251"/>
    <mergeCell ref="AF250:AG251"/>
    <mergeCell ref="C256:D256"/>
    <mergeCell ref="E256:T256"/>
    <mergeCell ref="V256:Z256"/>
    <mergeCell ref="AA256:AC256"/>
    <mergeCell ref="AF256:AG256"/>
    <mergeCell ref="AH256:AJ256"/>
    <mergeCell ref="C255:D255"/>
    <mergeCell ref="E255:T255"/>
    <mergeCell ref="V255:Z255"/>
    <mergeCell ref="AA255:AC255"/>
    <mergeCell ref="AF255:AG255"/>
    <mergeCell ref="AH255:AJ255"/>
    <mergeCell ref="C254:D254"/>
    <mergeCell ref="E254:T254"/>
    <mergeCell ref="V254:Z254"/>
    <mergeCell ref="AA254:AC254"/>
    <mergeCell ref="AF254:AG254"/>
    <mergeCell ref="AH254:AJ254"/>
    <mergeCell ref="C259:D259"/>
    <mergeCell ref="E259:T259"/>
    <mergeCell ref="V259:Z259"/>
    <mergeCell ref="AA259:AC259"/>
    <mergeCell ref="AF259:AG259"/>
    <mergeCell ref="AH259:AJ259"/>
    <mergeCell ref="C258:D258"/>
    <mergeCell ref="E258:T258"/>
    <mergeCell ref="V258:Z258"/>
    <mergeCell ref="AA258:AC258"/>
    <mergeCell ref="AF258:AG258"/>
    <mergeCell ref="AH258:AJ258"/>
    <mergeCell ref="C257:D257"/>
    <mergeCell ref="E257:T257"/>
    <mergeCell ref="V257:Z257"/>
    <mergeCell ref="AA257:AC257"/>
    <mergeCell ref="AF257:AG257"/>
    <mergeCell ref="AH257:AJ257"/>
    <mergeCell ref="C262:D262"/>
    <mergeCell ref="E262:T262"/>
    <mergeCell ref="V262:Z262"/>
    <mergeCell ref="AA262:AC262"/>
    <mergeCell ref="AF262:AG262"/>
    <mergeCell ref="AH262:AJ262"/>
    <mergeCell ref="C261:D261"/>
    <mergeCell ref="E261:T261"/>
    <mergeCell ref="V261:Z261"/>
    <mergeCell ref="AA261:AC261"/>
    <mergeCell ref="AF261:AG261"/>
    <mergeCell ref="AH261:AJ261"/>
    <mergeCell ref="C260:D260"/>
    <mergeCell ref="E260:T260"/>
    <mergeCell ref="V260:Z260"/>
    <mergeCell ref="AA260:AC260"/>
    <mergeCell ref="AF260:AG260"/>
    <mergeCell ref="AH260:AJ260"/>
    <mergeCell ref="C265:D265"/>
    <mergeCell ref="E265:T265"/>
    <mergeCell ref="V265:Z265"/>
    <mergeCell ref="AA265:AC265"/>
    <mergeCell ref="AF265:AG265"/>
    <mergeCell ref="AH265:AJ265"/>
    <mergeCell ref="C264:D264"/>
    <mergeCell ref="E264:T264"/>
    <mergeCell ref="V264:Z264"/>
    <mergeCell ref="AA264:AC264"/>
    <mergeCell ref="AF264:AG264"/>
    <mergeCell ref="AH264:AJ264"/>
    <mergeCell ref="C263:D263"/>
    <mergeCell ref="E263:T263"/>
    <mergeCell ref="V263:Z263"/>
    <mergeCell ref="AA263:AC263"/>
    <mergeCell ref="AF263:AG263"/>
    <mergeCell ref="AH263:AJ263"/>
    <mergeCell ref="C268:D268"/>
    <mergeCell ref="E268:T268"/>
    <mergeCell ref="V268:Z268"/>
    <mergeCell ref="AA268:AC268"/>
    <mergeCell ref="AF268:AG268"/>
    <mergeCell ref="AH268:AJ268"/>
    <mergeCell ref="C267:D267"/>
    <mergeCell ref="E267:T267"/>
    <mergeCell ref="V267:Z267"/>
    <mergeCell ref="AA267:AC267"/>
    <mergeCell ref="AF267:AG267"/>
    <mergeCell ref="AH267:AJ267"/>
    <mergeCell ref="C266:D266"/>
    <mergeCell ref="E266:T266"/>
    <mergeCell ref="V266:Z266"/>
    <mergeCell ref="AA266:AC266"/>
    <mergeCell ref="AF266:AG266"/>
    <mergeCell ref="AH266:AJ266"/>
    <mergeCell ref="C271:D271"/>
    <mergeCell ref="E271:T271"/>
    <mergeCell ref="V271:Z271"/>
    <mergeCell ref="AA271:AC271"/>
    <mergeCell ref="AF271:AG271"/>
    <mergeCell ref="AH271:AJ271"/>
    <mergeCell ref="C270:D270"/>
    <mergeCell ref="E270:T270"/>
    <mergeCell ref="V270:Z270"/>
    <mergeCell ref="AA270:AC270"/>
    <mergeCell ref="AF270:AG270"/>
    <mergeCell ref="AH270:AJ270"/>
    <mergeCell ref="C269:D269"/>
    <mergeCell ref="E269:T269"/>
    <mergeCell ref="V269:Z269"/>
    <mergeCell ref="AA269:AC269"/>
    <mergeCell ref="AF269:AG269"/>
    <mergeCell ref="AH269:AJ269"/>
    <mergeCell ref="C274:D274"/>
    <mergeCell ref="E274:T274"/>
    <mergeCell ref="V274:Z274"/>
    <mergeCell ref="AA274:AC274"/>
    <mergeCell ref="AF274:AG274"/>
    <mergeCell ref="AH274:AJ274"/>
    <mergeCell ref="C273:D273"/>
    <mergeCell ref="E273:T273"/>
    <mergeCell ref="V273:Z273"/>
    <mergeCell ref="AA273:AC273"/>
    <mergeCell ref="AF273:AG273"/>
    <mergeCell ref="AH273:AJ273"/>
    <mergeCell ref="C272:D272"/>
    <mergeCell ref="E272:T272"/>
    <mergeCell ref="V272:Z272"/>
    <mergeCell ref="AA272:AC272"/>
    <mergeCell ref="AF272:AG272"/>
    <mergeCell ref="AH272:AJ272"/>
    <mergeCell ref="C277:D277"/>
    <mergeCell ref="E277:T277"/>
    <mergeCell ref="V277:Z277"/>
    <mergeCell ref="AA277:AC277"/>
    <mergeCell ref="AF277:AG277"/>
    <mergeCell ref="AH277:AJ277"/>
    <mergeCell ref="C276:D276"/>
    <mergeCell ref="E276:T276"/>
    <mergeCell ref="V276:Z276"/>
    <mergeCell ref="AA276:AC276"/>
    <mergeCell ref="AF276:AG276"/>
    <mergeCell ref="AH276:AJ276"/>
    <mergeCell ref="C275:D275"/>
    <mergeCell ref="E275:T275"/>
    <mergeCell ref="V275:Z275"/>
    <mergeCell ref="AA275:AC275"/>
    <mergeCell ref="AF275:AG275"/>
    <mergeCell ref="AH275:AJ275"/>
    <mergeCell ref="C280:D280"/>
    <mergeCell ref="E280:T280"/>
    <mergeCell ref="V280:Z280"/>
    <mergeCell ref="AA280:AC280"/>
    <mergeCell ref="AF280:AG280"/>
    <mergeCell ref="AH280:AJ280"/>
    <mergeCell ref="C279:D279"/>
    <mergeCell ref="E279:T279"/>
    <mergeCell ref="V279:Z279"/>
    <mergeCell ref="AA279:AC279"/>
    <mergeCell ref="AF279:AG279"/>
    <mergeCell ref="AH279:AJ279"/>
    <mergeCell ref="C278:D278"/>
    <mergeCell ref="E278:T278"/>
    <mergeCell ref="V278:Z278"/>
    <mergeCell ref="AA278:AC278"/>
    <mergeCell ref="AF278:AG278"/>
    <mergeCell ref="AH278:AJ278"/>
    <mergeCell ref="C283:D283"/>
    <mergeCell ref="E283:T283"/>
    <mergeCell ref="V283:Z283"/>
    <mergeCell ref="AA283:AC283"/>
    <mergeCell ref="AF283:AG283"/>
    <mergeCell ref="AH283:AJ283"/>
    <mergeCell ref="C282:D282"/>
    <mergeCell ref="E282:T282"/>
    <mergeCell ref="V282:Z282"/>
    <mergeCell ref="AA282:AC282"/>
    <mergeCell ref="AF282:AG282"/>
    <mergeCell ref="AH282:AJ282"/>
    <mergeCell ref="C281:D281"/>
    <mergeCell ref="E281:T281"/>
    <mergeCell ref="V281:Z281"/>
    <mergeCell ref="AA281:AC281"/>
    <mergeCell ref="AF281:AG281"/>
    <mergeCell ref="AH281:AJ281"/>
    <mergeCell ref="C286:D286"/>
    <mergeCell ref="E286:T286"/>
    <mergeCell ref="V286:Z286"/>
    <mergeCell ref="AA286:AC286"/>
    <mergeCell ref="AF286:AG286"/>
    <mergeCell ref="AH286:AJ286"/>
    <mergeCell ref="C285:D285"/>
    <mergeCell ref="E285:T285"/>
    <mergeCell ref="V285:Z285"/>
    <mergeCell ref="AA285:AC285"/>
    <mergeCell ref="AF285:AG285"/>
    <mergeCell ref="AH285:AJ285"/>
    <mergeCell ref="C284:D284"/>
    <mergeCell ref="E284:T284"/>
    <mergeCell ref="V284:Z284"/>
    <mergeCell ref="AA284:AC284"/>
    <mergeCell ref="AF284:AG284"/>
    <mergeCell ref="AH284:AJ284"/>
    <mergeCell ref="C289:D289"/>
    <mergeCell ref="E289:T289"/>
    <mergeCell ref="V289:Z289"/>
    <mergeCell ref="AA289:AC289"/>
    <mergeCell ref="AF289:AG289"/>
    <mergeCell ref="AH289:AJ289"/>
    <mergeCell ref="C288:D288"/>
    <mergeCell ref="E288:T288"/>
    <mergeCell ref="V288:Z288"/>
    <mergeCell ref="AA288:AC288"/>
    <mergeCell ref="AF288:AG288"/>
    <mergeCell ref="AH288:AJ288"/>
    <mergeCell ref="C287:D287"/>
    <mergeCell ref="E287:T287"/>
    <mergeCell ref="V287:Z287"/>
    <mergeCell ref="AA287:AC287"/>
    <mergeCell ref="AF287:AG287"/>
    <mergeCell ref="AH287:AJ287"/>
    <mergeCell ref="C292:D292"/>
    <mergeCell ref="E292:T292"/>
    <mergeCell ref="V292:Z292"/>
    <mergeCell ref="AA292:AC292"/>
    <mergeCell ref="AF292:AG292"/>
    <mergeCell ref="AH292:AJ292"/>
    <mergeCell ref="C291:D291"/>
    <mergeCell ref="E291:T291"/>
    <mergeCell ref="V291:Z291"/>
    <mergeCell ref="AA291:AC291"/>
    <mergeCell ref="AF291:AG291"/>
    <mergeCell ref="AH291:AJ291"/>
    <mergeCell ref="C290:D290"/>
    <mergeCell ref="E290:T290"/>
    <mergeCell ref="V290:Z290"/>
    <mergeCell ref="AA290:AC290"/>
    <mergeCell ref="AF290:AG290"/>
    <mergeCell ref="AH290:AJ290"/>
    <mergeCell ref="C295:D295"/>
    <mergeCell ref="E295:T295"/>
    <mergeCell ref="V295:Z295"/>
    <mergeCell ref="AA295:AC295"/>
    <mergeCell ref="AF295:AG295"/>
    <mergeCell ref="AH295:AJ295"/>
    <mergeCell ref="C294:D294"/>
    <mergeCell ref="E294:T294"/>
    <mergeCell ref="V294:Z294"/>
    <mergeCell ref="AA294:AC294"/>
    <mergeCell ref="AF294:AG294"/>
    <mergeCell ref="AH294:AJ294"/>
    <mergeCell ref="C293:D293"/>
    <mergeCell ref="E293:T293"/>
    <mergeCell ref="V293:Z293"/>
    <mergeCell ref="AA293:AC293"/>
    <mergeCell ref="AF293:AG293"/>
    <mergeCell ref="AH293:AJ293"/>
    <mergeCell ref="C298:D298"/>
    <mergeCell ref="E298:T298"/>
    <mergeCell ref="V298:Z298"/>
    <mergeCell ref="AA298:AC298"/>
    <mergeCell ref="AF298:AG298"/>
    <mergeCell ref="AH298:AJ298"/>
    <mergeCell ref="C297:D297"/>
    <mergeCell ref="E297:T297"/>
    <mergeCell ref="V297:Z297"/>
    <mergeCell ref="AA297:AC297"/>
    <mergeCell ref="AF297:AG297"/>
    <mergeCell ref="AH297:AJ297"/>
    <mergeCell ref="C296:D296"/>
    <mergeCell ref="E296:T296"/>
    <mergeCell ref="V296:Z296"/>
    <mergeCell ref="AA296:AC296"/>
    <mergeCell ref="AF296:AG296"/>
    <mergeCell ref="AH296:AJ296"/>
    <mergeCell ref="C301:D301"/>
    <mergeCell ref="E301:T301"/>
    <mergeCell ref="V301:Z301"/>
    <mergeCell ref="AA301:AC301"/>
    <mergeCell ref="AF301:AG301"/>
    <mergeCell ref="AH301:AJ301"/>
    <mergeCell ref="C300:D300"/>
    <mergeCell ref="E300:T300"/>
    <mergeCell ref="V300:Z300"/>
    <mergeCell ref="AA300:AC300"/>
    <mergeCell ref="AF300:AG300"/>
    <mergeCell ref="AH300:AJ300"/>
    <mergeCell ref="C299:D299"/>
    <mergeCell ref="E299:T299"/>
    <mergeCell ref="V299:Z299"/>
    <mergeCell ref="AA299:AC299"/>
    <mergeCell ref="AF299:AG299"/>
    <mergeCell ref="AH299:AJ299"/>
    <mergeCell ref="C304:D304"/>
    <mergeCell ref="E304:T304"/>
    <mergeCell ref="V304:Z304"/>
    <mergeCell ref="AA304:AC304"/>
    <mergeCell ref="AF304:AG304"/>
    <mergeCell ref="AH304:AJ304"/>
    <mergeCell ref="C303:D303"/>
    <mergeCell ref="E303:T303"/>
    <mergeCell ref="V303:Z303"/>
    <mergeCell ref="AA303:AC303"/>
    <mergeCell ref="AF303:AG303"/>
    <mergeCell ref="AH303:AJ303"/>
    <mergeCell ref="C302:D302"/>
    <mergeCell ref="E302:T302"/>
    <mergeCell ref="V302:Z302"/>
    <mergeCell ref="AA302:AC302"/>
    <mergeCell ref="AF302:AG302"/>
    <mergeCell ref="AH302:AJ302"/>
    <mergeCell ref="C307:D307"/>
    <mergeCell ref="E307:T307"/>
    <mergeCell ref="V307:Z307"/>
    <mergeCell ref="AA307:AC307"/>
    <mergeCell ref="AF307:AG307"/>
    <mergeCell ref="AH307:AJ307"/>
    <mergeCell ref="C306:D306"/>
    <mergeCell ref="E306:T306"/>
    <mergeCell ref="V306:Z306"/>
    <mergeCell ref="AA306:AC306"/>
    <mergeCell ref="AF306:AG306"/>
    <mergeCell ref="AH306:AJ306"/>
    <mergeCell ref="C305:D305"/>
    <mergeCell ref="E305:T305"/>
    <mergeCell ref="V305:Z305"/>
    <mergeCell ref="AA305:AC305"/>
    <mergeCell ref="AF305:AG305"/>
    <mergeCell ref="AH305:AJ305"/>
    <mergeCell ref="AF311:AG312"/>
    <mergeCell ref="AH311:AJ312"/>
    <mergeCell ref="AK311:AK312"/>
    <mergeCell ref="C313:D313"/>
    <mergeCell ref="E313:T313"/>
    <mergeCell ref="V313:Z313"/>
    <mergeCell ref="AA313:AC313"/>
    <mergeCell ref="AF313:AG313"/>
    <mergeCell ref="AH313:AJ313"/>
    <mergeCell ref="C311:D312"/>
    <mergeCell ref="E311:T312"/>
    <mergeCell ref="U311:U312"/>
    <mergeCell ref="V311:Z312"/>
    <mergeCell ref="AA311:AC312"/>
    <mergeCell ref="AD311:AE312"/>
    <mergeCell ref="C308:D308"/>
    <mergeCell ref="E308:T308"/>
    <mergeCell ref="V308:Z308"/>
    <mergeCell ref="AA308:AC308"/>
    <mergeCell ref="AF308:AG308"/>
    <mergeCell ref="AH308:AJ308"/>
    <mergeCell ref="C316:D316"/>
    <mergeCell ref="E316:T316"/>
    <mergeCell ref="V316:Z316"/>
    <mergeCell ref="AA316:AC316"/>
    <mergeCell ref="AF316:AG316"/>
    <mergeCell ref="AH316:AJ316"/>
    <mergeCell ref="C315:D315"/>
    <mergeCell ref="E315:T315"/>
    <mergeCell ref="V315:Z315"/>
    <mergeCell ref="AA315:AC315"/>
    <mergeCell ref="AF315:AG315"/>
    <mergeCell ref="AH315:AJ315"/>
    <mergeCell ref="C314:D314"/>
    <mergeCell ref="E314:T314"/>
    <mergeCell ref="V314:Z314"/>
    <mergeCell ref="AA314:AC314"/>
    <mergeCell ref="AF314:AG314"/>
    <mergeCell ref="AH314:AJ314"/>
    <mergeCell ref="C319:D319"/>
    <mergeCell ref="E319:T319"/>
    <mergeCell ref="V319:Z319"/>
    <mergeCell ref="AA319:AC319"/>
    <mergeCell ref="AF319:AG319"/>
    <mergeCell ref="AH319:AJ319"/>
    <mergeCell ref="C318:D318"/>
    <mergeCell ref="E318:T318"/>
    <mergeCell ref="V318:Z318"/>
    <mergeCell ref="AA318:AC318"/>
    <mergeCell ref="AF318:AG318"/>
    <mergeCell ref="AH318:AJ318"/>
    <mergeCell ref="C317:D317"/>
    <mergeCell ref="E317:T317"/>
    <mergeCell ref="V317:Z317"/>
    <mergeCell ref="AA317:AC317"/>
    <mergeCell ref="AF317:AG317"/>
    <mergeCell ref="AH317:AJ317"/>
    <mergeCell ref="C322:D322"/>
    <mergeCell ref="E322:T322"/>
    <mergeCell ref="V322:Z322"/>
    <mergeCell ref="AA322:AC322"/>
    <mergeCell ref="AF322:AG322"/>
    <mergeCell ref="AH322:AJ322"/>
    <mergeCell ref="C321:D321"/>
    <mergeCell ref="E321:T321"/>
    <mergeCell ref="V321:Z321"/>
    <mergeCell ref="AA321:AC321"/>
    <mergeCell ref="AF321:AG321"/>
    <mergeCell ref="AH321:AJ321"/>
    <mergeCell ref="C320:D320"/>
    <mergeCell ref="E320:T320"/>
    <mergeCell ref="V320:Z320"/>
    <mergeCell ref="AA320:AC320"/>
    <mergeCell ref="AF320:AG320"/>
    <mergeCell ref="AH320:AJ320"/>
    <mergeCell ref="C325:D325"/>
    <mergeCell ref="E325:T325"/>
    <mergeCell ref="V325:Z325"/>
    <mergeCell ref="AA325:AC325"/>
    <mergeCell ref="AF325:AG325"/>
    <mergeCell ref="AH325:AJ325"/>
    <mergeCell ref="C324:D324"/>
    <mergeCell ref="E324:T324"/>
    <mergeCell ref="V324:Z324"/>
    <mergeCell ref="AA324:AC324"/>
    <mergeCell ref="AF324:AG324"/>
    <mergeCell ref="AH324:AJ324"/>
    <mergeCell ref="C323:D323"/>
    <mergeCell ref="E323:T323"/>
    <mergeCell ref="V323:Z323"/>
    <mergeCell ref="AA323:AC323"/>
    <mergeCell ref="AF323:AG323"/>
    <mergeCell ref="AH323:AJ323"/>
    <mergeCell ref="C328:D328"/>
    <mergeCell ref="E328:T328"/>
    <mergeCell ref="V328:Z328"/>
    <mergeCell ref="AA328:AC328"/>
    <mergeCell ref="AF328:AG328"/>
    <mergeCell ref="AH328:AJ328"/>
    <mergeCell ref="C327:D327"/>
    <mergeCell ref="E327:T327"/>
    <mergeCell ref="V327:Z327"/>
    <mergeCell ref="AA327:AC327"/>
    <mergeCell ref="AF327:AG327"/>
    <mergeCell ref="AH327:AJ327"/>
    <mergeCell ref="C326:D326"/>
    <mergeCell ref="E326:T326"/>
    <mergeCell ref="V326:Z326"/>
    <mergeCell ref="AA326:AC326"/>
    <mergeCell ref="AF326:AG326"/>
    <mergeCell ref="AH326:AJ326"/>
    <mergeCell ref="C331:D331"/>
    <mergeCell ref="E331:T331"/>
    <mergeCell ref="V331:Z331"/>
    <mergeCell ref="AA331:AC331"/>
    <mergeCell ref="AF331:AG331"/>
    <mergeCell ref="AH331:AJ331"/>
    <mergeCell ref="C330:D330"/>
    <mergeCell ref="E330:T330"/>
    <mergeCell ref="V330:Z330"/>
    <mergeCell ref="AA330:AC330"/>
    <mergeCell ref="AF330:AG330"/>
    <mergeCell ref="AH330:AJ330"/>
    <mergeCell ref="C329:D329"/>
    <mergeCell ref="E329:T329"/>
    <mergeCell ref="V329:Z329"/>
    <mergeCell ref="AA329:AC329"/>
    <mergeCell ref="AF329:AG329"/>
    <mergeCell ref="AH329:AJ329"/>
    <mergeCell ref="C334:D334"/>
    <mergeCell ref="E334:T334"/>
    <mergeCell ref="V334:Z334"/>
    <mergeCell ref="AA334:AC334"/>
    <mergeCell ref="AF334:AG334"/>
    <mergeCell ref="AH334:AJ334"/>
    <mergeCell ref="C333:D333"/>
    <mergeCell ref="E333:T333"/>
    <mergeCell ref="V333:Z333"/>
    <mergeCell ref="AA333:AC333"/>
    <mergeCell ref="AF333:AG333"/>
    <mergeCell ref="AH333:AJ333"/>
    <mergeCell ref="C332:D332"/>
    <mergeCell ref="E332:T332"/>
    <mergeCell ref="V332:Z332"/>
    <mergeCell ref="AA332:AC332"/>
    <mergeCell ref="AF332:AG332"/>
    <mergeCell ref="AH332:AJ332"/>
    <mergeCell ref="C337:D337"/>
    <mergeCell ref="E337:T337"/>
    <mergeCell ref="V337:Z337"/>
    <mergeCell ref="AA337:AC337"/>
    <mergeCell ref="AF337:AG337"/>
    <mergeCell ref="AH337:AJ337"/>
    <mergeCell ref="C336:D336"/>
    <mergeCell ref="E336:T336"/>
    <mergeCell ref="V336:Z336"/>
    <mergeCell ref="AA336:AC336"/>
    <mergeCell ref="AF336:AG336"/>
    <mergeCell ref="AH336:AJ336"/>
    <mergeCell ref="C335:D335"/>
    <mergeCell ref="E335:T335"/>
    <mergeCell ref="V335:Z335"/>
    <mergeCell ref="AA335:AC335"/>
    <mergeCell ref="AF335:AG335"/>
    <mergeCell ref="AH335:AJ335"/>
    <mergeCell ref="C340:D340"/>
    <mergeCell ref="E340:T340"/>
    <mergeCell ref="V340:Z340"/>
    <mergeCell ref="AA340:AC340"/>
    <mergeCell ref="AF340:AG340"/>
    <mergeCell ref="AH340:AJ340"/>
    <mergeCell ref="C339:D339"/>
    <mergeCell ref="E339:T339"/>
    <mergeCell ref="V339:Z339"/>
    <mergeCell ref="AA339:AC339"/>
    <mergeCell ref="AF339:AG339"/>
    <mergeCell ref="AH339:AJ339"/>
    <mergeCell ref="C338:D338"/>
    <mergeCell ref="E338:T338"/>
    <mergeCell ref="V338:Z338"/>
    <mergeCell ref="AA338:AC338"/>
    <mergeCell ref="AF338:AG338"/>
    <mergeCell ref="AH338:AJ338"/>
    <mergeCell ref="C343:D343"/>
    <mergeCell ref="E343:T343"/>
    <mergeCell ref="V343:Z343"/>
    <mergeCell ref="AA343:AC343"/>
    <mergeCell ref="AF343:AG343"/>
    <mergeCell ref="AH343:AJ343"/>
    <mergeCell ref="C342:D342"/>
    <mergeCell ref="E342:T342"/>
    <mergeCell ref="V342:Z342"/>
    <mergeCell ref="AA342:AC342"/>
    <mergeCell ref="AF342:AG342"/>
    <mergeCell ref="AH342:AJ342"/>
    <mergeCell ref="C341:D341"/>
    <mergeCell ref="E341:T341"/>
    <mergeCell ref="V341:Z341"/>
    <mergeCell ref="AA341:AC341"/>
    <mergeCell ref="AF341:AG341"/>
    <mergeCell ref="AH341:AJ341"/>
    <mergeCell ref="C346:D346"/>
    <mergeCell ref="E346:T346"/>
    <mergeCell ref="V346:Z346"/>
    <mergeCell ref="AA346:AC346"/>
    <mergeCell ref="AF346:AG346"/>
    <mergeCell ref="AH346:AJ346"/>
    <mergeCell ref="C345:D345"/>
    <mergeCell ref="E345:T345"/>
    <mergeCell ref="V345:Z345"/>
    <mergeCell ref="AA345:AC345"/>
    <mergeCell ref="AF345:AG345"/>
    <mergeCell ref="AH345:AJ345"/>
    <mergeCell ref="C344:D344"/>
    <mergeCell ref="E344:T344"/>
    <mergeCell ref="V344:Z344"/>
    <mergeCell ref="AA344:AC344"/>
    <mergeCell ref="AF344:AG344"/>
    <mergeCell ref="AH344:AJ344"/>
    <mergeCell ref="C349:D349"/>
    <mergeCell ref="E349:T349"/>
    <mergeCell ref="V349:Z349"/>
    <mergeCell ref="AA349:AC349"/>
    <mergeCell ref="AF349:AG349"/>
    <mergeCell ref="AH349:AJ349"/>
    <mergeCell ref="C348:D348"/>
    <mergeCell ref="E348:T348"/>
    <mergeCell ref="V348:Z348"/>
    <mergeCell ref="AA348:AC348"/>
    <mergeCell ref="AF348:AG348"/>
    <mergeCell ref="AH348:AJ348"/>
    <mergeCell ref="C347:D347"/>
    <mergeCell ref="E347:T347"/>
    <mergeCell ref="V347:Z347"/>
    <mergeCell ref="AA347:AC347"/>
    <mergeCell ref="AF347:AG347"/>
    <mergeCell ref="AH347:AJ347"/>
    <mergeCell ref="C352:D352"/>
    <mergeCell ref="E352:T352"/>
    <mergeCell ref="V352:Z352"/>
    <mergeCell ref="AA352:AC352"/>
    <mergeCell ref="AF352:AG352"/>
    <mergeCell ref="AH352:AJ352"/>
    <mergeCell ref="C351:D351"/>
    <mergeCell ref="E351:T351"/>
    <mergeCell ref="V351:Z351"/>
    <mergeCell ref="AA351:AC351"/>
    <mergeCell ref="AF351:AG351"/>
    <mergeCell ref="AH351:AJ351"/>
    <mergeCell ref="C350:D350"/>
    <mergeCell ref="E350:T350"/>
    <mergeCell ref="V350:Z350"/>
    <mergeCell ref="AA350:AC350"/>
    <mergeCell ref="AF350:AG350"/>
    <mergeCell ref="AH350:AJ350"/>
    <mergeCell ref="C355:D355"/>
    <mergeCell ref="E355:T355"/>
    <mergeCell ref="V355:Z355"/>
    <mergeCell ref="AA355:AC355"/>
    <mergeCell ref="AF355:AG355"/>
    <mergeCell ref="AH355:AJ355"/>
    <mergeCell ref="C354:D354"/>
    <mergeCell ref="E354:T354"/>
    <mergeCell ref="V354:Z354"/>
    <mergeCell ref="AA354:AC354"/>
    <mergeCell ref="AF354:AG354"/>
    <mergeCell ref="AH354:AJ354"/>
    <mergeCell ref="C353:D353"/>
    <mergeCell ref="E353:T353"/>
    <mergeCell ref="V353:Z353"/>
    <mergeCell ref="AA353:AC353"/>
    <mergeCell ref="AF353:AG353"/>
    <mergeCell ref="AH353:AJ353"/>
    <mergeCell ref="C358:D358"/>
    <mergeCell ref="E358:T358"/>
    <mergeCell ref="V358:Z358"/>
    <mergeCell ref="AA358:AC358"/>
    <mergeCell ref="AF358:AG358"/>
    <mergeCell ref="AH358:AJ358"/>
    <mergeCell ref="C357:D357"/>
    <mergeCell ref="E357:T357"/>
    <mergeCell ref="V357:Z357"/>
    <mergeCell ref="AA357:AC357"/>
    <mergeCell ref="AF357:AG357"/>
    <mergeCell ref="AH357:AJ357"/>
    <mergeCell ref="C356:D356"/>
    <mergeCell ref="E356:T356"/>
    <mergeCell ref="V356:Z356"/>
    <mergeCell ref="AA356:AC356"/>
    <mergeCell ref="AF356:AG356"/>
    <mergeCell ref="AH356:AJ356"/>
    <mergeCell ref="C361:D361"/>
    <mergeCell ref="E361:T361"/>
    <mergeCell ref="V361:Z361"/>
    <mergeCell ref="AA361:AC361"/>
    <mergeCell ref="AF361:AG361"/>
    <mergeCell ref="AH361:AJ361"/>
    <mergeCell ref="C360:D360"/>
    <mergeCell ref="E360:T360"/>
    <mergeCell ref="V360:Z360"/>
    <mergeCell ref="AA360:AC360"/>
    <mergeCell ref="AF360:AG360"/>
    <mergeCell ref="AH360:AJ360"/>
    <mergeCell ref="C359:D359"/>
    <mergeCell ref="E359:T359"/>
    <mergeCell ref="V359:Z359"/>
    <mergeCell ref="AA359:AC359"/>
    <mergeCell ref="AF359:AG359"/>
    <mergeCell ref="AH359:AJ359"/>
    <mergeCell ref="C364:D364"/>
    <mergeCell ref="E364:T364"/>
    <mergeCell ref="V364:Z364"/>
    <mergeCell ref="AA364:AC364"/>
    <mergeCell ref="AF364:AG364"/>
    <mergeCell ref="AH364:AJ364"/>
    <mergeCell ref="C363:D363"/>
    <mergeCell ref="E363:T363"/>
    <mergeCell ref="V363:Z363"/>
    <mergeCell ref="AA363:AC363"/>
    <mergeCell ref="AF363:AG363"/>
    <mergeCell ref="AH363:AJ363"/>
    <mergeCell ref="C362:D362"/>
    <mergeCell ref="E362:T362"/>
    <mergeCell ref="V362:Z362"/>
    <mergeCell ref="AA362:AC362"/>
    <mergeCell ref="AF362:AG362"/>
    <mergeCell ref="AH362:AJ362"/>
    <mergeCell ref="C367:D367"/>
    <mergeCell ref="E367:T367"/>
    <mergeCell ref="V367:Z367"/>
    <mergeCell ref="AA367:AC367"/>
    <mergeCell ref="AF367:AG367"/>
    <mergeCell ref="AH367:AJ367"/>
    <mergeCell ref="C366:D366"/>
    <mergeCell ref="E366:T366"/>
    <mergeCell ref="V366:Z366"/>
    <mergeCell ref="AA366:AC366"/>
    <mergeCell ref="AF366:AG366"/>
    <mergeCell ref="AH366:AJ366"/>
    <mergeCell ref="C365:D365"/>
    <mergeCell ref="E365:T365"/>
    <mergeCell ref="V365:Z365"/>
    <mergeCell ref="AA365:AC365"/>
    <mergeCell ref="AF365:AG365"/>
    <mergeCell ref="AH365:AJ365"/>
    <mergeCell ref="C370:D370"/>
    <mergeCell ref="E370:T370"/>
    <mergeCell ref="V370:Z370"/>
    <mergeCell ref="AA370:AC370"/>
    <mergeCell ref="AF370:AG370"/>
    <mergeCell ref="AH370:AJ370"/>
    <mergeCell ref="C369:D369"/>
    <mergeCell ref="E369:T369"/>
    <mergeCell ref="V369:Z369"/>
    <mergeCell ref="AA369:AC369"/>
    <mergeCell ref="AF369:AG369"/>
    <mergeCell ref="AH369:AJ369"/>
    <mergeCell ref="C368:D368"/>
    <mergeCell ref="E368:T368"/>
    <mergeCell ref="V368:Z368"/>
    <mergeCell ref="AA368:AC368"/>
    <mergeCell ref="AF368:AG368"/>
    <mergeCell ref="AH368:AJ368"/>
    <mergeCell ref="C373:D373"/>
    <mergeCell ref="E373:T373"/>
    <mergeCell ref="V373:Z373"/>
    <mergeCell ref="AA373:AC373"/>
    <mergeCell ref="AF373:AG373"/>
    <mergeCell ref="AH373:AJ373"/>
    <mergeCell ref="C372:D372"/>
    <mergeCell ref="E372:T372"/>
    <mergeCell ref="V372:Z372"/>
    <mergeCell ref="AA372:AC372"/>
    <mergeCell ref="AF372:AG372"/>
    <mergeCell ref="AH372:AJ372"/>
    <mergeCell ref="C371:D371"/>
    <mergeCell ref="E371:T371"/>
    <mergeCell ref="V371:Z371"/>
    <mergeCell ref="AA371:AC371"/>
    <mergeCell ref="AF371:AG371"/>
    <mergeCell ref="AH371:AJ371"/>
    <mergeCell ref="C379:D379"/>
    <mergeCell ref="E379:T379"/>
    <mergeCell ref="V379:Z379"/>
    <mergeCell ref="AA379:AC379"/>
    <mergeCell ref="AF379:AG379"/>
    <mergeCell ref="AH379:AJ379"/>
    <mergeCell ref="AH376:AJ377"/>
    <mergeCell ref="AK376:AK377"/>
    <mergeCell ref="C378:D378"/>
    <mergeCell ref="E378:T378"/>
    <mergeCell ref="V378:Z378"/>
    <mergeCell ref="AA378:AC378"/>
    <mergeCell ref="AF378:AG378"/>
    <mergeCell ref="AH378:AJ378"/>
    <mergeCell ref="C376:D377"/>
    <mergeCell ref="E376:T377"/>
    <mergeCell ref="V376:Z377"/>
    <mergeCell ref="AA376:AC377"/>
    <mergeCell ref="AD376:AE377"/>
    <mergeCell ref="AF376:AG377"/>
    <mergeCell ref="C382:D382"/>
    <mergeCell ref="E382:T382"/>
    <mergeCell ref="V382:Z382"/>
    <mergeCell ref="AA382:AC382"/>
    <mergeCell ref="AF382:AG382"/>
    <mergeCell ref="AH382:AJ382"/>
    <mergeCell ref="C381:D381"/>
    <mergeCell ref="E381:T381"/>
    <mergeCell ref="V381:Z381"/>
    <mergeCell ref="AA381:AC381"/>
    <mergeCell ref="AF381:AG381"/>
    <mergeCell ref="AH381:AJ381"/>
    <mergeCell ref="C380:D380"/>
    <mergeCell ref="E380:T380"/>
    <mergeCell ref="V380:Z380"/>
    <mergeCell ref="AA380:AC380"/>
    <mergeCell ref="AF380:AG380"/>
    <mergeCell ref="AH380:AJ380"/>
    <mergeCell ref="C385:D385"/>
    <mergeCell ref="E385:T385"/>
    <mergeCell ref="V385:Z385"/>
    <mergeCell ref="AA385:AC385"/>
    <mergeCell ref="AF385:AG385"/>
    <mergeCell ref="AH385:AJ385"/>
    <mergeCell ref="C384:D384"/>
    <mergeCell ref="E384:T384"/>
    <mergeCell ref="V384:Z384"/>
    <mergeCell ref="AA384:AC384"/>
    <mergeCell ref="AF384:AG384"/>
    <mergeCell ref="AH384:AJ384"/>
    <mergeCell ref="C383:D383"/>
    <mergeCell ref="E383:T383"/>
    <mergeCell ref="V383:Z383"/>
    <mergeCell ref="AA383:AC383"/>
    <mergeCell ref="AF383:AG383"/>
    <mergeCell ref="AH383:AJ383"/>
    <mergeCell ref="C388:D388"/>
    <mergeCell ref="E388:T388"/>
    <mergeCell ref="V388:Z388"/>
    <mergeCell ref="AA388:AC388"/>
    <mergeCell ref="AF388:AG388"/>
    <mergeCell ref="AH388:AJ388"/>
    <mergeCell ref="C387:D387"/>
    <mergeCell ref="E387:T387"/>
    <mergeCell ref="V387:Z387"/>
    <mergeCell ref="AA387:AC387"/>
    <mergeCell ref="AF387:AG387"/>
    <mergeCell ref="AH387:AJ387"/>
    <mergeCell ref="C386:D386"/>
    <mergeCell ref="E386:T386"/>
    <mergeCell ref="V386:Z386"/>
    <mergeCell ref="AA386:AC386"/>
    <mergeCell ref="AF386:AG386"/>
    <mergeCell ref="AH386:AJ386"/>
    <mergeCell ref="C391:D391"/>
    <mergeCell ref="E391:T391"/>
    <mergeCell ref="V391:Z391"/>
    <mergeCell ref="AA391:AC391"/>
    <mergeCell ref="AF391:AG391"/>
    <mergeCell ref="AH391:AJ391"/>
    <mergeCell ref="C390:D390"/>
    <mergeCell ref="E390:T390"/>
    <mergeCell ref="V390:Z390"/>
    <mergeCell ref="AA390:AC390"/>
    <mergeCell ref="AF390:AG390"/>
    <mergeCell ref="AH390:AJ390"/>
    <mergeCell ref="C389:D389"/>
    <mergeCell ref="E389:T389"/>
    <mergeCell ref="V389:Z389"/>
    <mergeCell ref="AA389:AC389"/>
    <mergeCell ref="AF389:AG389"/>
    <mergeCell ref="AH389:AJ389"/>
    <mergeCell ref="C397:D397"/>
    <mergeCell ref="E397:T397"/>
    <mergeCell ref="V397:Z397"/>
    <mergeCell ref="AA397:AC397"/>
    <mergeCell ref="AF397:AG397"/>
    <mergeCell ref="AH397:AJ397"/>
    <mergeCell ref="AH394:AJ395"/>
    <mergeCell ref="AK394:AK395"/>
    <mergeCell ref="C396:D396"/>
    <mergeCell ref="E396:T396"/>
    <mergeCell ref="V396:Z396"/>
    <mergeCell ref="AA396:AC396"/>
    <mergeCell ref="AF396:AG396"/>
    <mergeCell ref="AH396:AJ396"/>
    <mergeCell ref="C394:D395"/>
    <mergeCell ref="E394:T395"/>
    <mergeCell ref="V394:Z395"/>
    <mergeCell ref="AA394:AC395"/>
    <mergeCell ref="AD394:AE395"/>
    <mergeCell ref="AF394:AG395"/>
    <mergeCell ref="C400:D400"/>
    <mergeCell ref="E400:T400"/>
    <mergeCell ref="V400:Z400"/>
    <mergeCell ref="AA400:AC400"/>
    <mergeCell ref="AF400:AG400"/>
    <mergeCell ref="AH400:AJ400"/>
    <mergeCell ref="C399:D399"/>
    <mergeCell ref="E399:T399"/>
    <mergeCell ref="V399:Z399"/>
    <mergeCell ref="AA399:AC399"/>
    <mergeCell ref="AF399:AG399"/>
    <mergeCell ref="AH399:AJ399"/>
    <mergeCell ref="C398:D398"/>
    <mergeCell ref="E398:T398"/>
    <mergeCell ref="V398:Z398"/>
    <mergeCell ref="AA398:AC398"/>
    <mergeCell ref="AF398:AG398"/>
    <mergeCell ref="AH398:AJ398"/>
    <mergeCell ref="C403:D403"/>
    <mergeCell ref="E403:T403"/>
    <mergeCell ref="V403:Z403"/>
    <mergeCell ref="AA403:AC403"/>
    <mergeCell ref="AF403:AG403"/>
    <mergeCell ref="AH403:AJ403"/>
    <mergeCell ref="C402:D402"/>
    <mergeCell ref="E402:T402"/>
    <mergeCell ref="V402:Z402"/>
    <mergeCell ref="AA402:AC402"/>
    <mergeCell ref="AF402:AG402"/>
    <mergeCell ref="AH402:AJ402"/>
    <mergeCell ref="C401:D401"/>
    <mergeCell ref="E401:T401"/>
    <mergeCell ref="V401:Z401"/>
    <mergeCell ref="AA401:AC401"/>
    <mergeCell ref="AF401:AG401"/>
    <mergeCell ref="AH401:AJ401"/>
    <mergeCell ref="C406:D406"/>
    <mergeCell ref="E406:T406"/>
    <mergeCell ref="V406:Z406"/>
    <mergeCell ref="AA406:AC406"/>
    <mergeCell ref="AF406:AG406"/>
    <mergeCell ref="AH406:AJ406"/>
    <mergeCell ref="C405:D405"/>
    <mergeCell ref="E405:T405"/>
    <mergeCell ref="V405:Z405"/>
    <mergeCell ref="AA405:AC405"/>
    <mergeCell ref="AF405:AG405"/>
    <mergeCell ref="AH405:AJ405"/>
    <mergeCell ref="C404:D404"/>
    <mergeCell ref="E404:T404"/>
    <mergeCell ref="V404:Z404"/>
    <mergeCell ref="AA404:AC404"/>
    <mergeCell ref="AF404:AG404"/>
    <mergeCell ref="AH404:AJ404"/>
    <mergeCell ref="C409:D409"/>
    <mergeCell ref="E409:T409"/>
    <mergeCell ref="V409:Z409"/>
    <mergeCell ref="AA409:AC409"/>
    <mergeCell ref="AF409:AG409"/>
    <mergeCell ref="AH409:AJ409"/>
    <mergeCell ref="C408:D408"/>
    <mergeCell ref="E408:T408"/>
    <mergeCell ref="V408:Z408"/>
    <mergeCell ref="AA408:AC408"/>
    <mergeCell ref="AF408:AG408"/>
    <mergeCell ref="AH408:AJ408"/>
    <mergeCell ref="C407:D407"/>
    <mergeCell ref="E407:T407"/>
    <mergeCell ref="V407:Z407"/>
    <mergeCell ref="AA407:AC407"/>
    <mergeCell ref="AF407:AG407"/>
    <mergeCell ref="AH407:AJ407"/>
    <mergeCell ref="C412:D412"/>
    <mergeCell ref="E412:T412"/>
    <mergeCell ref="V412:Z412"/>
    <mergeCell ref="AA412:AC412"/>
    <mergeCell ref="AF412:AG412"/>
    <mergeCell ref="AH412:AJ412"/>
    <mergeCell ref="C411:D411"/>
    <mergeCell ref="E411:T411"/>
    <mergeCell ref="V411:Z411"/>
    <mergeCell ref="AA411:AC411"/>
    <mergeCell ref="AF411:AG411"/>
    <mergeCell ref="AH411:AJ411"/>
    <mergeCell ref="C410:D410"/>
    <mergeCell ref="E410:T410"/>
    <mergeCell ref="V410:Z410"/>
    <mergeCell ref="AA410:AC410"/>
    <mergeCell ref="AF410:AG410"/>
    <mergeCell ref="AH410:AJ410"/>
    <mergeCell ref="C415:D415"/>
    <mergeCell ref="E415:T415"/>
    <mergeCell ref="V415:Z415"/>
    <mergeCell ref="AA415:AC415"/>
    <mergeCell ref="AF415:AG415"/>
    <mergeCell ref="AH415:AJ415"/>
    <mergeCell ref="C414:D414"/>
    <mergeCell ref="E414:T414"/>
    <mergeCell ref="V414:Z414"/>
    <mergeCell ref="AA414:AC414"/>
    <mergeCell ref="AF414:AG414"/>
    <mergeCell ref="AH414:AJ414"/>
    <mergeCell ref="C413:D413"/>
    <mergeCell ref="E413:T413"/>
    <mergeCell ref="V413:Z413"/>
    <mergeCell ref="AA413:AC413"/>
    <mergeCell ref="AF413:AG413"/>
    <mergeCell ref="AH413:AJ413"/>
    <mergeCell ref="C418:D418"/>
    <mergeCell ref="E418:T418"/>
    <mergeCell ref="V418:Z418"/>
    <mergeCell ref="AA418:AC418"/>
    <mergeCell ref="AF418:AG418"/>
    <mergeCell ref="AH418:AJ418"/>
    <mergeCell ref="C417:D417"/>
    <mergeCell ref="E417:T417"/>
    <mergeCell ref="V417:Z417"/>
    <mergeCell ref="AA417:AC417"/>
    <mergeCell ref="AF417:AG417"/>
    <mergeCell ref="AH417:AJ417"/>
    <mergeCell ref="C416:D416"/>
    <mergeCell ref="E416:T416"/>
    <mergeCell ref="V416:Z416"/>
    <mergeCell ref="AA416:AC416"/>
    <mergeCell ref="AF416:AG416"/>
    <mergeCell ref="AH416:AJ416"/>
    <mergeCell ref="C421:D421"/>
    <mergeCell ref="E421:T421"/>
    <mergeCell ref="V421:Z421"/>
    <mergeCell ref="AA421:AC421"/>
    <mergeCell ref="AF421:AG421"/>
    <mergeCell ref="AH421:AJ421"/>
    <mergeCell ref="C420:D420"/>
    <mergeCell ref="E420:T420"/>
    <mergeCell ref="V420:Z420"/>
    <mergeCell ref="AA420:AC420"/>
    <mergeCell ref="AF420:AG420"/>
    <mergeCell ref="AH420:AJ420"/>
    <mergeCell ref="C419:D419"/>
    <mergeCell ref="E419:T419"/>
    <mergeCell ref="V419:Z419"/>
    <mergeCell ref="AA419:AC419"/>
    <mergeCell ref="AF419:AG419"/>
    <mergeCell ref="AH419:AJ419"/>
    <mergeCell ref="C424:D424"/>
    <mergeCell ref="E424:T424"/>
    <mergeCell ref="V424:Z424"/>
    <mergeCell ref="AA424:AC424"/>
    <mergeCell ref="AF424:AG424"/>
    <mergeCell ref="AH424:AJ424"/>
    <mergeCell ref="C423:D423"/>
    <mergeCell ref="E423:T423"/>
    <mergeCell ref="V423:Z423"/>
    <mergeCell ref="AA423:AC423"/>
    <mergeCell ref="AF423:AG423"/>
    <mergeCell ref="AH423:AJ423"/>
    <mergeCell ref="C422:D422"/>
    <mergeCell ref="E422:T422"/>
    <mergeCell ref="V422:Z422"/>
    <mergeCell ref="AA422:AC422"/>
    <mergeCell ref="AF422:AG422"/>
    <mergeCell ref="AH422:AJ422"/>
    <mergeCell ref="C427:D427"/>
    <mergeCell ref="E427:T427"/>
    <mergeCell ref="V427:Z427"/>
    <mergeCell ref="AA427:AC427"/>
    <mergeCell ref="AF427:AG427"/>
    <mergeCell ref="AH427:AJ427"/>
    <mergeCell ref="C426:D426"/>
    <mergeCell ref="E426:T426"/>
    <mergeCell ref="V426:Z426"/>
    <mergeCell ref="AA426:AC426"/>
    <mergeCell ref="AF426:AG426"/>
    <mergeCell ref="AH426:AJ426"/>
    <mergeCell ref="C425:D425"/>
    <mergeCell ref="E425:T425"/>
    <mergeCell ref="V425:Z425"/>
    <mergeCell ref="AA425:AC425"/>
    <mergeCell ref="AF425:AG425"/>
    <mergeCell ref="AH425:AJ425"/>
    <mergeCell ref="C430:D430"/>
    <mergeCell ref="E430:T430"/>
    <mergeCell ref="V430:Z430"/>
    <mergeCell ref="AA430:AC430"/>
    <mergeCell ref="AF430:AG430"/>
    <mergeCell ref="AH430:AJ430"/>
    <mergeCell ref="C429:D429"/>
    <mergeCell ref="E429:T429"/>
    <mergeCell ref="V429:Z429"/>
    <mergeCell ref="AA429:AC429"/>
    <mergeCell ref="AF429:AG429"/>
    <mergeCell ref="AH429:AJ429"/>
    <mergeCell ref="C428:D428"/>
    <mergeCell ref="E428:T428"/>
    <mergeCell ref="V428:Z428"/>
    <mergeCell ref="AA428:AC428"/>
    <mergeCell ref="AF428:AG428"/>
    <mergeCell ref="AH428:AJ428"/>
    <mergeCell ref="C433:D433"/>
    <mergeCell ref="E433:T433"/>
    <mergeCell ref="V433:Z433"/>
    <mergeCell ref="AA433:AC433"/>
    <mergeCell ref="AF433:AG433"/>
    <mergeCell ref="AH433:AJ433"/>
    <mergeCell ref="C432:D432"/>
    <mergeCell ref="E432:T432"/>
    <mergeCell ref="V432:Z432"/>
    <mergeCell ref="AA432:AC432"/>
    <mergeCell ref="AF432:AG432"/>
    <mergeCell ref="AH432:AJ432"/>
    <mergeCell ref="C431:D431"/>
    <mergeCell ref="E431:T431"/>
    <mergeCell ref="V431:Z431"/>
    <mergeCell ref="AA431:AC431"/>
    <mergeCell ref="AF431:AG431"/>
    <mergeCell ref="AH431:AJ431"/>
    <mergeCell ref="C440:D440"/>
    <mergeCell ref="E440:T440"/>
    <mergeCell ref="V440:Z440"/>
    <mergeCell ref="AA440:AC440"/>
    <mergeCell ref="AF440:AG440"/>
    <mergeCell ref="AH440:AJ440"/>
    <mergeCell ref="C439:D439"/>
    <mergeCell ref="E439:T439"/>
    <mergeCell ref="V439:Z439"/>
    <mergeCell ref="AA439:AC439"/>
    <mergeCell ref="AF439:AG439"/>
    <mergeCell ref="AH439:AJ439"/>
    <mergeCell ref="AH436:AJ437"/>
    <mergeCell ref="AK436:AK437"/>
    <mergeCell ref="C438:D438"/>
    <mergeCell ref="E438:T438"/>
    <mergeCell ref="V438:Z438"/>
    <mergeCell ref="AA438:AC438"/>
    <mergeCell ref="AF438:AG438"/>
    <mergeCell ref="AH438:AJ438"/>
    <mergeCell ref="C436:D437"/>
    <mergeCell ref="E436:T437"/>
    <mergeCell ref="V436:Z437"/>
    <mergeCell ref="AA436:AC437"/>
    <mergeCell ref="AD436:AE437"/>
    <mergeCell ref="AF436:AG437"/>
    <mergeCell ref="C443:D443"/>
    <mergeCell ref="E443:T443"/>
    <mergeCell ref="V443:Z443"/>
    <mergeCell ref="AA443:AC443"/>
    <mergeCell ref="AF443:AG443"/>
    <mergeCell ref="AH443:AJ443"/>
    <mergeCell ref="C442:D442"/>
    <mergeCell ref="E442:T442"/>
    <mergeCell ref="V442:Z442"/>
    <mergeCell ref="AA442:AC442"/>
    <mergeCell ref="AF442:AG442"/>
    <mergeCell ref="AH442:AJ442"/>
    <mergeCell ref="C441:D441"/>
    <mergeCell ref="E441:T441"/>
    <mergeCell ref="V441:Z441"/>
    <mergeCell ref="AA441:AC441"/>
    <mergeCell ref="AF441:AG441"/>
    <mergeCell ref="AH441:AJ441"/>
    <mergeCell ref="C446:D446"/>
    <mergeCell ref="E446:T446"/>
    <mergeCell ref="V446:Z446"/>
    <mergeCell ref="AA446:AC446"/>
    <mergeCell ref="AF446:AG446"/>
    <mergeCell ref="AH446:AJ446"/>
    <mergeCell ref="C445:D445"/>
    <mergeCell ref="E445:T445"/>
    <mergeCell ref="V445:Z445"/>
    <mergeCell ref="AA445:AC445"/>
    <mergeCell ref="AF445:AG445"/>
    <mergeCell ref="AH445:AJ445"/>
    <mergeCell ref="C444:D444"/>
    <mergeCell ref="E444:T444"/>
    <mergeCell ref="V444:Z444"/>
    <mergeCell ref="AA444:AC444"/>
    <mergeCell ref="AF444:AG444"/>
    <mergeCell ref="AH444:AJ444"/>
    <mergeCell ref="C452:D452"/>
    <mergeCell ref="E452:T452"/>
    <mergeCell ref="V452:Z452"/>
    <mergeCell ref="AA452:AC452"/>
    <mergeCell ref="AF452:AG452"/>
    <mergeCell ref="AH452:AJ452"/>
    <mergeCell ref="AH449:AJ450"/>
    <mergeCell ref="AK449:AK450"/>
    <mergeCell ref="C451:D451"/>
    <mergeCell ref="E451:T451"/>
    <mergeCell ref="V451:Z451"/>
    <mergeCell ref="AA451:AC451"/>
    <mergeCell ref="AF451:AG451"/>
    <mergeCell ref="AH451:AJ451"/>
    <mergeCell ref="C449:D450"/>
    <mergeCell ref="E449:T450"/>
    <mergeCell ref="V449:Z450"/>
    <mergeCell ref="AA449:AC450"/>
    <mergeCell ref="AD449:AE450"/>
    <mergeCell ref="AF449:AG450"/>
    <mergeCell ref="C455:D455"/>
    <mergeCell ref="E455:T455"/>
    <mergeCell ref="V455:Z455"/>
    <mergeCell ref="AA455:AC455"/>
    <mergeCell ref="AF455:AG455"/>
    <mergeCell ref="AH455:AJ455"/>
    <mergeCell ref="C454:D454"/>
    <mergeCell ref="E454:T454"/>
    <mergeCell ref="V454:Z454"/>
    <mergeCell ref="AA454:AC454"/>
    <mergeCell ref="AF454:AG454"/>
    <mergeCell ref="AH454:AJ454"/>
    <mergeCell ref="C453:D453"/>
    <mergeCell ref="E453:T453"/>
    <mergeCell ref="V453:Z453"/>
    <mergeCell ref="AA453:AC453"/>
    <mergeCell ref="AF453:AG453"/>
    <mergeCell ref="AH453:AJ453"/>
    <mergeCell ref="C458:D458"/>
    <mergeCell ref="E458:T458"/>
    <mergeCell ref="V458:Z458"/>
    <mergeCell ref="AA458:AC458"/>
    <mergeCell ref="AF458:AG458"/>
    <mergeCell ref="AH458:AJ458"/>
    <mergeCell ref="C457:D457"/>
    <mergeCell ref="E457:T457"/>
    <mergeCell ref="V457:Z457"/>
    <mergeCell ref="AA457:AC457"/>
    <mergeCell ref="AF457:AG457"/>
    <mergeCell ref="AH457:AJ457"/>
    <mergeCell ref="C456:D456"/>
    <mergeCell ref="E456:T456"/>
    <mergeCell ref="V456:Z456"/>
    <mergeCell ref="AA456:AC456"/>
    <mergeCell ref="AF456:AG456"/>
    <mergeCell ref="AH456:AJ456"/>
    <mergeCell ref="C461:D461"/>
    <mergeCell ref="E461:T461"/>
    <mergeCell ref="V461:Z461"/>
    <mergeCell ref="AA461:AC461"/>
    <mergeCell ref="AF461:AG461"/>
    <mergeCell ref="AH461:AJ461"/>
    <mergeCell ref="C460:D460"/>
    <mergeCell ref="E460:T460"/>
    <mergeCell ref="V460:Z460"/>
    <mergeCell ref="AA460:AC460"/>
    <mergeCell ref="AF460:AG460"/>
    <mergeCell ref="AH460:AJ460"/>
    <mergeCell ref="C459:D459"/>
    <mergeCell ref="E459:T459"/>
    <mergeCell ref="V459:Z459"/>
    <mergeCell ref="AA459:AC459"/>
    <mergeCell ref="AF459:AG459"/>
    <mergeCell ref="AH459:AJ459"/>
    <mergeCell ref="C464:D464"/>
    <mergeCell ref="E464:T464"/>
    <mergeCell ref="V464:Z464"/>
    <mergeCell ref="AA464:AC464"/>
    <mergeCell ref="AF464:AG464"/>
    <mergeCell ref="AH464:AJ464"/>
    <mergeCell ref="C463:D463"/>
    <mergeCell ref="E463:T463"/>
    <mergeCell ref="V463:Z463"/>
    <mergeCell ref="AA463:AC463"/>
    <mergeCell ref="AF463:AG463"/>
    <mergeCell ref="AH463:AJ463"/>
    <mergeCell ref="C462:D462"/>
    <mergeCell ref="E462:T462"/>
    <mergeCell ref="V462:Z462"/>
    <mergeCell ref="AA462:AC462"/>
    <mergeCell ref="AF462:AG462"/>
    <mergeCell ref="AH462:AJ462"/>
    <mergeCell ref="C470:D470"/>
    <mergeCell ref="E470:T470"/>
    <mergeCell ref="V470:Z470"/>
    <mergeCell ref="AA470:AC470"/>
    <mergeCell ref="AF470:AG470"/>
    <mergeCell ref="AH470:AJ470"/>
    <mergeCell ref="AH467:AJ468"/>
    <mergeCell ref="AK467:AK468"/>
    <mergeCell ref="C469:D469"/>
    <mergeCell ref="E469:T469"/>
    <mergeCell ref="V469:Z469"/>
    <mergeCell ref="AA469:AC469"/>
    <mergeCell ref="AF469:AG469"/>
    <mergeCell ref="AH469:AJ469"/>
    <mergeCell ref="C467:D468"/>
    <mergeCell ref="E467:T468"/>
    <mergeCell ref="V467:Z468"/>
    <mergeCell ref="AA467:AC468"/>
    <mergeCell ref="AD467:AE468"/>
    <mergeCell ref="AF467:AG468"/>
    <mergeCell ref="C473:D473"/>
    <mergeCell ref="E473:T473"/>
    <mergeCell ref="V473:Z473"/>
    <mergeCell ref="AA473:AC473"/>
    <mergeCell ref="AF473:AG473"/>
    <mergeCell ref="AH473:AJ473"/>
    <mergeCell ref="C472:D472"/>
    <mergeCell ref="E472:T472"/>
    <mergeCell ref="V472:Z472"/>
    <mergeCell ref="AA472:AC472"/>
    <mergeCell ref="AF472:AG472"/>
    <mergeCell ref="AH472:AJ472"/>
    <mergeCell ref="C471:D471"/>
    <mergeCell ref="E471:T471"/>
    <mergeCell ref="V471:Z471"/>
    <mergeCell ref="AA471:AC471"/>
    <mergeCell ref="AF471:AG471"/>
    <mergeCell ref="AH471:AJ471"/>
    <mergeCell ref="C476:D476"/>
    <mergeCell ref="E476:T476"/>
    <mergeCell ref="V476:Z476"/>
    <mergeCell ref="AA476:AC476"/>
    <mergeCell ref="AF476:AG476"/>
    <mergeCell ref="AH476:AJ476"/>
    <mergeCell ref="C475:D475"/>
    <mergeCell ref="E475:T475"/>
    <mergeCell ref="V475:Z475"/>
    <mergeCell ref="AA475:AC475"/>
    <mergeCell ref="AF475:AG475"/>
    <mergeCell ref="AH475:AJ475"/>
    <mergeCell ref="C474:D474"/>
    <mergeCell ref="E474:T474"/>
    <mergeCell ref="V474:Z474"/>
    <mergeCell ref="AA474:AC474"/>
    <mergeCell ref="AF474:AG474"/>
    <mergeCell ref="AH474:AJ474"/>
    <mergeCell ref="C479:D479"/>
    <mergeCell ref="E479:T479"/>
    <mergeCell ref="V479:Z479"/>
    <mergeCell ref="AA479:AC479"/>
    <mergeCell ref="AF479:AG479"/>
    <mergeCell ref="AH479:AJ479"/>
    <mergeCell ref="C478:D478"/>
    <mergeCell ref="E478:T478"/>
    <mergeCell ref="V478:Z478"/>
    <mergeCell ref="AA478:AC478"/>
    <mergeCell ref="AF478:AG478"/>
    <mergeCell ref="AH478:AJ478"/>
    <mergeCell ref="C477:D477"/>
    <mergeCell ref="E477:T477"/>
    <mergeCell ref="V477:Z477"/>
    <mergeCell ref="AA477:AC477"/>
    <mergeCell ref="AF477:AG477"/>
    <mergeCell ref="AH477:AJ477"/>
    <mergeCell ref="C482:D482"/>
    <mergeCell ref="E482:T482"/>
    <mergeCell ref="V482:Z482"/>
    <mergeCell ref="AA482:AC482"/>
    <mergeCell ref="AF482:AG482"/>
    <mergeCell ref="AH482:AJ482"/>
    <mergeCell ref="C481:D481"/>
    <mergeCell ref="E481:T481"/>
    <mergeCell ref="V481:Z481"/>
    <mergeCell ref="AA481:AC481"/>
    <mergeCell ref="AF481:AG481"/>
    <mergeCell ref="AH481:AJ481"/>
    <mergeCell ref="C480:D480"/>
    <mergeCell ref="E480:T480"/>
    <mergeCell ref="V480:Z480"/>
    <mergeCell ref="AA480:AC480"/>
    <mergeCell ref="AF480:AG480"/>
    <mergeCell ref="AH480:AJ480"/>
    <mergeCell ref="C485:D485"/>
    <mergeCell ref="E485:T485"/>
    <mergeCell ref="V485:Z485"/>
    <mergeCell ref="AA485:AC485"/>
    <mergeCell ref="AF485:AG485"/>
    <mergeCell ref="AH485:AJ485"/>
    <mergeCell ref="C484:D484"/>
    <mergeCell ref="E484:T484"/>
    <mergeCell ref="V484:Z484"/>
    <mergeCell ref="AA484:AC484"/>
    <mergeCell ref="AF484:AG484"/>
    <mergeCell ref="AH484:AJ484"/>
    <mergeCell ref="C483:D483"/>
    <mergeCell ref="E483:T483"/>
    <mergeCell ref="V483:Z483"/>
    <mergeCell ref="AA483:AC483"/>
    <mergeCell ref="AF483:AG483"/>
    <mergeCell ref="AH483:AJ483"/>
    <mergeCell ref="C488:D488"/>
    <mergeCell ref="E488:T488"/>
    <mergeCell ref="V488:Z488"/>
    <mergeCell ref="AA488:AC488"/>
    <mergeCell ref="AF488:AG488"/>
    <mergeCell ref="AH488:AJ488"/>
    <mergeCell ref="C487:D487"/>
    <mergeCell ref="E487:T487"/>
    <mergeCell ref="V487:Z487"/>
    <mergeCell ref="AA487:AC487"/>
    <mergeCell ref="AF487:AG487"/>
    <mergeCell ref="AH487:AJ487"/>
    <mergeCell ref="C486:D486"/>
    <mergeCell ref="E486:T486"/>
    <mergeCell ref="V486:Z486"/>
    <mergeCell ref="AA486:AC486"/>
    <mergeCell ref="AF486:AG486"/>
    <mergeCell ref="AH486:AJ486"/>
    <mergeCell ref="C491:D491"/>
    <mergeCell ref="E491:T491"/>
    <mergeCell ref="V491:Z491"/>
    <mergeCell ref="AA491:AC491"/>
    <mergeCell ref="AF491:AG491"/>
    <mergeCell ref="AH491:AJ491"/>
    <mergeCell ref="C490:D490"/>
    <mergeCell ref="E490:T490"/>
    <mergeCell ref="V490:Z490"/>
    <mergeCell ref="AA490:AC490"/>
    <mergeCell ref="AF490:AG490"/>
    <mergeCell ref="AH490:AJ490"/>
    <mergeCell ref="C489:D489"/>
    <mergeCell ref="E489:T489"/>
    <mergeCell ref="V489:Z489"/>
    <mergeCell ref="AA489:AC489"/>
    <mergeCell ref="AF489:AG489"/>
    <mergeCell ref="AH489:AJ489"/>
    <mergeCell ref="C497:D497"/>
    <mergeCell ref="E497:T497"/>
    <mergeCell ref="V497:Z497"/>
    <mergeCell ref="AA497:AC497"/>
    <mergeCell ref="AF497:AG497"/>
    <mergeCell ref="AH497:AJ497"/>
    <mergeCell ref="AH494:AJ495"/>
    <mergeCell ref="AK494:AK495"/>
    <mergeCell ref="C496:D496"/>
    <mergeCell ref="E496:T496"/>
    <mergeCell ref="V496:Z496"/>
    <mergeCell ref="AA496:AC496"/>
    <mergeCell ref="AF496:AG496"/>
    <mergeCell ref="AH496:AJ496"/>
    <mergeCell ref="C494:D495"/>
    <mergeCell ref="E494:T495"/>
    <mergeCell ref="V494:Z495"/>
    <mergeCell ref="AA494:AC495"/>
    <mergeCell ref="AD494:AE495"/>
    <mergeCell ref="AF494:AG495"/>
    <mergeCell ref="C500:D500"/>
    <mergeCell ref="E500:T500"/>
    <mergeCell ref="V500:Z500"/>
    <mergeCell ref="AA500:AC500"/>
    <mergeCell ref="AF500:AG500"/>
    <mergeCell ref="AH500:AJ500"/>
    <mergeCell ref="C499:D499"/>
    <mergeCell ref="E499:T499"/>
    <mergeCell ref="V499:Z499"/>
    <mergeCell ref="AA499:AC499"/>
    <mergeCell ref="AF499:AG499"/>
    <mergeCell ref="AH499:AJ499"/>
    <mergeCell ref="C498:D498"/>
    <mergeCell ref="E498:T498"/>
    <mergeCell ref="V498:Z498"/>
    <mergeCell ref="AA498:AC498"/>
    <mergeCell ref="AF498:AG498"/>
    <mergeCell ref="AH498:AJ498"/>
    <mergeCell ref="C503:D503"/>
    <mergeCell ref="E503:T503"/>
    <mergeCell ref="V503:Z503"/>
    <mergeCell ref="AA503:AC503"/>
    <mergeCell ref="AF503:AG503"/>
    <mergeCell ref="AH503:AJ503"/>
    <mergeCell ref="C502:D502"/>
    <mergeCell ref="E502:T502"/>
    <mergeCell ref="V502:Z502"/>
    <mergeCell ref="AA502:AC502"/>
    <mergeCell ref="AF502:AG502"/>
    <mergeCell ref="AH502:AJ502"/>
    <mergeCell ref="C501:D501"/>
    <mergeCell ref="E501:T501"/>
    <mergeCell ref="V501:Z501"/>
    <mergeCell ref="AA501:AC501"/>
    <mergeCell ref="AF501:AG501"/>
    <mergeCell ref="AH501:AJ501"/>
    <mergeCell ref="C506:D506"/>
    <mergeCell ref="E506:T506"/>
    <mergeCell ref="V506:Z506"/>
    <mergeCell ref="AA506:AC506"/>
    <mergeCell ref="AF506:AG506"/>
    <mergeCell ref="AH506:AJ506"/>
    <mergeCell ref="C505:D505"/>
    <mergeCell ref="E505:T505"/>
    <mergeCell ref="V505:Z505"/>
    <mergeCell ref="AA505:AC505"/>
    <mergeCell ref="AF505:AG505"/>
    <mergeCell ref="AH505:AJ505"/>
    <mergeCell ref="C504:D504"/>
    <mergeCell ref="E504:T504"/>
    <mergeCell ref="V504:Z504"/>
    <mergeCell ref="AA504:AC504"/>
    <mergeCell ref="AF504:AG504"/>
    <mergeCell ref="AH504:AJ504"/>
    <mergeCell ref="C512:D512"/>
    <mergeCell ref="E512:T512"/>
    <mergeCell ref="V512:Z512"/>
    <mergeCell ref="AA512:AC512"/>
    <mergeCell ref="AF512:AG512"/>
    <mergeCell ref="AH512:AJ512"/>
    <mergeCell ref="AH509:AJ510"/>
    <mergeCell ref="AK509:AK510"/>
    <mergeCell ref="C511:D511"/>
    <mergeCell ref="E511:T511"/>
    <mergeCell ref="V511:Z511"/>
    <mergeCell ref="AA511:AC511"/>
    <mergeCell ref="AF511:AG511"/>
    <mergeCell ref="AH511:AJ511"/>
    <mergeCell ref="C509:D510"/>
    <mergeCell ref="E509:T510"/>
    <mergeCell ref="V509:Z510"/>
    <mergeCell ref="AA509:AC510"/>
    <mergeCell ref="AD509:AE510"/>
    <mergeCell ref="AF509:AG510"/>
    <mergeCell ref="C515:D515"/>
    <mergeCell ref="E515:T515"/>
    <mergeCell ref="V515:Z515"/>
    <mergeCell ref="AA515:AC515"/>
    <mergeCell ref="AF515:AG515"/>
    <mergeCell ref="AH515:AJ515"/>
    <mergeCell ref="C514:D514"/>
    <mergeCell ref="E514:T514"/>
    <mergeCell ref="V514:Z514"/>
    <mergeCell ref="AA514:AC514"/>
    <mergeCell ref="AF514:AG514"/>
    <mergeCell ref="AH514:AJ514"/>
    <mergeCell ref="C513:D513"/>
    <mergeCell ref="E513:T513"/>
    <mergeCell ref="V513:Z513"/>
    <mergeCell ref="AA513:AC513"/>
    <mergeCell ref="AF513:AG513"/>
    <mergeCell ref="AH513:AJ513"/>
    <mergeCell ref="C518:D518"/>
    <mergeCell ref="E518:T518"/>
    <mergeCell ref="V518:Z518"/>
    <mergeCell ref="AA518:AC518"/>
    <mergeCell ref="AF518:AG518"/>
    <mergeCell ref="AH518:AJ518"/>
    <mergeCell ref="C517:D517"/>
    <mergeCell ref="E517:T517"/>
    <mergeCell ref="V517:Z517"/>
    <mergeCell ref="AA517:AC517"/>
    <mergeCell ref="AF517:AG517"/>
    <mergeCell ref="AH517:AJ517"/>
    <mergeCell ref="C516:D516"/>
    <mergeCell ref="E516:T516"/>
    <mergeCell ref="V516:Z516"/>
    <mergeCell ref="AA516:AC516"/>
    <mergeCell ref="AF516:AG516"/>
    <mergeCell ref="AH516:AJ516"/>
    <mergeCell ref="AH522:AJ523"/>
    <mergeCell ref="AK522:AK523"/>
    <mergeCell ref="C524:D524"/>
    <mergeCell ref="E524:T524"/>
    <mergeCell ref="V524:Z524"/>
    <mergeCell ref="AA524:AC524"/>
    <mergeCell ref="AF524:AG524"/>
    <mergeCell ref="AH524:AJ524"/>
    <mergeCell ref="C522:D523"/>
    <mergeCell ref="E522:T523"/>
    <mergeCell ref="V522:Z523"/>
    <mergeCell ref="AA522:AC523"/>
    <mergeCell ref="AD522:AE523"/>
    <mergeCell ref="AF522:AG523"/>
    <mergeCell ref="C519:D519"/>
    <mergeCell ref="E519:T519"/>
    <mergeCell ref="V519:Z519"/>
    <mergeCell ref="AA519:AC519"/>
    <mergeCell ref="AF519:AG519"/>
    <mergeCell ref="AH519:AJ519"/>
    <mergeCell ref="C527:D527"/>
    <mergeCell ref="E527:T527"/>
    <mergeCell ref="V527:Z527"/>
    <mergeCell ref="AA527:AC527"/>
    <mergeCell ref="AF527:AG527"/>
    <mergeCell ref="AH527:AJ527"/>
    <mergeCell ref="C526:D526"/>
    <mergeCell ref="E526:T526"/>
    <mergeCell ref="V526:Z526"/>
    <mergeCell ref="AA526:AC526"/>
    <mergeCell ref="AF526:AG526"/>
    <mergeCell ref="AH526:AJ526"/>
    <mergeCell ref="C525:D525"/>
    <mergeCell ref="E525:T525"/>
    <mergeCell ref="V525:Z525"/>
    <mergeCell ref="AA525:AC525"/>
    <mergeCell ref="AF525:AG525"/>
    <mergeCell ref="AH525:AJ525"/>
    <mergeCell ref="C530:D530"/>
    <mergeCell ref="E530:T530"/>
    <mergeCell ref="V530:Z530"/>
    <mergeCell ref="AA530:AC530"/>
    <mergeCell ref="AF530:AG530"/>
    <mergeCell ref="AH530:AJ530"/>
    <mergeCell ref="C529:D529"/>
    <mergeCell ref="E529:T529"/>
    <mergeCell ref="V529:Z529"/>
    <mergeCell ref="AA529:AC529"/>
    <mergeCell ref="AF529:AG529"/>
    <mergeCell ref="AH529:AJ529"/>
    <mergeCell ref="C528:D528"/>
    <mergeCell ref="E528:T528"/>
    <mergeCell ref="V528:Z528"/>
    <mergeCell ref="AA528:AC528"/>
    <mergeCell ref="AF528:AG528"/>
    <mergeCell ref="AH528:AJ528"/>
    <mergeCell ref="C533:D533"/>
    <mergeCell ref="E533:T533"/>
    <mergeCell ref="V533:Z533"/>
    <mergeCell ref="AA533:AC533"/>
    <mergeCell ref="AF533:AG533"/>
    <mergeCell ref="AH533:AJ533"/>
    <mergeCell ref="C532:D532"/>
    <mergeCell ref="E532:T532"/>
    <mergeCell ref="V532:Z532"/>
    <mergeCell ref="AA532:AC532"/>
    <mergeCell ref="AF532:AG532"/>
    <mergeCell ref="AH532:AJ532"/>
    <mergeCell ref="C531:D531"/>
    <mergeCell ref="E531:T531"/>
    <mergeCell ref="V531:Z531"/>
    <mergeCell ref="AA531:AC531"/>
    <mergeCell ref="AF531:AG531"/>
    <mergeCell ref="AH531:AJ531"/>
    <mergeCell ref="C540:D540"/>
    <mergeCell ref="E540:T540"/>
    <mergeCell ref="V540:Z540"/>
    <mergeCell ref="AA540:AC540"/>
    <mergeCell ref="AF540:AG540"/>
    <mergeCell ref="AH540:AJ540"/>
    <mergeCell ref="C539:D539"/>
    <mergeCell ref="E539:T539"/>
    <mergeCell ref="V539:Z539"/>
    <mergeCell ref="AA539:AC539"/>
    <mergeCell ref="AF539:AG539"/>
    <mergeCell ref="AH539:AJ539"/>
    <mergeCell ref="AH536:AJ537"/>
    <mergeCell ref="AK536:AK537"/>
    <mergeCell ref="C538:D538"/>
    <mergeCell ref="E538:T538"/>
    <mergeCell ref="V538:Z538"/>
    <mergeCell ref="AA538:AC538"/>
    <mergeCell ref="AF538:AG538"/>
    <mergeCell ref="AH538:AJ538"/>
    <mergeCell ref="C536:D537"/>
    <mergeCell ref="E536:T537"/>
    <mergeCell ref="V536:Z537"/>
    <mergeCell ref="AA536:AC537"/>
    <mergeCell ref="AD536:AE537"/>
    <mergeCell ref="AF536:AG537"/>
    <mergeCell ref="C543:D543"/>
    <mergeCell ref="E543:T543"/>
    <mergeCell ref="V543:Z543"/>
    <mergeCell ref="AA543:AC543"/>
    <mergeCell ref="AF543:AG543"/>
    <mergeCell ref="AH543:AJ543"/>
    <mergeCell ref="C542:D542"/>
    <mergeCell ref="E542:T542"/>
    <mergeCell ref="V542:Z542"/>
    <mergeCell ref="AA542:AC542"/>
    <mergeCell ref="AF542:AG542"/>
    <mergeCell ref="AH542:AJ542"/>
    <mergeCell ref="C541:D541"/>
    <mergeCell ref="E541:T541"/>
    <mergeCell ref="V541:Z541"/>
    <mergeCell ref="AA541:AC541"/>
    <mergeCell ref="AF541:AG541"/>
    <mergeCell ref="AH541:AJ541"/>
    <mergeCell ref="C546:D546"/>
    <mergeCell ref="E546:T546"/>
    <mergeCell ref="V546:Z546"/>
    <mergeCell ref="AA546:AC546"/>
    <mergeCell ref="AF546:AG546"/>
    <mergeCell ref="AH546:AJ546"/>
    <mergeCell ref="C545:D545"/>
    <mergeCell ref="E545:T545"/>
    <mergeCell ref="V545:Z545"/>
    <mergeCell ref="AA545:AC545"/>
    <mergeCell ref="AF545:AG545"/>
    <mergeCell ref="AH545:AJ545"/>
    <mergeCell ref="C544:D544"/>
    <mergeCell ref="E544:T544"/>
    <mergeCell ref="V544:Z544"/>
    <mergeCell ref="AA544:AC544"/>
    <mergeCell ref="AF544:AG544"/>
    <mergeCell ref="AH544:AJ544"/>
    <mergeCell ref="C549:D549"/>
    <mergeCell ref="E549:T549"/>
    <mergeCell ref="V549:Z549"/>
    <mergeCell ref="AA549:AC549"/>
    <mergeCell ref="AF549:AG549"/>
    <mergeCell ref="AH549:AJ549"/>
    <mergeCell ref="C548:D548"/>
    <mergeCell ref="E548:T548"/>
    <mergeCell ref="V548:Z548"/>
    <mergeCell ref="AA548:AC548"/>
    <mergeCell ref="AF548:AG548"/>
    <mergeCell ref="AH548:AJ548"/>
    <mergeCell ref="C547:D547"/>
    <mergeCell ref="E547:T547"/>
    <mergeCell ref="V547:Z547"/>
    <mergeCell ref="AA547:AC547"/>
    <mergeCell ref="AF547:AG547"/>
    <mergeCell ref="AH547:AJ547"/>
    <mergeCell ref="C552:D552"/>
    <mergeCell ref="E552:T552"/>
    <mergeCell ref="V552:Z552"/>
    <mergeCell ref="AA552:AC552"/>
    <mergeCell ref="AF552:AG552"/>
    <mergeCell ref="AH552:AJ552"/>
    <mergeCell ref="C551:D551"/>
    <mergeCell ref="E551:T551"/>
    <mergeCell ref="V551:Z551"/>
    <mergeCell ref="AA551:AC551"/>
    <mergeCell ref="AF551:AG551"/>
    <mergeCell ref="AH551:AJ551"/>
    <mergeCell ref="C550:D550"/>
    <mergeCell ref="E550:T550"/>
    <mergeCell ref="V550:Z550"/>
    <mergeCell ref="AA550:AC550"/>
    <mergeCell ref="AF550:AG550"/>
    <mergeCell ref="AH550:AJ550"/>
    <mergeCell ref="C555:D555"/>
    <mergeCell ref="E555:T555"/>
    <mergeCell ref="V555:Z555"/>
    <mergeCell ref="AA555:AC555"/>
    <mergeCell ref="AF555:AG555"/>
    <mergeCell ref="AH555:AJ555"/>
    <mergeCell ref="C554:D554"/>
    <mergeCell ref="E554:T554"/>
    <mergeCell ref="V554:Z554"/>
    <mergeCell ref="AA554:AC554"/>
    <mergeCell ref="AF554:AG554"/>
    <mergeCell ref="AH554:AJ554"/>
    <mergeCell ref="C553:D553"/>
    <mergeCell ref="E553:T553"/>
    <mergeCell ref="V553:Z553"/>
    <mergeCell ref="AA553:AC553"/>
    <mergeCell ref="AF553:AG553"/>
    <mergeCell ref="AH553:AJ553"/>
    <mergeCell ref="C558:D558"/>
    <mergeCell ref="E558:T558"/>
    <mergeCell ref="V558:Z558"/>
    <mergeCell ref="AA558:AC558"/>
    <mergeCell ref="AF558:AG558"/>
    <mergeCell ref="AH558:AJ558"/>
    <mergeCell ref="C557:D557"/>
    <mergeCell ref="E557:T557"/>
    <mergeCell ref="V557:Z557"/>
    <mergeCell ref="AA557:AC557"/>
    <mergeCell ref="AF557:AG557"/>
    <mergeCell ref="AH557:AJ557"/>
    <mergeCell ref="C556:D556"/>
    <mergeCell ref="E556:T556"/>
    <mergeCell ref="V556:Z556"/>
    <mergeCell ref="AA556:AC556"/>
    <mergeCell ref="AF556:AG556"/>
    <mergeCell ref="AH556:AJ556"/>
    <mergeCell ref="C561:D561"/>
    <mergeCell ref="E561:T561"/>
    <mergeCell ref="V561:Z561"/>
    <mergeCell ref="AA561:AC561"/>
    <mergeCell ref="AF561:AG561"/>
    <mergeCell ref="AH561:AJ561"/>
    <mergeCell ref="C560:D560"/>
    <mergeCell ref="E560:T560"/>
    <mergeCell ref="V560:Z560"/>
    <mergeCell ref="AA560:AC560"/>
    <mergeCell ref="AF560:AG560"/>
    <mergeCell ref="AH560:AJ560"/>
    <mergeCell ref="C559:D559"/>
    <mergeCell ref="E559:T559"/>
    <mergeCell ref="V559:Z559"/>
    <mergeCell ref="AA559:AC559"/>
    <mergeCell ref="AF559:AG559"/>
    <mergeCell ref="AH559:AJ559"/>
    <mergeCell ref="C564:D564"/>
    <mergeCell ref="E564:T564"/>
    <mergeCell ref="V564:Z564"/>
    <mergeCell ref="AA564:AC564"/>
    <mergeCell ref="AF564:AG564"/>
    <mergeCell ref="AH564:AJ564"/>
    <mergeCell ref="C563:D563"/>
    <mergeCell ref="E563:T563"/>
    <mergeCell ref="V563:Z563"/>
    <mergeCell ref="AA563:AC563"/>
    <mergeCell ref="AF563:AG563"/>
    <mergeCell ref="AH563:AJ563"/>
    <mergeCell ref="C562:D562"/>
    <mergeCell ref="E562:T562"/>
    <mergeCell ref="V562:Z562"/>
    <mergeCell ref="AA562:AC562"/>
    <mergeCell ref="AF562:AG562"/>
    <mergeCell ref="AH562:AJ562"/>
    <mergeCell ref="C567:D567"/>
    <mergeCell ref="E567:T567"/>
    <mergeCell ref="V567:Z567"/>
    <mergeCell ref="AA567:AC567"/>
    <mergeCell ref="AF567:AG567"/>
    <mergeCell ref="AH567:AJ567"/>
    <mergeCell ref="C566:D566"/>
    <mergeCell ref="E566:T566"/>
    <mergeCell ref="V566:Z566"/>
    <mergeCell ref="AA566:AC566"/>
    <mergeCell ref="AF566:AG566"/>
    <mergeCell ref="AH566:AJ566"/>
    <mergeCell ref="C565:D565"/>
    <mergeCell ref="E565:T565"/>
    <mergeCell ref="V565:Z565"/>
    <mergeCell ref="AA565:AC565"/>
    <mergeCell ref="AF565:AG565"/>
    <mergeCell ref="AH565:AJ565"/>
    <mergeCell ref="C570:D570"/>
    <mergeCell ref="E570:T570"/>
    <mergeCell ref="V570:Z570"/>
    <mergeCell ref="AA570:AC570"/>
    <mergeCell ref="AF570:AG570"/>
    <mergeCell ref="AH570:AJ570"/>
    <mergeCell ref="C569:D569"/>
    <mergeCell ref="E569:T569"/>
    <mergeCell ref="V569:Z569"/>
    <mergeCell ref="AA569:AC569"/>
    <mergeCell ref="AF569:AG569"/>
    <mergeCell ref="AH569:AJ569"/>
    <mergeCell ref="C568:D568"/>
    <mergeCell ref="E568:T568"/>
    <mergeCell ref="V568:Z568"/>
    <mergeCell ref="AA568:AC568"/>
    <mergeCell ref="AF568:AG568"/>
    <mergeCell ref="AH568:AJ568"/>
    <mergeCell ref="C573:D573"/>
    <mergeCell ref="E573:T573"/>
    <mergeCell ref="V573:Z573"/>
    <mergeCell ref="AA573:AC573"/>
    <mergeCell ref="AF573:AG573"/>
    <mergeCell ref="AH573:AJ573"/>
    <mergeCell ref="C572:D572"/>
    <mergeCell ref="E572:T572"/>
    <mergeCell ref="V572:Z572"/>
    <mergeCell ref="AA572:AC572"/>
    <mergeCell ref="AF572:AG572"/>
    <mergeCell ref="AH572:AJ572"/>
    <mergeCell ref="C571:D571"/>
    <mergeCell ref="E571:T571"/>
    <mergeCell ref="V571:Z571"/>
    <mergeCell ref="AA571:AC571"/>
    <mergeCell ref="AF571:AG571"/>
    <mergeCell ref="AH571:AJ571"/>
    <mergeCell ref="C576:D576"/>
    <mergeCell ref="E576:T576"/>
    <mergeCell ref="V576:Z576"/>
    <mergeCell ref="AA576:AC576"/>
    <mergeCell ref="AF576:AG576"/>
    <mergeCell ref="AH576:AJ576"/>
    <mergeCell ref="C575:D575"/>
    <mergeCell ref="E575:T575"/>
    <mergeCell ref="V575:Z575"/>
    <mergeCell ref="AA575:AC575"/>
    <mergeCell ref="AF575:AG575"/>
    <mergeCell ref="AH575:AJ575"/>
    <mergeCell ref="C574:D574"/>
    <mergeCell ref="E574:T574"/>
    <mergeCell ref="V574:Z574"/>
    <mergeCell ref="AA574:AC574"/>
    <mergeCell ref="AF574:AG574"/>
    <mergeCell ref="AH574:AJ574"/>
    <mergeCell ref="C583:D583"/>
    <mergeCell ref="E583:T583"/>
    <mergeCell ref="V583:Z583"/>
    <mergeCell ref="AA583:AC583"/>
    <mergeCell ref="AF583:AG583"/>
    <mergeCell ref="AH583:AJ583"/>
    <mergeCell ref="C582:D582"/>
    <mergeCell ref="E582:T582"/>
    <mergeCell ref="V582:Z582"/>
    <mergeCell ref="AA582:AC582"/>
    <mergeCell ref="AF582:AG582"/>
    <mergeCell ref="AH582:AJ582"/>
    <mergeCell ref="AH579:AJ580"/>
    <mergeCell ref="AK579:AK580"/>
    <mergeCell ref="C581:D581"/>
    <mergeCell ref="E581:T581"/>
    <mergeCell ref="V581:Z581"/>
    <mergeCell ref="AA581:AC581"/>
    <mergeCell ref="AF581:AG581"/>
    <mergeCell ref="AH581:AJ581"/>
    <mergeCell ref="C579:D580"/>
    <mergeCell ref="E579:T580"/>
    <mergeCell ref="V579:Z580"/>
    <mergeCell ref="AA579:AC580"/>
    <mergeCell ref="AD579:AE580"/>
    <mergeCell ref="AF579:AG580"/>
    <mergeCell ref="C586:D586"/>
    <mergeCell ref="E586:T586"/>
    <mergeCell ref="V586:Z586"/>
    <mergeCell ref="AA586:AC586"/>
    <mergeCell ref="AF586:AG586"/>
    <mergeCell ref="AH586:AJ586"/>
    <mergeCell ref="C585:D585"/>
    <mergeCell ref="E585:T585"/>
    <mergeCell ref="V585:Z585"/>
    <mergeCell ref="AA585:AC585"/>
    <mergeCell ref="AF585:AG585"/>
    <mergeCell ref="AH585:AJ585"/>
    <mergeCell ref="C584:D584"/>
    <mergeCell ref="E584:T584"/>
    <mergeCell ref="V584:Z584"/>
    <mergeCell ref="AA584:AC584"/>
    <mergeCell ref="AF584:AG584"/>
    <mergeCell ref="AH584:AJ584"/>
    <mergeCell ref="C589:D589"/>
    <mergeCell ref="E589:T589"/>
    <mergeCell ref="V589:Z589"/>
    <mergeCell ref="AA589:AC589"/>
    <mergeCell ref="AF589:AG589"/>
    <mergeCell ref="AH589:AJ589"/>
    <mergeCell ref="C588:D588"/>
    <mergeCell ref="E588:T588"/>
    <mergeCell ref="V588:Z588"/>
    <mergeCell ref="AA588:AC588"/>
    <mergeCell ref="AF588:AG588"/>
    <mergeCell ref="AH588:AJ588"/>
    <mergeCell ref="C587:D587"/>
    <mergeCell ref="E587:T587"/>
    <mergeCell ref="V587:Z587"/>
    <mergeCell ref="AA587:AC587"/>
    <mergeCell ref="AF587:AG587"/>
    <mergeCell ref="AH587:AJ587"/>
    <mergeCell ref="C592:D592"/>
    <mergeCell ref="E592:T592"/>
    <mergeCell ref="V592:Z592"/>
    <mergeCell ref="AA592:AC592"/>
    <mergeCell ref="AF592:AG592"/>
    <mergeCell ref="AH592:AJ592"/>
    <mergeCell ref="C591:D591"/>
    <mergeCell ref="E591:T591"/>
    <mergeCell ref="V591:Z591"/>
    <mergeCell ref="AA591:AC591"/>
    <mergeCell ref="AF591:AG591"/>
    <mergeCell ref="AH591:AJ591"/>
    <mergeCell ref="C590:D590"/>
    <mergeCell ref="E590:T590"/>
    <mergeCell ref="V590:Z590"/>
    <mergeCell ref="AA590:AC590"/>
    <mergeCell ref="AF590:AG590"/>
    <mergeCell ref="AH590:AJ590"/>
    <mergeCell ref="C595:D595"/>
    <mergeCell ref="E595:T595"/>
    <mergeCell ref="V595:Z595"/>
    <mergeCell ref="AA595:AC595"/>
    <mergeCell ref="AF595:AG595"/>
    <mergeCell ref="AH595:AJ595"/>
    <mergeCell ref="C594:D594"/>
    <mergeCell ref="E594:T594"/>
    <mergeCell ref="V594:Z594"/>
    <mergeCell ref="AA594:AC594"/>
    <mergeCell ref="AF594:AG594"/>
    <mergeCell ref="AH594:AJ594"/>
    <mergeCell ref="C593:D593"/>
    <mergeCell ref="E593:T593"/>
    <mergeCell ref="V593:Z593"/>
    <mergeCell ref="AA593:AC593"/>
    <mergeCell ref="AF593:AG593"/>
    <mergeCell ref="AH593:AJ593"/>
    <mergeCell ref="C598:D598"/>
    <mergeCell ref="E598:T598"/>
    <mergeCell ref="V598:Z598"/>
    <mergeCell ref="AA598:AC598"/>
    <mergeCell ref="AF598:AG598"/>
    <mergeCell ref="AH598:AJ598"/>
    <mergeCell ref="C597:D597"/>
    <mergeCell ref="E597:T597"/>
    <mergeCell ref="V597:Z597"/>
    <mergeCell ref="AA597:AC597"/>
    <mergeCell ref="AF597:AG597"/>
    <mergeCell ref="AH597:AJ597"/>
    <mergeCell ref="C596:D596"/>
    <mergeCell ref="E596:T596"/>
    <mergeCell ref="V596:Z596"/>
    <mergeCell ref="AA596:AC596"/>
    <mergeCell ref="AF596:AG596"/>
    <mergeCell ref="AH596:AJ596"/>
    <mergeCell ref="C601:D601"/>
    <mergeCell ref="E601:T601"/>
    <mergeCell ref="V601:Z601"/>
    <mergeCell ref="AA601:AC601"/>
    <mergeCell ref="AF601:AG601"/>
    <mergeCell ref="AH601:AJ601"/>
    <mergeCell ref="C600:D600"/>
    <mergeCell ref="E600:T600"/>
    <mergeCell ref="V600:Z600"/>
    <mergeCell ref="AA600:AC600"/>
    <mergeCell ref="AF600:AG600"/>
    <mergeCell ref="AH600:AJ600"/>
    <mergeCell ref="C599:D599"/>
    <mergeCell ref="E599:T599"/>
    <mergeCell ref="V599:Z599"/>
    <mergeCell ref="AA599:AC599"/>
    <mergeCell ref="AF599:AG599"/>
    <mergeCell ref="AH599:AJ599"/>
    <mergeCell ref="C604:D604"/>
    <mergeCell ref="E604:T604"/>
    <mergeCell ref="V604:Z604"/>
    <mergeCell ref="AA604:AC604"/>
    <mergeCell ref="AF604:AG604"/>
    <mergeCell ref="AH604:AJ604"/>
    <mergeCell ref="C603:D603"/>
    <mergeCell ref="E603:T603"/>
    <mergeCell ref="V603:Z603"/>
    <mergeCell ref="AA603:AC603"/>
    <mergeCell ref="AF603:AG603"/>
    <mergeCell ref="AH603:AJ603"/>
    <mergeCell ref="C602:D602"/>
    <mergeCell ref="E602:T602"/>
    <mergeCell ref="V602:Z602"/>
    <mergeCell ref="AA602:AC602"/>
    <mergeCell ref="AF602:AG602"/>
    <mergeCell ref="AH602:AJ602"/>
    <mergeCell ref="C607:D607"/>
    <mergeCell ref="E607:T607"/>
    <mergeCell ref="V607:Z607"/>
    <mergeCell ref="AA607:AC607"/>
    <mergeCell ref="AF607:AG607"/>
    <mergeCell ref="AH607:AJ607"/>
    <mergeCell ref="C606:D606"/>
    <mergeCell ref="E606:T606"/>
    <mergeCell ref="V606:Z606"/>
    <mergeCell ref="AA606:AC606"/>
    <mergeCell ref="AF606:AG606"/>
    <mergeCell ref="AH606:AJ606"/>
    <mergeCell ref="C605:D605"/>
    <mergeCell ref="E605:T605"/>
    <mergeCell ref="V605:Z605"/>
    <mergeCell ref="AA605:AC605"/>
    <mergeCell ref="AF605:AG605"/>
    <mergeCell ref="AH605:AJ605"/>
    <mergeCell ref="C610:D610"/>
    <mergeCell ref="E610:T610"/>
    <mergeCell ref="V610:Z610"/>
    <mergeCell ref="AA610:AC610"/>
    <mergeCell ref="AF610:AG610"/>
    <mergeCell ref="AH610:AJ610"/>
    <mergeCell ref="C609:D609"/>
    <mergeCell ref="E609:T609"/>
    <mergeCell ref="V609:Z609"/>
    <mergeCell ref="AA609:AC609"/>
    <mergeCell ref="AF609:AG609"/>
    <mergeCell ref="AH609:AJ609"/>
    <mergeCell ref="C608:D608"/>
    <mergeCell ref="E608:T608"/>
    <mergeCell ref="V608:Z608"/>
    <mergeCell ref="AA608:AC608"/>
    <mergeCell ref="AF608:AG608"/>
    <mergeCell ref="AH608:AJ608"/>
    <mergeCell ref="C613:D613"/>
    <mergeCell ref="E613:T613"/>
    <mergeCell ref="V613:Z613"/>
    <mergeCell ref="AA613:AC613"/>
    <mergeCell ref="AF613:AG613"/>
    <mergeCell ref="AH613:AJ613"/>
    <mergeCell ref="C612:D612"/>
    <mergeCell ref="E612:T612"/>
    <mergeCell ref="V612:Z612"/>
    <mergeCell ref="AA612:AC612"/>
    <mergeCell ref="AF612:AG612"/>
    <mergeCell ref="AH612:AJ612"/>
    <mergeCell ref="C611:D611"/>
    <mergeCell ref="E611:T611"/>
    <mergeCell ref="V611:Z611"/>
    <mergeCell ref="AA611:AC611"/>
    <mergeCell ref="AF611:AG611"/>
    <mergeCell ref="AH611:AJ611"/>
    <mergeCell ref="C616:D616"/>
    <mergeCell ref="E616:T616"/>
    <mergeCell ref="V616:Z616"/>
    <mergeCell ref="AA616:AC616"/>
    <mergeCell ref="AF616:AG616"/>
    <mergeCell ref="AH616:AJ616"/>
    <mergeCell ref="C615:D615"/>
    <mergeCell ref="E615:T615"/>
    <mergeCell ref="V615:Z615"/>
    <mergeCell ref="AA615:AC615"/>
    <mergeCell ref="AF615:AG615"/>
    <mergeCell ref="AH615:AJ615"/>
    <mergeCell ref="C614:D614"/>
    <mergeCell ref="E614:T614"/>
    <mergeCell ref="V614:Z614"/>
    <mergeCell ref="AA614:AC614"/>
    <mergeCell ref="AF614:AG614"/>
    <mergeCell ref="AH614:AJ614"/>
    <mergeCell ref="C619:D619"/>
    <mergeCell ref="E619:T619"/>
    <mergeCell ref="V619:Z619"/>
    <mergeCell ref="AA619:AC619"/>
    <mergeCell ref="AF619:AG619"/>
    <mergeCell ref="AH619:AJ619"/>
    <mergeCell ref="C618:D618"/>
    <mergeCell ref="E618:T618"/>
    <mergeCell ref="V618:Z618"/>
    <mergeCell ref="AA618:AC618"/>
    <mergeCell ref="AF618:AG618"/>
    <mergeCell ref="AH618:AJ618"/>
    <mergeCell ref="C617:D617"/>
    <mergeCell ref="E617:T617"/>
    <mergeCell ref="V617:Z617"/>
    <mergeCell ref="AA617:AC617"/>
    <mergeCell ref="AF617:AG617"/>
    <mergeCell ref="AH617:AJ617"/>
    <mergeCell ref="C626:D626"/>
    <mergeCell ref="E626:T626"/>
    <mergeCell ref="V626:Z626"/>
    <mergeCell ref="AA626:AC626"/>
    <mergeCell ref="AF626:AG626"/>
    <mergeCell ref="AH626:AJ626"/>
    <mergeCell ref="C625:D625"/>
    <mergeCell ref="E625:T625"/>
    <mergeCell ref="V625:Z625"/>
    <mergeCell ref="AA625:AC625"/>
    <mergeCell ref="AF625:AG625"/>
    <mergeCell ref="AH625:AJ625"/>
    <mergeCell ref="AH622:AJ623"/>
    <mergeCell ref="AK622:AK623"/>
    <mergeCell ref="C624:D624"/>
    <mergeCell ref="E624:T624"/>
    <mergeCell ref="V624:Z624"/>
    <mergeCell ref="AA624:AC624"/>
    <mergeCell ref="AF624:AG624"/>
    <mergeCell ref="AH624:AJ624"/>
    <mergeCell ref="C622:D623"/>
    <mergeCell ref="E622:T623"/>
    <mergeCell ref="V622:Z623"/>
    <mergeCell ref="AA622:AC623"/>
    <mergeCell ref="AD622:AE623"/>
    <mergeCell ref="AF622:AG623"/>
    <mergeCell ref="C629:D629"/>
    <mergeCell ref="E629:T629"/>
    <mergeCell ref="V629:Z629"/>
    <mergeCell ref="AA629:AC629"/>
    <mergeCell ref="AF629:AG629"/>
    <mergeCell ref="AH629:AJ629"/>
    <mergeCell ref="C628:D628"/>
    <mergeCell ref="E628:T628"/>
    <mergeCell ref="V628:Z628"/>
    <mergeCell ref="AA628:AC628"/>
    <mergeCell ref="AF628:AG628"/>
    <mergeCell ref="AH628:AJ628"/>
    <mergeCell ref="C627:D627"/>
    <mergeCell ref="E627:T627"/>
    <mergeCell ref="V627:Z627"/>
    <mergeCell ref="AA627:AC627"/>
    <mergeCell ref="AF627:AG627"/>
    <mergeCell ref="AH627:AJ627"/>
    <mergeCell ref="C632:D632"/>
    <mergeCell ref="E632:T632"/>
    <mergeCell ref="V632:Z632"/>
    <mergeCell ref="AA632:AC632"/>
    <mergeCell ref="AF632:AG632"/>
    <mergeCell ref="AH632:AJ632"/>
    <mergeCell ref="C631:D631"/>
    <mergeCell ref="E631:T631"/>
    <mergeCell ref="V631:Z631"/>
    <mergeCell ref="AA631:AC631"/>
    <mergeCell ref="AF631:AG631"/>
    <mergeCell ref="AH631:AJ631"/>
    <mergeCell ref="C630:D630"/>
    <mergeCell ref="E630:T630"/>
    <mergeCell ref="V630:Z630"/>
    <mergeCell ref="AA630:AC630"/>
    <mergeCell ref="AF630:AG630"/>
    <mergeCell ref="AH630:AJ630"/>
    <mergeCell ref="C635:D635"/>
    <mergeCell ref="E635:T635"/>
    <mergeCell ref="V635:Z635"/>
    <mergeCell ref="AA635:AC635"/>
    <mergeCell ref="AF635:AG635"/>
    <mergeCell ref="AH635:AJ635"/>
    <mergeCell ref="C634:D634"/>
    <mergeCell ref="E634:T634"/>
    <mergeCell ref="V634:Z634"/>
    <mergeCell ref="AA634:AC634"/>
    <mergeCell ref="AF634:AG634"/>
    <mergeCell ref="AH634:AJ634"/>
    <mergeCell ref="C633:D633"/>
    <mergeCell ref="E633:T633"/>
    <mergeCell ref="V633:Z633"/>
    <mergeCell ref="AA633:AC633"/>
    <mergeCell ref="AF633:AG633"/>
    <mergeCell ref="AH633:AJ633"/>
    <mergeCell ref="C638:D638"/>
    <mergeCell ref="E638:T638"/>
    <mergeCell ref="V638:Z638"/>
    <mergeCell ref="AA638:AC638"/>
    <mergeCell ref="AF638:AG638"/>
    <mergeCell ref="AH638:AJ638"/>
    <mergeCell ref="C637:D637"/>
    <mergeCell ref="E637:T637"/>
    <mergeCell ref="V637:Z637"/>
    <mergeCell ref="AA637:AC637"/>
    <mergeCell ref="AF637:AG637"/>
    <mergeCell ref="AH637:AJ637"/>
    <mergeCell ref="C636:D636"/>
    <mergeCell ref="E636:T636"/>
    <mergeCell ref="V636:Z636"/>
    <mergeCell ref="AA636:AC636"/>
    <mergeCell ref="AF636:AG636"/>
    <mergeCell ref="AH636:AJ636"/>
    <mergeCell ref="C641:D641"/>
    <mergeCell ref="E641:T641"/>
    <mergeCell ref="V641:Z641"/>
    <mergeCell ref="AA641:AC641"/>
    <mergeCell ref="AF641:AG641"/>
    <mergeCell ref="AH641:AJ641"/>
    <mergeCell ref="C640:D640"/>
    <mergeCell ref="E640:T640"/>
    <mergeCell ref="V640:Z640"/>
    <mergeCell ref="AA640:AC640"/>
    <mergeCell ref="AF640:AG640"/>
    <mergeCell ref="AH640:AJ640"/>
    <mergeCell ref="C639:D639"/>
    <mergeCell ref="E639:T639"/>
    <mergeCell ref="V639:Z639"/>
    <mergeCell ref="AA639:AC639"/>
    <mergeCell ref="AF639:AG639"/>
    <mergeCell ref="AH639:AJ639"/>
    <mergeCell ref="C644:D644"/>
    <mergeCell ref="E644:T644"/>
    <mergeCell ref="V644:Z644"/>
    <mergeCell ref="AA644:AC644"/>
    <mergeCell ref="AF644:AG644"/>
    <mergeCell ref="AH644:AJ644"/>
    <mergeCell ref="C643:D643"/>
    <mergeCell ref="E643:T643"/>
    <mergeCell ref="V643:Z643"/>
    <mergeCell ref="AA643:AC643"/>
    <mergeCell ref="AF643:AG643"/>
    <mergeCell ref="AH643:AJ643"/>
    <mergeCell ref="C642:D642"/>
    <mergeCell ref="E642:T642"/>
    <mergeCell ref="V642:Z642"/>
    <mergeCell ref="AA642:AC642"/>
    <mergeCell ref="AF642:AG642"/>
    <mergeCell ref="AH642:AJ642"/>
  </mergeCells>
  <phoneticPr fontId="24"/>
  <conditionalFormatting sqref="C1:AK33 C120:AK134 C34:AJ38 C87:AJ88 C92:AJ92 C135:AJ135 C162:AK179 C161:AJ161 C181:AK183 C180:AJ180 C185:AK202 C184:AJ184 C204:AK204 C203:AJ203 C206:AK206 C205:AJ205 C207:AJ207 C265:AK265 C264:AJ264 C267:AK267 C266:AJ266 C268:AJ268 C328:AK328 C326:AJ327 C330:AK330 C329:AJ329 C332:AK332 C331:AJ331 C333:AJ333 C444:AJ444 C484:AK484 C483:AJ483 C486:AK486 C485:AJ485 C490:AK586 C487:AJ489 C643:AK1048576 C642:AJ642 C208:AK263 C269:AK325 C334:AK443 C89:AK91 C587:AJ617 C618:AK641 C39:AK86 C445:AK482 C93:AK118 C136:AK160">
    <cfRule type="expression" dxfId="205" priority="53">
      <formula>$AN1="□"</formula>
    </cfRule>
  </conditionalFormatting>
  <conditionalFormatting sqref="C119:AJ119">
    <cfRule type="expression" dxfId="204" priority="52">
      <formula>$AN119="□"</formula>
    </cfRule>
  </conditionalFormatting>
  <conditionalFormatting sqref="AK34:AK38">
    <cfRule type="expression" dxfId="203" priority="27">
      <formula>$AN34="□"</formula>
    </cfRule>
  </conditionalFormatting>
  <conditionalFormatting sqref="AK87">
    <cfRule type="expression" dxfId="202" priority="26">
      <formula>$AN87="□"</formula>
    </cfRule>
  </conditionalFormatting>
  <conditionalFormatting sqref="AK88">
    <cfRule type="expression" dxfId="201" priority="25">
      <formula>$AN88="□"</formula>
    </cfRule>
  </conditionalFormatting>
  <conditionalFormatting sqref="AK92">
    <cfRule type="expression" dxfId="200" priority="24">
      <formula>$AN92="□"</formula>
    </cfRule>
  </conditionalFormatting>
  <conditionalFormatting sqref="AK135">
    <cfRule type="expression" dxfId="199" priority="23">
      <formula>$AN135="□"</formula>
    </cfRule>
  </conditionalFormatting>
  <conditionalFormatting sqref="AK161">
    <cfRule type="expression" dxfId="198" priority="22">
      <formula>$AN161="□"</formula>
    </cfRule>
  </conditionalFormatting>
  <conditionalFormatting sqref="AK180">
    <cfRule type="expression" dxfId="197" priority="21">
      <formula>$AN180="□"</formula>
    </cfRule>
  </conditionalFormatting>
  <conditionalFormatting sqref="AK184">
    <cfRule type="expression" dxfId="196" priority="20">
      <formula>$AN184="□"</formula>
    </cfRule>
  </conditionalFormatting>
  <conditionalFormatting sqref="AK203">
    <cfRule type="expression" dxfId="195" priority="19">
      <formula>$AN203="□"</formula>
    </cfRule>
  </conditionalFormatting>
  <conditionalFormatting sqref="AK205">
    <cfRule type="expression" dxfId="194" priority="18">
      <formula>$AN205="□"</formula>
    </cfRule>
  </conditionalFormatting>
  <conditionalFormatting sqref="AK207">
    <cfRule type="expression" dxfId="193" priority="17">
      <formula>$AN207="□"</formula>
    </cfRule>
  </conditionalFormatting>
  <conditionalFormatting sqref="AK264">
    <cfRule type="expression" dxfId="192" priority="16">
      <formula>$AN264="□"</formula>
    </cfRule>
  </conditionalFormatting>
  <conditionalFormatting sqref="AK266">
    <cfRule type="expression" dxfId="191" priority="15">
      <formula>$AN266="□"</formula>
    </cfRule>
  </conditionalFormatting>
  <conditionalFormatting sqref="AK268">
    <cfRule type="expression" dxfId="190" priority="14">
      <formula>$AN268="□"</formula>
    </cfRule>
  </conditionalFormatting>
  <conditionalFormatting sqref="AK326">
    <cfRule type="expression" dxfId="189" priority="13">
      <formula>$AN326="□"</formula>
    </cfRule>
  </conditionalFormatting>
  <conditionalFormatting sqref="AK327">
    <cfRule type="expression" dxfId="188" priority="12">
      <formula>$AN327="□"</formula>
    </cfRule>
  </conditionalFormatting>
  <conditionalFormatting sqref="AK329">
    <cfRule type="expression" dxfId="187" priority="11">
      <formula>$AN329="□"</formula>
    </cfRule>
  </conditionalFormatting>
  <conditionalFormatting sqref="AK331">
    <cfRule type="expression" dxfId="186" priority="10">
      <formula>$AN331="□"</formula>
    </cfRule>
  </conditionalFormatting>
  <conditionalFormatting sqref="AK333">
    <cfRule type="expression" dxfId="185" priority="9">
      <formula>$AN333="□"</formula>
    </cfRule>
  </conditionalFormatting>
  <conditionalFormatting sqref="AK444">
    <cfRule type="expression" dxfId="184" priority="8">
      <formula>$AN444="□"</formula>
    </cfRule>
  </conditionalFormatting>
  <conditionalFormatting sqref="AK483">
    <cfRule type="expression" dxfId="183" priority="7">
      <formula>$AN483="□"</formula>
    </cfRule>
  </conditionalFormatting>
  <conditionalFormatting sqref="AK485">
    <cfRule type="expression" dxfId="182" priority="6">
      <formula>$AN485="□"</formula>
    </cfRule>
  </conditionalFormatting>
  <conditionalFormatting sqref="AK487:AK489">
    <cfRule type="expression" dxfId="181" priority="5">
      <formula>$AN487="□"</formula>
    </cfRule>
  </conditionalFormatting>
  <conditionalFormatting sqref="AK587:AK617">
    <cfRule type="expression" dxfId="180" priority="3">
      <formula>$AN587="□"</formula>
    </cfRule>
  </conditionalFormatting>
  <conditionalFormatting sqref="AK642">
    <cfRule type="expression" dxfId="179" priority="2">
      <formula>$AN642="□"</formula>
    </cfRule>
  </conditionalFormatting>
  <conditionalFormatting sqref="AK119">
    <cfRule type="expression" dxfId="178" priority="1">
      <formula>$AN119="□"</formula>
    </cfRule>
  </conditionalFormatting>
  <dataValidations count="10">
    <dataValidation type="list" allowBlank="1" showInputMessage="1" showErrorMessage="1" sqref="I6:J6 S6" xr:uid="{4633CEE2-928B-4BBD-8C4D-C1C30D4539BE}">
      <formula1>"09,10,11,12,13,14,15,16,17,18,19,20,21,22,23,24,25,26,27,28,29,30"</formula1>
    </dataValidation>
    <dataValidation type="list" allowBlank="1" showInputMessage="1" showErrorMessage="1" sqref="G12:S12 G14:S14 G16:S16" xr:uid="{08BCE8B6-3EA1-4FCC-99FD-BA017744C21E}">
      <formula1>$G$664:$G$679</formula1>
    </dataValidation>
    <dataValidation type="list" allowBlank="1" showInputMessage="1" showErrorMessage="1" sqref="G8:M8" xr:uid="{E2A76C1A-93A3-415A-8E83-39397D089C23}">
      <formula1>$C$664:$C$665</formula1>
    </dataValidation>
    <dataValidation type="list" allowBlank="1" showInputMessage="1" showErrorMessage="1" sqref="G4:N4" xr:uid="{2EA7781F-2EF2-4A4E-AFF9-7319227DB0FF}">
      <formula1>$B$664:$B$666</formula1>
    </dataValidation>
    <dataValidation type="list" allowBlank="1" showInputMessage="1" showErrorMessage="1" sqref="R10:V10" xr:uid="{F0D3FF66-B4C0-4177-8BED-CB5C91078193}">
      <formula1>$F$664:$F$667</formula1>
    </dataValidation>
    <dataValidation type="list" allowBlank="1" showInputMessage="1" showErrorMessage="1" sqref="AH496:AH506 AH469:AH491 AH624:AH644 AH28:AH40 AH125:AH144 AH45:AH60 AH149:AH165 AH170:AH186 AH313:AH373 AH378:AH391 AH396:AH433 AH438:AH446 AH451:AH464 AH191:AH247 AH252:AH308 AH511:AH519 AH524:AH533 AH538:AH576 AH65:AJ120 AH581:AH619" xr:uid="{1C8FD99C-23C9-425A-872C-918CB1414B03}">
      <formula1>$D$664:$D$669</formula1>
    </dataValidation>
    <dataValidation type="list" allowBlank="1" showInputMessage="1" showErrorMessage="1" sqref="AF524:AF533 AF396:AF433 AF45:AF60 AF378:AF391 AF451:AF464 AF469:AF491 AF28:AF40 AF438:AF446 AF191:AF247 AF170:AF186 AF313:AF373 AF125:AF144 AF496:AF506 AF149:AF165 AF252:AF308 AF511:AF519 AF538:AF576 AF581:AF619 AF65:AF120 AF624:AF644" xr:uid="{598FBB09-45EE-4880-9DE6-8B0A70FCBFB1}">
      <formula1>"○,×"</formula1>
    </dataValidation>
    <dataValidation type="list" allowBlank="1" showInputMessage="1" showErrorMessage="1" sqref="L6:M6 W6:X6" xr:uid="{6C5DE920-BA82-40A1-A756-31C6402C8C18}">
      <formula1>"1,2,3,4,5,6,7,8,9,10,11,12"</formula1>
    </dataValidation>
    <dataValidation type="list" allowBlank="1" showInputMessage="1" showErrorMessage="1" sqref="G19:G22 P19:P22 J19:J22 S19:S20 M19:M22 W20 Z20" xr:uid="{0A7B0B70-14F2-4CF5-98DB-AE07BBFC9457}">
      <formula1>"□,■"</formula1>
    </dataValidation>
    <dataValidation type="list" allowBlank="1" showInputMessage="1" showErrorMessage="1" sqref="G10:M10" xr:uid="{43C5F95F-CB36-414A-8706-2B856BD0461A}">
      <formula1>"する,しない"</formula1>
    </dataValidation>
  </dataValidations>
  <pageMargins left="0.39370078740157483" right="0.39370078740157483" top="0.39370078740157483" bottom="0.39370078740157483" header="0.19685039370078741" footer="0.19685039370078741"/>
  <pageSetup paperSize="9" scale="10" orientation="portrait" r:id="rId1"/>
  <headerFooter alignWithMargins="0">
    <oddFooter>&amp;C&amp;P</oddFooter>
  </headerFooter>
  <rowBreaks count="17" manualBreakCount="17">
    <brk id="41" min="1" max="37" man="1"/>
    <brk id="92" min="1" max="37" man="1"/>
    <brk id="121" min="1" max="37" man="1"/>
    <brk id="166" min="1" max="37" man="1"/>
    <brk id="187" min="1" max="37" man="1"/>
    <brk id="238" min="1" max="37" man="1"/>
    <brk id="248" min="1" max="37" man="1"/>
    <brk id="299" min="1" max="37" man="1"/>
    <brk id="309" min="1" max="37" man="1"/>
    <brk id="364" min="1" max="37" man="1"/>
    <brk id="392" min="1" max="37" man="1"/>
    <brk id="434" min="1" max="37" man="1"/>
    <brk id="465" min="1" max="37" man="1"/>
    <brk id="507" min="1" max="37" man="1"/>
    <brk id="534" min="1" max="37" man="1"/>
    <brk id="577" min="1" max="37" man="1"/>
    <brk id="620" min="1" max="37" man="1"/>
  </rowBreaks>
  <legacy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760772-5BAE-46F5-AD2B-A93274DAC973}">
  <sheetPr codeName="Sheet3">
    <pageSetUpPr fitToPage="1"/>
  </sheetPr>
  <dimension ref="A1:AN882"/>
  <sheetViews>
    <sheetView showGridLines="0" tabSelected="1" view="pageBreakPreview" topLeftCell="B675" zoomScaleNormal="100" zoomScaleSheetLayoutView="100" workbookViewId="0">
      <selection activeCell="AK685" sqref="AK685"/>
    </sheetView>
  </sheetViews>
  <sheetFormatPr defaultColWidth="9" defaultRowHeight="13"/>
  <cols>
    <col min="1" max="1" width="6.453125" style="16" hidden="1" customWidth="1"/>
    <col min="2" max="2" width="2.6328125" style="16" customWidth="1"/>
    <col min="3" max="3" width="4.08984375" style="16" customWidth="1"/>
    <col min="4" max="4" width="2.6328125" style="16" customWidth="1"/>
    <col min="5" max="5" width="2.90625" style="16" customWidth="1"/>
    <col min="6" max="20" width="2.6328125" style="16" customWidth="1"/>
    <col min="21" max="21" width="8.453125" style="26" hidden="1" customWidth="1"/>
    <col min="22" max="29" width="2.6328125" style="16" customWidth="1"/>
    <col min="30" max="30" width="5.453125" style="16" bestFit="1" customWidth="1"/>
    <col min="31" max="33" width="2.6328125" style="16" customWidth="1"/>
    <col min="34" max="34" width="5.90625" style="16" customWidth="1"/>
    <col min="35" max="36" width="2.6328125" style="16" customWidth="1"/>
    <col min="37" max="37" width="84.6328125" style="34" customWidth="1"/>
    <col min="38" max="38" width="2.453125" style="3" customWidth="1"/>
    <col min="39" max="39" width="5.36328125" style="3" customWidth="1"/>
    <col min="40" max="40" width="3.90625" style="3" hidden="1" customWidth="1"/>
    <col min="41" max="16384" width="9" style="3"/>
  </cols>
  <sheetData>
    <row r="1" spans="1:40" customFormat="1" ht="28.5" customHeight="1">
      <c r="B1" s="79"/>
      <c r="C1" s="80" t="s">
        <v>337</v>
      </c>
      <c r="D1" s="80"/>
      <c r="E1" s="80"/>
      <c r="F1" s="80"/>
      <c r="G1" s="80"/>
      <c r="H1" s="80"/>
      <c r="I1" s="80"/>
      <c r="J1" s="80"/>
      <c r="K1" s="80"/>
      <c r="L1" s="80"/>
      <c r="M1" s="80"/>
      <c r="N1" s="80"/>
      <c r="O1" s="80"/>
      <c r="P1" s="80"/>
      <c r="Q1" s="80"/>
      <c r="R1" s="80"/>
      <c r="S1" s="81"/>
      <c r="T1" s="80"/>
      <c r="U1" s="217"/>
      <c r="V1" s="80"/>
      <c r="W1" s="80"/>
      <c r="X1" s="80"/>
      <c r="Y1" s="80"/>
      <c r="Z1" s="80"/>
      <c r="AA1" s="80"/>
      <c r="AB1" s="80"/>
      <c r="AC1" s="80"/>
      <c r="AD1" s="80"/>
      <c r="AE1" s="80"/>
      <c r="AF1" s="80"/>
      <c r="AG1" s="80"/>
      <c r="AH1" s="80"/>
      <c r="AI1" s="80"/>
      <c r="AJ1" s="80"/>
      <c r="AK1" s="270"/>
      <c r="AL1" s="82"/>
    </row>
    <row r="2" spans="1:40" s="1" customFormat="1" ht="21.75" customHeight="1">
      <c r="B2" s="83"/>
      <c r="C2" s="84"/>
      <c r="D2" s="85" t="s">
        <v>946</v>
      </c>
      <c r="E2" s="86"/>
      <c r="F2" s="86"/>
      <c r="G2" s="86"/>
      <c r="H2" s="86"/>
      <c r="I2" s="86"/>
      <c r="J2" s="86"/>
      <c r="K2" s="86"/>
      <c r="L2" s="86"/>
      <c r="M2" s="86"/>
      <c r="N2" s="86"/>
      <c r="O2" s="86"/>
      <c r="P2" s="86"/>
      <c r="Q2" s="86"/>
      <c r="R2" s="86"/>
      <c r="S2" s="86"/>
      <c r="T2" s="86"/>
      <c r="U2" s="86"/>
      <c r="V2" s="86"/>
      <c r="W2" s="86"/>
      <c r="X2" s="86"/>
      <c r="Y2" s="86"/>
      <c r="Z2" s="86"/>
      <c r="AA2" s="86"/>
      <c r="AB2" s="86"/>
      <c r="AC2" s="86"/>
      <c r="AD2" s="86"/>
      <c r="AE2" s="86"/>
      <c r="AF2" s="86"/>
      <c r="AG2" s="86"/>
      <c r="AH2" s="86"/>
      <c r="AI2" s="86"/>
      <c r="AJ2" s="86"/>
      <c r="AK2" s="271"/>
      <c r="AL2" s="87"/>
    </row>
    <row r="3" spans="1:40" customFormat="1">
      <c r="B3" s="88"/>
      <c r="AK3" s="272"/>
      <c r="AL3" s="89"/>
      <c r="AM3" s="1"/>
      <c r="AN3" s="1"/>
    </row>
    <row r="4" spans="1:40" s="1" customFormat="1" ht="13.5" customHeight="1">
      <c r="A4" s="6"/>
      <c r="B4" s="6"/>
      <c r="C4" s="7" t="s">
        <v>339</v>
      </c>
      <c r="D4" s="8"/>
      <c r="E4" s="9"/>
      <c r="F4" s="9"/>
      <c r="G4" s="612" t="s">
        <v>340</v>
      </c>
      <c r="H4" s="613"/>
      <c r="I4" s="613"/>
      <c r="J4" s="613"/>
      <c r="K4" s="613"/>
      <c r="L4" s="613"/>
      <c r="M4" s="613"/>
      <c r="N4" s="614"/>
      <c r="O4" s="110"/>
      <c r="P4" s="9"/>
      <c r="Q4" s="9"/>
      <c r="R4" s="9"/>
      <c r="S4" s="9"/>
      <c r="T4" s="9"/>
      <c r="U4" s="9"/>
      <c r="V4" s="9"/>
      <c r="W4" s="9"/>
      <c r="X4" s="9"/>
      <c r="Y4" s="9"/>
      <c r="Z4" s="9"/>
      <c r="AA4" s="9"/>
      <c r="AB4" s="9"/>
      <c r="AC4" s="9"/>
      <c r="AD4" s="9"/>
      <c r="AE4" s="9"/>
      <c r="AF4" s="9"/>
      <c r="AG4" s="9"/>
      <c r="AH4" s="9"/>
      <c r="AI4" s="9"/>
      <c r="AJ4" s="8"/>
      <c r="AK4" s="115"/>
      <c r="AL4" s="69"/>
    </row>
    <row r="5" spans="1:40" s="1" customFormat="1" ht="13.4" customHeight="1">
      <c r="A5" s="6"/>
      <c r="B5" s="6"/>
      <c r="C5" s="8"/>
      <c r="D5" s="8"/>
      <c r="E5" s="9"/>
      <c r="F5" s="9"/>
      <c r="G5" s="9"/>
      <c r="H5" s="9"/>
      <c r="I5" s="9"/>
      <c r="J5" s="9"/>
      <c r="K5" s="9"/>
      <c r="L5" s="9"/>
      <c r="M5" s="9"/>
      <c r="N5" s="9"/>
      <c r="O5" s="9"/>
      <c r="P5" s="9"/>
      <c r="Q5" s="9"/>
      <c r="R5" s="9"/>
      <c r="S5" s="9"/>
      <c r="T5" s="9"/>
      <c r="U5" s="9"/>
      <c r="V5" s="9"/>
      <c r="W5" s="9"/>
      <c r="X5" s="9"/>
      <c r="Y5" s="9"/>
      <c r="Z5" s="9"/>
      <c r="AA5" s="9"/>
      <c r="AB5" s="9"/>
      <c r="AC5" s="9"/>
      <c r="AD5" s="9"/>
      <c r="AE5" s="9"/>
      <c r="AF5" s="9"/>
      <c r="AG5" s="9"/>
      <c r="AH5" s="9"/>
      <c r="AI5" s="9"/>
      <c r="AJ5" s="8"/>
      <c r="AK5" s="115"/>
      <c r="AL5" s="69"/>
    </row>
    <row r="6" spans="1:40" s="9" customFormat="1">
      <c r="A6" s="90"/>
      <c r="B6" s="90"/>
      <c r="C6" s="91" t="s">
        <v>341</v>
      </c>
      <c r="D6" s="91"/>
      <c r="E6" s="91"/>
      <c r="F6" s="91"/>
      <c r="G6" s="615">
        <v>20</v>
      </c>
      <c r="H6" s="615"/>
      <c r="I6" s="604"/>
      <c r="J6" s="605"/>
      <c r="K6" s="91" t="s">
        <v>342</v>
      </c>
      <c r="L6" s="604"/>
      <c r="M6" s="605"/>
      <c r="N6" s="91" t="s">
        <v>343</v>
      </c>
      <c r="O6" s="616" t="s">
        <v>344</v>
      </c>
      <c r="P6" s="616"/>
      <c r="Q6" s="616">
        <v>20</v>
      </c>
      <c r="R6" s="617"/>
      <c r="S6" s="604"/>
      <c r="T6" s="605"/>
      <c r="V6" s="91" t="s">
        <v>342</v>
      </c>
      <c r="W6" s="604"/>
      <c r="X6" s="605"/>
      <c r="Y6" s="91" t="s">
        <v>345</v>
      </c>
      <c r="AA6" s="91"/>
      <c r="AB6" s="91"/>
      <c r="AC6" s="91"/>
      <c r="AE6" s="91"/>
      <c r="AJ6" s="113"/>
      <c r="AK6" s="258"/>
      <c r="AL6" s="105"/>
    </row>
    <row r="7" spans="1:40" s="1" customFormat="1">
      <c r="A7" s="2"/>
      <c r="B7" s="2"/>
      <c r="C7" s="7"/>
      <c r="D7" s="7"/>
      <c r="E7" s="7"/>
      <c r="F7" s="7"/>
      <c r="G7" s="78"/>
      <c r="H7" s="78"/>
      <c r="I7" s="78"/>
      <c r="J7" s="110"/>
      <c r="K7" s="110"/>
      <c r="L7" s="7"/>
      <c r="M7" s="110"/>
      <c r="N7" s="110"/>
      <c r="O7" s="110"/>
      <c r="P7" s="7"/>
      <c r="R7" s="110"/>
      <c r="S7" s="110"/>
      <c r="T7" s="78"/>
      <c r="U7" s="78"/>
      <c r="V7" s="110"/>
      <c r="W7" s="110"/>
      <c r="X7" s="110"/>
      <c r="Y7" s="110"/>
      <c r="Z7" s="110"/>
      <c r="AA7" s="110"/>
      <c r="AB7" s="110"/>
      <c r="AC7" s="110"/>
      <c r="AD7" s="7"/>
      <c r="AE7" s="110"/>
      <c r="AF7" s="110"/>
      <c r="AG7" s="110"/>
      <c r="AH7" s="7"/>
      <c r="AJ7" s="7"/>
      <c r="AK7" s="642"/>
      <c r="AL7" s="643"/>
    </row>
    <row r="8" spans="1:40" s="1" customFormat="1">
      <c r="A8" s="2"/>
      <c r="B8" s="2"/>
      <c r="C8" s="7" t="s">
        <v>346</v>
      </c>
      <c r="G8" s="606"/>
      <c r="H8" s="607"/>
      <c r="I8" s="607"/>
      <c r="J8" s="607"/>
      <c r="K8" s="607"/>
      <c r="L8" s="607"/>
      <c r="M8" s="608"/>
      <c r="N8" s="110"/>
      <c r="O8" s="110"/>
      <c r="P8" s="7"/>
      <c r="R8" s="110"/>
      <c r="S8" s="110"/>
      <c r="T8" s="78"/>
      <c r="U8" s="78"/>
      <c r="V8" s="110"/>
      <c r="W8" s="110"/>
      <c r="X8" s="110"/>
      <c r="Y8" s="110"/>
      <c r="Z8" s="110"/>
      <c r="AA8" s="110"/>
      <c r="AB8" s="110"/>
      <c r="AC8" s="110"/>
      <c r="AD8" s="7"/>
      <c r="AE8" s="110"/>
      <c r="AF8" s="110"/>
      <c r="AG8" s="110"/>
      <c r="AH8" s="7"/>
      <c r="AJ8" s="7"/>
      <c r="AK8" s="34"/>
      <c r="AL8" s="69"/>
    </row>
    <row r="9" spans="1:40" s="1" customFormat="1">
      <c r="A9" s="2"/>
      <c r="B9" s="2"/>
      <c r="C9" s="7"/>
      <c r="D9" s="7"/>
      <c r="E9" s="7"/>
      <c r="F9" s="7"/>
      <c r="G9" s="78"/>
      <c r="H9" s="375"/>
      <c r="I9" s="375"/>
      <c r="J9" s="110"/>
      <c r="K9" s="110"/>
      <c r="L9" s="7"/>
      <c r="M9" s="110"/>
      <c r="N9" s="375"/>
      <c r="O9" s="375"/>
      <c r="P9" s="7"/>
      <c r="R9" s="110"/>
      <c r="S9" s="110"/>
      <c r="T9" s="375"/>
      <c r="U9" s="78"/>
      <c r="V9" s="375"/>
      <c r="W9" s="375"/>
      <c r="X9" s="375"/>
      <c r="Y9" s="375"/>
      <c r="Z9" s="110"/>
      <c r="AA9" s="110"/>
      <c r="AB9" s="110"/>
      <c r="AC9" s="110"/>
      <c r="AD9" s="7"/>
      <c r="AE9" s="110"/>
      <c r="AF9" s="110"/>
      <c r="AG9" s="110"/>
      <c r="AH9" s="7"/>
      <c r="AJ9" s="7"/>
      <c r="AK9" s="34"/>
      <c r="AL9" s="69"/>
    </row>
    <row r="10" spans="1:40" s="95" customFormat="1">
      <c r="A10" s="93"/>
      <c r="B10" s="93"/>
      <c r="C10" s="7" t="s">
        <v>41</v>
      </c>
      <c r="D10" s="94"/>
      <c r="E10" s="94"/>
      <c r="F10" s="94"/>
      <c r="G10" s="609"/>
      <c r="H10" s="610"/>
      <c r="I10" s="610"/>
      <c r="J10" s="610"/>
      <c r="K10" s="610"/>
      <c r="L10" s="610"/>
      <c r="M10" s="611"/>
      <c r="N10" s="1"/>
      <c r="O10" s="7" t="s">
        <v>947</v>
      </c>
      <c r="P10" s="1"/>
      <c r="Q10" s="1"/>
      <c r="R10" s="609"/>
      <c r="S10" s="610"/>
      <c r="T10" s="610"/>
      <c r="U10" s="610"/>
      <c r="V10" s="611"/>
      <c r="W10" s="97"/>
      <c r="X10" s="97"/>
      <c r="Y10" s="97"/>
      <c r="Z10" s="1"/>
      <c r="AA10" s="1"/>
      <c r="AB10" s="1"/>
      <c r="AC10" s="1"/>
      <c r="AD10" s="7"/>
      <c r="AE10" s="110"/>
      <c r="AF10" s="110"/>
      <c r="AG10" s="110"/>
      <c r="AH10" s="7"/>
      <c r="AI10" s="1"/>
      <c r="AJ10" s="7"/>
      <c r="AK10" s="117"/>
      <c r="AL10" s="96"/>
      <c r="AM10" s="1"/>
      <c r="AN10" s="1"/>
    </row>
    <row r="11" spans="1:40" s="95" customFormat="1">
      <c r="A11" s="93"/>
      <c r="B11" s="93"/>
      <c r="C11" s="7"/>
      <c r="D11" s="94"/>
      <c r="E11" s="94"/>
      <c r="F11" s="94"/>
      <c r="G11" s="97"/>
      <c r="H11" s="97"/>
      <c r="I11" s="97"/>
      <c r="J11" s="97"/>
      <c r="K11" s="97"/>
      <c r="L11" s="97"/>
      <c r="M11" s="97"/>
      <c r="N11" s="1"/>
      <c r="O11" s="7"/>
      <c r="P11" s="1"/>
      <c r="Q11" s="1"/>
      <c r="R11" s="97"/>
      <c r="S11" s="97"/>
      <c r="T11" s="97"/>
      <c r="U11" s="97"/>
      <c r="V11" s="97"/>
      <c r="W11" s="97"/>
      <c r="X11" s="97"/>
      <c r="Y11" s="97"/>
      <c r="Z11" s="1"/>
      <c r="AA11" s="1"/>
      <c r="AB11" s="1"/>
      <c r="AC11" s="1"/>
      <c r="AD11" s="7"/>
      <c r="AE11" s="110"/>
      <c r="AF11" s="110"/>
      <c r="AG11" s="110"/>
      <c r="AH11" s="7"/>
      <c r="AI11" s="1"/>
      <c r="AJ11" s="7"/>
      <c r="AK11" s="34" t="s">
        <v>348</v>
      </c>
      <c r="AL11" s="96"/>
      <c r="AM11" s="1"/>
      <c r="AN11" s="1"/>
    </row>
    <row r="12" spans="1:40" s="95" customFormat="1">
      <c r="A12" s="93"/>
      <c r="B12" s="93"/>
      <c r="C12" s="7" t="s">
        <v>349</v>
      </c>
      <c r="D12" s="1"/>
      <c r="E12" s="1"/>
      <c r="F12" s="1"/>
      <c r="G12" s="606"/>
      <c r="H12" s="607"/>
      <c r="I12" s="607"/>
      <c r="J12" s="607"/>
      <c r="K12" s="607"/>
      <c r="L12" s="607"/>
      <c r="M12" s="607"/>
      <c r="N12" s="607"/>
      <c r="O12" s="607"/>
      <c r="P12" s="607"/>
      <c r="Q12" s="607"/>
      <c r="R12" s="607"/>
      <c r="S12" s="608"/>
      <c r="T12" s="1"/>
      <c r="U12" s="1"/>
      <c r="V12" s="97"/>
      <c r="W12" s="97"/>
      <c r="X12" s="97"/>
      <c r="Y12" s="97"/>
      <c r="Z12" s="1"/>
      <c r="AA12" s="1"/>
      <c r="AB12" s="1"/>
      <c r="AC12" s="1"/>
      <c r="AD12" s="7"/>
      <c r="AE12" s="110"/>
      <c r="AF12" s="110"/>
      <c r="AG12" s="110"/>
      <c r="AH12" s="7"/>
      <c r="AI12" s="1"/>
      <c r="AJ12" s="7"/>
      <c r="AK12" s="55" t="s">
        <v>350</v>
      </c>
      <c r="AL12" s="96"/>
      <c r="AM12" s="1"/>
      <c r="AN12" s="1"/>
    </row>
    <row r="13" spans="1:40" s="95" customFormat="1">
      <c r="A13" s="93"/>
      <c r="B13" s="93"/>
      <c r="C13" s="7"/>
      <c r="D13" s="1"/>
      <c r="E13" s="1"/>
      <c r="F13" s="1"/>
      <c r="G13" s="1"/>
      <c r="H13" s="1"/>
      <c r="I13" s="1"/>
      <c r="J13" s="1"/>
      <c r="K13" s="1"/>
      <c r="L13" s="1"/>
      <c r="M13" s="1"/>
      <c r="N13" s="1"/>
      <c r="O13" s="1"/>
      <c r="P13" s="1"/>
      <c r="Q13" s="1"/>
      <c r="R13" s="1"/>
      <c r="S13" s="1"/>
      <c r="T13" s="1"/>
      <c r="U13" s="1"/>
      <c r="V13" s="97"/>
      <c r="W13" s="97"/>
      <c r="X13" s="97"/>
      <c r="Y13" s="97"/>
      <c r="Z13" s="1"/>
      <c r="AA13" s="1"/>
      <c r="AB13" s="1"/>
      <c r="AC13" s="1"/>
      <c r="AD13" s="7"/>
      <c r="AE13" s="110"/>
      <c r="AF13" s="110"/>
      <c r="AG13" s="110"/>
      <c r="AH13" s="7"/>
      <c r="AI13" s="1"/>
      <c r="AJ13" s="7"/>
      <c r="AK13" s="55" t="s">
        <v>351</v>
      </c>
      <c r="AL13" s="96"/>
      <c r="AM13" s="1"/>
      <c r="AN13" s="1"/>
    </row>
    <row r="14" spans="1:40" s="95" customFormat="1">
      <c r="A14" s="93"/>
      <c r="B14" s="93"/>
      <c r="C14" s="1"/>
      <c r="D14" s="1"/>
      <c r="E14" s="1"/>
      <c r="F14" s="1"/>
      <c r="G14" s="606"/>
      <c r="H14" s="607"/>
      <c r="I14" s="607"/>
      <c r="J14" s="607"/>
      <c r="K14" s="607"/>
      <c r="L14" s="607"/>
      <c r="M14" s="607"/>
      <c r="N14" s="607"/>
      <c r="O14" s="607"/>
      <c r="P14" s="607"/>
      <c r="Q14" s="607"/>
      <c r="R14" s="607"/>
      <c r="S14" s="608"/>
      <c r="T14" s="1"/>
      <c r="U14" s="1"/>
      <c r="V14" s="97"/>
      <c r="W14" s="97"/>
      <c r="X14" s="97"/>
      <c r="Y14" s="97"/>
      <c r="Z14" s="1"/>
      <c r="AA14" s="1"/>
      <c r="AB14" s="1"/>
      <c r="AC14" s="1"/>
      <c r="AD14" s="7"/>
      <c r="AE14" s="110"/>
      <c r="AF14" s="110"/>
      <c r="AG14" s="110"/>
      <c r="AH14" s="7"/>
      <c r="AI14" s="1"/>
      <c r="AJ14" s="7"/>
      <c r="AK14" s="55" t="s">
        <v>352</v>
      </c>
      <c r="AL14" s="96"/>
      <c r="AM14" s="1"/>
      <c r="AN14" s="1"/>
    </row>
    <row r="15" spans="1:40" s="95" customFormat="1">
      <c r="A15" s="93"/>
      <c r="B15" s="93"/>
      <c r="C15" s="7"/>
      <c r="D15" s="94"/>
      <c r="E15" s="94"/>
      <c r="F15" s="94"/>
      <c r="G15" s="97"/>
      <c r="H15" s="97"/>
      <c r="I15" s="97"/>
      <c r="J15" s="97"/>
      <c r="K15" s="97"/>
      <c r="L15" s="97"/>
      <c r="M15" s="97"/>
      <c r="N15" s="1"/>
      <c r="O15" s="7"/>
      <c r="P15" s="1"/>
      <c r="Q15" s="1"/>
      <c r="R15" s="97"/>
      <c r="S15" s="97"/>
      <c r="T15" s="97"/>
      <c r="U15" s="97"/>
      <c r="V15" s="97"/>
      <c r="W15" s="97"/>
      <c r="X15" s="97"/>
      <c r="Y15" s="97"/>
      <c r="Z15" s="1"/>
      <c r="AA15" s="1"/>
      <c r="AB15" s="1"/>
      <c r="AC15" s="1"/>
      <c r="AD15" s="7"/>
      <c r="AE15" s="110"/>
      <c r="AF15" s="110"/>
      <c r="AG15" s="110"/>
      <c r="AH15" s="7"/>
      <c r="AI15" s="1"/>
      <c r="AJ15" s="7"/>
      <c r="AK15" s="55" t="s">
        <v>353</v>
      </c>
      <c r="AL15" s="96"/>
      <c r="AM15" s="1"/>
      <c r="AN15" s="1"/>
    </row>
    <row r="16" spans="1:40" s="95" customFormat="1">
      <c r="A16" s="93"/>
      <c r="B16" s="93"/>
      <c r="C16" s="7"/>
      <c r="D16" s="94"/>
      <c r="E16" s="94"/>
      <c r="F16" s="94"/>
      <c r="G16" s="606"/>
      <c r="H16" s="607"/>
      <c r="I16" s="607"/>
      <c r="J16" s="607"/>
      <c r="K16" s="607"/>
      <c r="L16" s="607"/>
      <c r="M16" s="607"/>
      <c r="N16" s="607"/>
      <c r="O16" s="607"/>
      <c r="P16" s="607"/>
      <c r="Q16" s="607"/>
      <c r="R16" s="607"/>
      <c r="S16" s="608"/>
      <c r="T16" s="97"/>
      <c r="U16" s="97"/>
      <c r="V16" s="97"/>
      <c r="W16" s="97"/>
      <c r="X16" s="97"/>
      <c r="Y16" s="97"/>
      <c r="Z16" s="1"/>
      <c r="AA16" s="1"/>
      <c r="AB16" s="1"/>
      <c r="AC16" s="1"/>
      <c r="AD16" s="7"/>
      <c r="AE16" s="110"/>
      <c r="AF16" s="110"/>
      <c r="AG16" s="110"/>
      <c r="AH16" s="7"/>
      <c r="AI16" s="1"/>
      <c r="AJ16" s="7"/>
      <c r="AK16" s="55" t="s">
        <v>354</v>
      </c>
      <c r="AL16" s="96"/>
      <c r="AM16" s="1"/>
      <c r="AN16" s="1"/>
    </row>
    <row r="17" spans="1:40" s="95" customFormat="1">
      <c r="A17" s="93"/>
      <c r="B17" s="93"/>
      <c r="C17" s="7"/>
      <c r="D17" s="94"/>
      <c r="E17" s="94"/>
      <c r="F17" s="94"/>
      <c r="G17" s="11"/>
      <c r="H17" s="11"/>
      <c r="I17" s="11"/>
      <c r="J17" s="11"/>
      <c r="K17" s="11"/>
      <c r="L17" s="11"/>
      <c r="M17" s="11"/>
      <c r="N17" s="11"/>
      <c r="O17" s="11"/>
      <c r="P17" s="11"/>
      <c r="Q17" s="11"/>
      <c r="R17" s="11"/>
      <c r="S17" s="11"/>
      <c r="T17" s="97"/>
      <c r="U17" s="97"/>
      <c r="V17" s="97"/>
      <c r="W17" s="97"/>
      <c r="X17" s="97"/>
      <c r="Y17" s="97"/>
      <c r="Z17" s="1"/>
      <c r="AA17" s="1"/>
      <c r="AB17" s="1"/>
      <c r="AC17" s="1"/>
      <c r="AD17" s="7"/>
      <c r="AE17" s="110"/>
      <c r="AF17" s="110"/>
      <c r="AG17" s="110"/>
      <c r="AH17" s="7"/>
      <c r="AI17" s="1"/>
      <c r="AJ17" s="7"/>
      <c r="AK17" s="55"/>
      <c r="AL17" s="96"/>
      <c r="AM17" s="1"/>
      <c r="AN17" s="1"/>
    </row>
    <row r="18" spans="1:40" s="1" customFormat="1">
      <c r="A18" s="2"/>
      <c r="B18" s="2"/>
      <c r="C18" s="7" t="s">
        <v>355</v>
      </c>
      <c r="D18" s="7"/>
      <c r="E18" s="7"/>
      <c r="F18" s="7"/>
      <c r="G18" s="1" t="s">
        <v>356</v>
      </c>
      <c r="AK18" s="34"/>
      <c r="AL18" s="69"/>
    </row>
    <row r="19" spans="1:40" s="1" customFormat="1">
      <c r="A19" s="2"/>
      <c r="B19" s="2"/>
      <c r="C19" s="7"/>
      <c r="D19" s="7"/>
      <c r="E19" s="7"/>
      <c r="F19" s="7"/>
      <c r="G19" s="98" t="s">
        <v>357</v>
      </c>
      <c r="H19" s="618" t="s">
        <v>358</v>
      </c>
      <c r="I19" s="618"/>
      <c r="J19" s="98" t="s">
        <v>357</v>
      </c>
      <c r="K19" s="618" t="s">
        <v>359</v>
      </c>
      <c r="L19" s="618"/>
      <c r="M19" s="98" t="s">
        <v>357</v>
      </c>
      <c r="N19" s="618" t="s">
        <v>360</v>
      </c>
      <c r="O19" s="618"/>
      <c r="P19" s="98" t="s">
        <v>357</v>
      </c>
      <c r="Q19" s="618" t="s">
        <v>361</v>
      </c>
      <c r="R19" s="618"/>
      <c r="S19" s="98" t="s">
        <v>357</v>
      </c>
      <c r="T19" s="618" t="s">
        <v>362</v>
      </c>
      <c r="U19" s="618"/>
      <c r="V19" s="618"/>
      <c r="W19" s="375"/>
      <c r="X19" s="375"/>
      <c r="Y19" s="375"/>
      <c r="AJ19" s="7"/>
      <c r="AK19" s="34"/>
      <c r="AL19" s="69"/>
    </row>
    <row r="20" spans="1:40" s="1" customFormat="1">
      <c r="A20" s="2"/>
      <c r="B20" s="2"/>
      <c r="C20" s="7"/>
      <c r="D20" s="7"/>
      <c r="E20" s="7"/>
      <c r="F20" s="7"/>
      <c r="G20" s="98" t="s">
        <v>357</v>
      </c>
      <c r="H20" s="618" t="s">
        <v>367</v>
      </c>
      <c r="I20" s="618"/>
      <c r="J20" s="98" t="s">
        <v>357</v>
      </c>
      <c r="K20" s="618" t="s">
        <v>369</v>
      </c>
      <c r="L20" s="618"/>
      <c r="M20" s="98" t="s">
        <v>357</v>
      </c>
      <c r="N20" s="618" t="s">
        <v>948</v>
      </c>
      <c r="O20" s="618"/>
      <c r="P20" s="98" t="s">
        <v>357</v>
      </c>
      <c r="Q20" s="618" t="s">
        <v>949</v>
      </c>
      <c r="R20" s="618"/>
      <c r="S20" s="98" t="s">
        <v>357</v>
      </c>
      <c r="T20" s="618" t="s">
        <v>950</v>
      </c>
      <c r="U20" s="618"/>
      <c r="V20" s="618"/>
      <c r="W20" s="98" t="s">
        <v>357</v>
      </c>
      <c r="X20" s="618" t="s">
        <v>951</v>
      </c>
      <c r="Y20" s="618"/>
      <c r="Z20" s="98" t="s">
        <v>357</v>
      </c>
      <c r="AA20" s="618" t="s">
        <v>952</v>
      </c>
      <c r="AB20" s="618"/>
      <c r="AC20" s="98"/>
      <c r="AJ20" s="7"/>
      <c r="AK20" s="34"/>
      <c r="AL20" s="69"/>
    </row>
    <row r="21" spans="1:40" s="1" customFormat="1">
      <c r="A21" s="2"/>
      <c r="B21" s="2"/>
      <c r="C21" s="7"/>
      <c r="D21" s="7"/>
      <c r="E21" s="7"/>
      <c r="F21" s="7"/>
      <c r="G21" s="98" t="s">
        <v>357</v>
      </c>
      <c r="H21" s="618" t="s">
        <v>953</v>
      </c>
      <c r="I21" s="618"/>
      <c r="J21" s="98" t="s">
        <v>357</v>
      </c>
      <c r="K21" s="618" t="s">
        <v>954</v>
      </c>
      <c r="L21" s="618"/>
      <c r="M21" s="98" t="s">
        <v>357</v>
      </c>
      <c r="N21" s="618" t="s">
        <v>955</v>
      </c>
      <c r="O21" s="618"/>
      <c r="P21" s="98" t="s">
        <v>357</v>
      </c>
      <c r="Q21" s="618" t="s">
        <v>364</v>
      </c>
      <c r="R21" s="618"/>
      <c r="S21" s="98" t="s">
        <v>357</v>
      </c>
      <c r="T21" s="618" t="s">
        <v>365</v>
      </c>
      <c r="U21" s="618"/>
      <c r="V21" s="618"/>
      <c r="W21" s="98" t="s">
        <v>357</v>
      </c>
      <c r="X21" s="618" t="s">
        <v>366</v>
      </c>
      <c r="Y21" s="618"/>
      <c r="Z21" s="98" t="s">
        <v>357</v>
      </c>
      <c r="AA21" s="618" t="s">
        <v>368</v>
      </c>
      <c r="AB21" s="618"/>
      <c r="AC21" s="98"/>
      <c r="AJ21" s="7"/>
      <c r="AK21" s="34" t="s">
        <v>370</v>
      </c>
      <c r="AL21" s="69"/>
    </row>
    <row r="22" spans="1:40" s="95" customFormat="1">
      <c r="A22" s="93"/>
      <c r="B22" s="93"/>
      <c r="C22" s="94"/>
      <c r="D22" s="94"/>
      <c r="E22" s="94"/>
      <c r="F22" s="94"/>
      <c r="G22" s="98" t="s">
        <v>357</v>
      </c>
      <c r="H22" s="618" t="s">
        <v>371</v>
      </c>
      <c r="I22" s="618"/>
      <c r="J22" s="98" t="s">
        <v>357</v>
      </c>
      <c r="K22" s="618" t="s">
        <v>372</v>
      </c>
      <c r="L22" s="618"/>
      <c r="M22" s="98" t="s">
        <v>357</v>
      </c>
      <c r="N22" s="618" t="s">
        <v>373</v>
      </c>
      <c r="O22" s="618"/>
      <c r="P22" s="98" t="s">
        <v>357</v>
      </c>
      <c r="Q22" s="618" t="s">
        <v>956</v>
      </c>
      <c r="R22" s="618"/>
      <c r="S22" s="98" t="s">
        <v>357</v>
      </c>
      <c r="T22" s="618" t="s">
        <v>374</v>
      </c>
      <c r="U22" s="618"/>
      <c r="V22" s="618"/>
      <c r="W22" s="375"/>
      <c r="X22" s="375"/>
      <c r="Y22" s="375"/>
      <c r="Z22" s="1"/>
      <c r="AA22" s="1"/>
      <c r="AB22" s="1"/>
      <c r="AC22" s="1"/>
      <c r="AD22" s="7"/>
      <c r="AE22" s="110"/>
      <c r="AF22" s="110"/>
      <c r="AG22" s="110"/>
      <c r="AH22" s="7"/>
      <c r="AI22" s="1"/>
      <c r="AJ22" s="7"/>
      <c r="AK22" s="1" t="s">
        <v>375</v>
      </c>
      <c r="AL22" s="96"/>
      <c r="AM22" s="1"/>
      <c r="AN22" s="1"/>
    </row>
    <row r="23" spans="1:40" s="95" customFormat="1">
      <c r="A23" s="93"/>
      <c r="B23" s="93"/>
      <c r="C23" s="94"/>
      <c r="D23" s="94"/>
      <c r="E23" s="94"/>
      <c r="F23" s="94"/>
      <c r="G23" s="383" t="s">
        <v>357</v>
      </c>
      <c r="H23" s="641" t="s">
        <v>376</v>
      </c>
      <c r="I23" s="641"/>
      <c r="J23" s="383" t="s">
        <v>357</v>
      </c>
      <c r="K23" s="641" t="s">
        <v>377</v>
      </c>
      <c r="L23" s="641"/>
      <c r="M23" s="383" t="s">
        <v>357</v>
      </c>
      <c r="N23" s="641" t="s">
        <v>378</v>
      </c>
      <c r="O23" s="641"/>
      <c r="P23" s="383" t="s">
        <v>357</v>
      </c>
      <c r="Q23" s="641" t="s">
        <v>379</v>
      </c>
      <c r="R23" s="641"/>
      <c r="S23" s="375"/>
      <c r="T23" s="375"/>
      <c r="U23" s="375"/>
      <c r="V23" s="1"/>
      <c r="W23" s="1"/>
      <c r="X23" s="1"/>
      <c r="Y23" s="1"/>
      <c r="Z23" s="1"/>
      <c r="AA23" s="1"/>
      <c r="AB23" s="1"/>
      <c r="AC23" s="7"/>
      <c r="AD23" s="110"/>
      <c r="AE23" s="110"/>
      <c r="AF23" s="110"/>
      <c r="AG23" s="7"/>
      <c r="AH23" s="1"/>
      <c r="AI23" s="7"/>
      <c r="AJ23" s="34"/>
      <c r="AK23" s="263"/>
      <c r="AL23" s="10"/>
      <c r="AM23" s="1"/>
    </row>
    <row r="24" spans="1:40" s="95" customFormat="1" ht="18">
      <c r="A24" s="93"/>
      <c r="B24" s="93"/>
      <c r="C24" s="94"/>
      <c r="D24" s="94"/>
      <c r="E24" s="94"/>
      <c r="F24" s="94"/>
      <c r="G24" s="257"/>
      <c r="H24" s="99"/>
      <c r="I24" s="99"/>
      <c r="J24" s="100"/>
      <c r="K24" s="100"/>
      <c r="L24" s="94"/>
      <c r="M24" s="100"/>
      <c r="N24" s="100"/>
      <c r="O24" s="100"/>
      <c r="P24" s="94"/>
      <c r="R24" s="100"/>
      <c r="S24" s="100"/>
      <c r="T24" s="99"/>
      <c r="U24" s="99"/>
      <c r="V24" s="100"/>
      <c r="W24" s="100"/>
      <c r="X24" s="100"/>
      <c r="Y24" s="100"/>
      <c r="Z24" s="100"/>
      <c r="AA24" s="100"/>
      <c r="AB24" s="100"/>
      <c r="AC24" s="100"/>
      <c r="AD24" s="94"/>
      <c r="AE24" s="100"/>
      <c r="AF24" s="100"/>
      <c r="AG24" s="100"/>
      <c r="AH24" s="94"/>
      <c r="AJ24" s="94"/>
      <c r="AK24" s="117"/>
      <c r="AL24" s="96"/>
      <c r="AM24" s="3"/>
      <c r="AN24" s="3"/>
    </row>
    <row r="25" spans="1:40">
      <c r="A25" s="25"/>
      <c r="B25" s="25"/>
      <c r="AI25" s="26"/>
      <c r="AL25" s="4"/>
    </row>
    <row r="26" spans="1:40" s="1" customFormat="1">
      <c r="A26" s="20" t="str">
        <f t="shared" ref="A26:A89" si="0">IF(LEN(J26)&gt;0,MID(J26,FIND("（",J26,1)+1,2),A25)</f>
        <v>MN</v>
      </c>
      <c r="B26" s="20"/>
      <c r="C26" s="52" t="s">
        <v>380</v>
      </c>
      <c r="D26" s="53"/>
      <c r="E26" s="26"/>
      <c r="F26" s="26"/>
      <c r="G26" s="26"/>
      <c r="H26" s="26"/>
      <c r="I26" s="26"/>
      <c r="J26" s="26" t="s">
        <v>957</v>
      </c>
      <c r="K26" s="71"/>
      <c r="L26" s="26"/>
      <c r="M26" s="71"/>
      <c r="N26" s="26"/>
      <c r="O26" s="26"/>
      <c r="P26" s="26"/>
      <c r="Q26" s="26"/>
      <c r="R26" s="26"/>
      <c r="S26" s="26"/>
      <c r="T26" s="26"/>
      <c r="U26" s="26" t="s">
        <v>958</v>
      </c>
      <c r="V26" s="26"/>
      <c r="W26" s="26"/>
      <c r="X26" s="26"/>
      <c r="Y26" s="26"/>
      <c r="Z26" s="26"/>
      <c r="AA26" s="26"/>
      <c r="AB26" s="26"/>
      <c r="AC26" s="26"/>
      <c r="AD26" s="26"/>
      <c r="AE26" s="26"/>
      <c r="AF26" s="26"/>
      <c r="AG26" s="26"/>
      <c r="AH26" s="26"/>
      <c r="AI26" s="26"/>
      <c r="AJ26" s="72"/>
      <c r="AK26" s="26" t="s">
        <v>352</v>
      </c>
      <c r="AL26" s="10"/>
    </row>
    <row r="27" spans="1:40" ht="13.5" customHeight="1">
      <c r="A27" s="20" t="str">
        <f t="shared" si="0"/>
        <v>MN</v>
      </c>
      <c r="B27" s="51"/>
      <c r="C27" s="583" t="s">
        <v>73</v>
      </c>
      <c r="D27" s="573"/>
      <c r="E27" s="583" t="s">
        <v>94</v>
      </c>
      <c r="F27" s="583"/>
      <c r="G27" s="583"/>
      <c r="H27" s="583"/>
      <c r="I27" s="583"/>
      <c r="J27" s="583"/>
      <c r="K27" s="583"/>
      <c r="L27" s="583"/>
      <c r="M27" s="583"/>
      <c r="N27" s="583"/>
      <c r="O27" s="583"/>
      <c r="P27" s="583"/>
      <c r="Q27" s="583"/>
      <c r="R27" s="583"/>
      <c r="S27" s="583"/>
      <c r="T27" s="583"/>
      <c r="U27" s="226" t="s">
        <v>383</v>
      </c>
      <c r="V27" s="572" t="s">
        <v>138</v>
      </c>
      <c r="W27" s="572"/>
      <c r="X27" s="572"/>
      <c r="Y27" s="572"/>
      <c r="Z27" s="572"/>
      <c r="AA27" s="575" t="s">
        <v>959</v>
      </c>
      <c r="AB27" s="576"/>
      <c r="AC27" s="577"/>
      <c r="AD27" s="572" t="s">
        <v>97</v>
      </c>
      <c r="AE27" s="572"/>
      <c r="AF27" s="572" t="s">
        <v>98</v>
      </c>
      <c r="AG27" s="572"/>
      <c r="AH27" s="583" t="s">
        <v>75</v>
      </c>
      <c r="AI27" s="583"/>
      <c r="AJ27" s="583"/>
      <c r="AK27" s="621" t="s">
        <v>159</v>
      </c>
      <c r="AL27" s="37"/>
      <c r="AM27" s="16"/>
    </row>
    <row r="28" spans="1:40">
      <c r="A28" s="20" t="str">
        <f t="shared" si="0"/>
        <v>MN</v>
      </c>
      <c r="B28" s="51"/>
      <c r="C28" s="573"/>
      <c r="D28" s="573"/>
      <c r="E28" s="583"/>
      <c r="F28" s="583"/>
      <c r="G28" s="583"/>
      <c r="H28" s="583"/>
      <c r="I28" s="583"/>
      <c r="J28" s="583"/>
      <c r="K28" s="583"/>
      <c r="L28" s="583"/>
      <c r="M28" s="583"/>
      <c r="N28" s="583"/>
      <c r="O28" s="583"/>
      <c r="P28" s="583"/>
      <c r="Q28" s="583"/>
      <c r="R28" s="583"/>
      <c r="S28" s="583"/>
      <c r="T28" s="583"/>
      <c r="U28" s="227"/>
      <c r="V28" s="572"/>
      <c r="W28" s="572"/>
      <c r="X28" s="572"/>
      <c r="Y28" s="572"/>
      <c r="Z28" s="572"/>
      <c r="AA28" s="578"/>
      <c r="AB28" s="579"/>
      <c r="AC28" s="580"/>
      <c r="AD28" s="572"/>
      <c r="AE28" s="572"/>
      <c r="AF28" s="572"/>
      <c r="AG28" s="572"/>
      <c r="AH28" s="583"/>
      <c r="AI28" s="583"/>
      <c r="AJ28" s="583"/>
      <c r="AK28" s="622"/>
      <c r="AL28" s="37"/>
      <c r="AM28" s="16"/>
    </row>
    <row r="29" spans="1:40" ht="13.4" customHeight="1">
      <c r="A29" s="20" t="str">
        <f t="shared" si="0"/>
        <v>MN</v>
      </c>
      <c r="B29" s="51"/>
      <c r="C29" s="541">
        <v>1</v>
      </c>
      <c r="D29" s="542"/>
      <c r="E29" s="563" t="s">
        <v>386</v>
      </c>
      <c r="F29" s="564"/>
      <c r="G29" s="564"/>
      <c r="H29" s="564"/>
      <c r="I29" s="564"/>
      <c r="J29" s="564"/>
      <c r="K29" s="564"/>
      <c r="L29" s="564"/>
      <c r="M29" s="564"/>
      <c r="N29" s="564"/>
      <c r="O29" s="564"/>
      <c r="P29" s="564"/>
      <c r="Q29" s="564"/>
      <c r="R29" s="564"/>
      <c r="S29" s="564"/>
      <c r="T29" s="565"/>
      <c r="U29" s="219" t="s">
        <v>441</v>
      </c>
      <c r="V29" s="546" t="s">
        <v>101</v>
      </c>
      <c r="W29" s="547"/>
      <c r="X29" s="547"/>
      <c r="Y29" s="547"/>
      <c r="Z29" s="548"/>
      <c r="AA29" s="623" t="s">
        <v>102</v>
      </c>
      <c r="AB29" s="624"/>
      <c r="AC29" s="625"/>
      <c r="AD29" s="415">
        <v>10</v>
      </c>
      <c r="AE29" s="415" t="s">
        <v>103</v>
      </c>
      <c r="AF29" s="541"/>
      <c r="AG29" s="542"/>
      <c r="AH29" s="549"/>
      <c r="AI29" s="550"/>
      <c r="AJ29" s="551"/>
      <c r="AK29" s="343"/>
      <c r="AL29" s="38"/>
      <c r="AM29" s="16"/>
      <c r="AN29" s="3" t="str">
        <f>$G$19</f>
        <v>■</v>
      </c>
    </row>
    <row r="30" spans="1:40" ht="13.4" customHeight="1">
      <c r="A30" s="20" t="str">
        <f t="shared" si="0"/>
        <v>MN</v>
      </c>
      <c r="B30" s="51"/>
      <c r="C30" s="541">
        <v>2</v>
      </c>
      <c r="D30" s="542"/>
      <c r="E30" s="563" t="s">
        <v>388</v>
      </c>
      <c r="F30" s="564"/>
      <c r="G30" s="564"/>
      <c r="H30" s="564"/>
      <c r="I30" s="564"/>
      <c r="J30" s="564"/>
      <c r="K30" s="564"/>
      <c r="L30" s="564"/>
      <c r="M30" s="564"/>
      <c r="N30" s="564"/>
      <c r="O30" s="564"/>
      <c r="P30" s="564"/>
      <c r="Q30" s="564"/>
      <c r="R30" s="564"/>
      <c r="S30" s="564"/>
      <c r="T30" s="565"/>
      <c r="U30" s="219" t="s">
        <v>443</v>
      </c>
      <c r="V30" s="546" t="s">
        <v>101</v>
      </c>
      <c r="W30" s="547"/>
      <c r="X30" s="547"/>
      <c r="Y30" s="547"/>
      <c r="Z30" s="548"/>
      <c r="AA30" s="623" t="s">
        <v>102</v>
      </c>
      <c r="AB30" s="624"/>
      <c r="AC30" s="625"/>
      <c r="AD30" s="415">
        <v>51</v>
      </c>
      <c r="AE30" s="415" t="s">
        <v>103</v>
      </c>
      <c r="AF30" s="541"/>
      <c r="AG30" s="542"/>
      <c r="AH30" s="549"/>
      <c r="AI30" s="550"/>
      <c r="AJ30" s="551"/>
      <c r="AK30" s="343"/>
      <c r="AL30" s="38"/>
      <c r="AM30" s="16"/>
      <c r="AN30" s="3" t="str">
        <f t="shared" ref="AN30:AN41" si="1">$G$19</f>
        <v>■</v>
      </c>
    </row>
    <row r="31" spans="1:40" s="28" customFormat="1" ht="13.4" customHeight="1">
      <c r="A31" s="20" t="str">
        <f t="shared" si="0"/>
        <v>MN</v>
      </c>
      <c r="B31" s="51"/>
      <c r="C31" s="552">
        <v>3</v>
      </c>
      <c r="D31" s="553"/>
      <c r="E31" s="566" t="s">
        <v>106</v>
      </c>
      <c r="F31" s="567"/>
      <c r="G31" s="567"/>
      <c r="H31" s="567"/>
      <c r="I31" s="567"/>
      <c r="J31" s="567"/>
      <c r="K31" s="567"/>
      <c r="L31" s="567"/>
      <c r="M31" s="567"/>
      <c r="N31" s="567"/>
      <c r="O31" s="567"/>
      <c r="P31" s="567"/>
      <c r="Q31" s="567"/>
      <c r="R31" s="567"/>
      <c r="S31" s="567"/>
      <c r="T31" s="568"/>
      <c r="U31" s="220" t="s">
        <v>444</v>
      </c>
      <c r="V31" s="557" t="s">
        <v>107</v>
      </c>
      <c r="W31" s="558"/>
      <c r="X31" s="558"/>
      <c r="Y31" s="558"/>
      <c r="Z31" s="559"/>
      <c r="AA31" s="626" t="s">
        <v>108</v>
      </c>
      <c r="AB31" s="627"/>
      <c r="AC31" s="628"/>
      <c r="AD31" s="419">
        <v>1</v>
      </c>
      <c r="AE31" s="419">
        <v>0</v>
      </c>
      <c r="AF31" s="552" t="s">
        <v>109</v>
      </c>
      <c r="AG31" s="553"/>
      <c r="AH31" s="560"/>
      <c r="AI31" s="561"/>
      <c r="AJ31" s="562"/>
      <c r="AK31" s="321" t="s">
        <v>391</v>
      </c>
      <c r="AL31" s="38"/>
      <c r="AM31" s="331"/>
      <c r="AN31" s="3" t="str">
        <f t="shared" si="1"/>
        <v>■</v>
      </c>
    </row>
    <row r="32" spans="1:40" s="28" customFormat="1" ht="13.4" customHeight="1">
      <c r="A32" s="20" t="str">
        <f t="shared" si="0"/>
        <v>MN</v>
      </c>
      <c r="B32" s="51"/>
      <c r="C32" s="541">
        <v>4</v>
      </c>
      <c r="D32" s="542"/>
      <c r="E32" s="563" t="s">
        <v>110</v>
      </c>
      <c r="F32" s="564"/>
      <c r="G32" s="564"/>
      <c r="H32" s="564"/>
      <c r="I32" s="564"/>
      <c r="J32" s="564"/>
      <c r="K32" s="564"/>
      <c r="L32" s="564"/>
      <c r="M32" s="564"/>
      <c r="N32" s="564"/>
      <c r="O32" s="564"/>
      <c r="P32" s="564"/>
      <c r="Q32" s="564"/>
      <c r="R32" s="564"/>
      <c r="S32" s="564"/>
      <c r="T32" s="565"/>
      <c r="U32" s="221" t="s">
        <v>445</v>
      </c>
      <c r="V32" s="546" t="s">
        <v>107</v>
      </c>
      <c r="W32" s="547"/>
      <c r="X32" s="547"/>
      <c r="Y32" s="547"/>
      <c r="Z32" s="548"/>
      <c r="AA32" s="623" t="s">
        <v>108</v>
      </c>
      <c r="AB32" s="624"/>
      <c r="AC32" s="625"/>
      <c r="AD32" s="415">
        <v>1</v>
      </c>
      <c r="AE32" s="415">
        <v>0</v>
      </c>
      <c r="AF32" s="541"/>
      <c r="AG32" s="542"/>
      <c r="AH32" s="549"/>
      <c r="AI32" s="550"/>
      <c r="AJ32" s="551"/>
      <c r="AK32" s="265"/>
      <c r="AL32" s="38"/>
      <c r="AM32" s="331"/>
      <c r="AN32" s="3" t="str">
        <f t="shared" si="1"/>
        <v>■</v>
      </c>
    </row>
    <row r="33" spans="1:40" ht="13.4" customHeight="1">
      <c r="A33" s="20" t="str">
        <f t="shared" si="0"/>
        <v>MN</v>
      </c>
      <c r="B33" s="51"/>
      <c r="C33" s="541">
        <v>5</v>
      </c>
      <c r="D33" s="542"/>
      <c r="E33" s="563" t="s">
        <v>80</v>
      </c>
      <c r="F33" s="564"/>
      <c r="G33" s="564"/>
      <c r="H33" s="564"/>
      <c r="I33" s="564"/>
      <c r="J33" s="564"/>
      <c r="K33" s="564"/>
      <c r="L33" s="564"/>
      <c r="M33" s="564"/>
      <c r="N33" s="564"/>
      <c r="O33" s="564"/>
      <c r="P33" s="564"/>
      <c r="Q33" s="564"/>
      <c r="R33" s="564"/>
      <c r="S33" s="564"/>
      <c r="T33" s="565"/>
      <c r="U33" s="225" t="s">
        <v>446</v>
      </c>
      <c r="V33" s="546" t="s">
        <v>101</v>
      </c>
      <c r="W33" s="547"/>
      <c r="X33" s="547"/>
      <c r="Y33" s="547"/>
      <c r="Z33" s="548"/>
      <c r="AA33" s="623" t="s">
        <v>102</v>
      </c>
      <c r="AB33" s="624"/>
      <c r="AC33" s="625"/>
      <c r="AD33" s="415">
        <v>2</v>
      </c>
      <c r="AE33" s="415" t="s">
        <v>103</v>
      </c>
      <c r="AF33" s="541"/>
      <c r="AG33" s="542"/>
      <c r="AH33" s="549"/>
      <c r="AI33" s="550"/>
      <c r="AJ33" s="551"/>
      <c r="AK33" s="265"/>
      <c r="AL33" s="38"/>
      <c r="AM33" s="16"/>
      <c r="AN33" s="3" t="str">
        <f t="shared" si="1"/>
        <v>■</v>
      </c>
    </row>
    <row r="34" spans="1:40" ht="13.4" customHeight="1">
      <c r="A34" s="20" t="str">
        <f t="shared" si="0"/>
        <v>MN</v>
      </c>
      <c r="B34" s="51"/>
      <c r="C34" s="541">
        <v>6</v>
      </c>
      <c r="D34" s="542"/>
      <c r="E34" s="563" t="s">
        <v>394</v>
      </c>
      <c r="F34" s="564"/>
      <c r="G34" s="564"/>
      <c r="H34" s="564"/>
      <c r="I34" s="564"/>
      <c r="J34" s="564"/>
      <c r="K34" s="564"/>
      <c r="L34" s="564"/>
      <c r="M34" s="564"/>
      <c r="N34" s="564"/>
      <c r="O34" s="564"/>
      <c r="P34" s="564"/>
      <c r="Q34" s="564"/>
      <c r="R34" s="564"/>
      <c r="S34" s="564"/>
      <c r="T34" s="565"/>
      <c r="U34" s="225" t="s">
        <v>960</v>
      </c>
      <c r="V34" s="546" t="s">
        <v>107</v>
      </c>
      <c r="W34" s="547"/>
      <c r="X34" s="547"/>
      <c r="Y34" s="547"/>
      <c r="Z34" s="548"/>
      <c r="AA34" s="623" t="s">
        <v>102</v>
      </c>
      <c r="AB34" s="624"/>
      <c r="AC34" s="625"/>
      <c r="AD34" s="415">
        <v>16</v>
      </c>
      <c r="AE34" s="415" t="s">
        <v>103</v>
      </c>
      <c r="AF34" s="541"/>
      <c r="AG34" s="542"/>
      <c r="AH34" s="549"/>
      <c r="AI34" s="550"/>
      <c r="AJ34" s="551"/>
      <c r="AK34" s="265"/>
      <c r="AL34" s="38"/>
      <c r="AM34" s="16"/>
      <c r="AN34" s="3" t="str">
        <f t="shared" si="1"/>
        <v>■</v>
      </c>
    </row>
    <row r="35" spans="1:40" s="28" customFormat="1" ht="13.4" customHeight="1">
      <c r="A35" s="20" t="str">
        <f t="shared" si="0"/>
        <v>MN</v>
      </c>
      <c r="B35" s="20"/>
      <c r="C35" s="552">
        <v>7</v>
      </c>
      <c r="D35" s="553"/>
      <c r="E35" s="566" t="s">
        <v>396</v>
      </c>
      <c r="F35" s="567"/>
      <c r="G35" s="567"/>
      <c r="H35" s="567"/>
      <c r="I35" s="567"/>
      <c r="J35" s="567"/>
      <c r="K35" s="567"/>
      <c r="L35" s="567"/>
      <c r="M35" s="567"/>
      <c r="N35" s="567"/>
      <c r="O35" s="567"/>
      <c r="P35" s="567"/>
      <c r="Q35" s="567"/>
      <c r="R35" s="567"/>
      <c r="S35" s="567"/>
      <c r="T35" s="568"/>
      <c r="U35" s="259" t="s">
        <v>961</v>
      </c>
      <c r="V35" s="557" t="s">
        <v>398</v>
      </c>
      <c r="W35" s="558"/>
      <c r="X35" s="558"/>
      <c r="Y35" s="558"/>
      <c r="Z35" s="559"/>
      <c r="AA35" s="626" t="s">
        <v>102</v>
      </c>
      <c r="AB35" s="627"/>
      <c r="AC35" s="628"/>
      <c r="AD35" s="419">
        <v>40</v>
      </c>
      <c r="AE35" s="419" t="s">
        <v>103</v>
      </c>
      <c r="AF35" s="552" t="s">
        <v>109</v>
      </c>
      <c r="AG35" s="553"/>
      <c r="AH35" s="560"/>
      <c r="AI35" s="561"/>
      <c r="AJ35" s="562"/>
      <c r="AK35" s="333" t="s">
        <v>399</v>
      </c>
      <c r="AL35" s="38"/>
      <c r="AM35" s="331"/>
      <c r="AN35" s="3" t="str">
        <f t="shared" si="1"/>
        <v>■</v>
      </c>
    </row>
    <row r="36" spans="1:40" ht="13.4" customHeight="1">
      <c r="A36" s="20" t="str">
        <f t="shared" si="0"/>
        <v>MN</v>
      </c>
      <c r="B36" s="20"/>
      <c r="C36" s="552">
        <v>8</v>
      </c>
      <c r="D36" s="553"/>
      <c r="E36" s="566" t="s">
        <v>400</v>
      </c>
      <c r="F36" s="567"/>
      <c r="G36" s="567"/>
      <c r="H36" s="567"/>
      <c r="I36" s="567"/>
      <c r="J36" s="567"/>
      <c r="K36" s="567"/>
      <c r="L36" s="567"/>
      <c r="M36" s="567"/>
      <c r="N36" s="567"/>
      <c r="O36" s="567"/>
      <c r="P36" s="567"/>
      <c r="Q36" s="567"/>
      <c r="R36" s="567"/>
      <c r="S36" s="567"/>
      <c r="T36" s="568"/>
      <c r="U36" s="259" t="s">
        <v>474</v>
      </c>
      <c r="V36" s="557" t="s">
        <v>107</v>
      </c>
      <c r="W36" s="558"/>
      <c r="X36" s="558"/>
      <c r="Y36" s="558"/>
      <c r="Z36" s="559"/>
      <c r="AA36" s="626" t="s">
        <v>102</v>
      </c>
      <c r="AB36" s="627"/>
      <c r="AC36" s="628"/>
      <c r="AD36" s="419">
        <v>30</v>
      </c>
      <c r="AE36" s="419">
        <v>0</v>
      </c>
      <c r="AF36" s="552" t="s">
        <v>109</v>
      </c>
      <c r="AG36" s="553"/>
      <c r="AH36" s="560"/>
      <c r="AI36" s="561"/>
      <c r="AJ36" s="562"/>
      <c r="AK36" s="333" t="s">
        <v>399</v>
      </c>
      <c r="AL36" s="38"/>
      <c r="AM36" s="16"/>
      <c r="AN36" s="3" t="str">
        <f t="shared" si="1"/>
        <v>■</v>
      </c>
    </row>
    <row r="37" spans="1:40" ht="13.4" customHeight="1">
      <c r="A37" s="20" t="str">
        <f t="shared" si="0"/>
        <v>MN</v>
      </c>
      <c r="B37" s="20"/>
      <c r="C37" s="552">
        <v>9</v>
      </c>
      <c r="D37" s="553"/>
      <c r="E37" s="566" t="s">
        <v>402</v>
      </c>
      <c r="F37" s="567"/>
      <c r="G37" s="567"/>
      <c r="H37" s="567"/>
      <c r="I37" s="567"/>
      <c r="J37" s="567"/>
      <c r="K37" s="567"/>
      <c r="L37" s="567"/>
      <c r="M37" s="567"/>
      <c r="N37" s="567"/>
      <c r="O37" s="567"/>
      <c r="P37" s="567"/>
      <c r="Q37" s="567"/>
      <c r="R37" s="567"/>
      <c r="S37" s="567"/>
      <c r="T37" s="568"/>
      <c r="U37" s="259" t="s">
        <v>475</v>
      </c>
      <c r="V37" s="557" t="s">
        <v>107</v>
      </c>
      <c r="W37" s="558"/>
      <c r="X37" s="558"/>
      <c r="Y37" s="558"/>
      <c r="Z37" s="559"/>
      <c r="AA37" s="626" t="s">
        <v>108</v>
      </c>
      <c r="AB37" s="627"/>
      <c r="AC37" s="628"/>
      <c r="AD37" s="419">
        <v>1</v>
      </c>
      <c r="AE37" s="419">
        <v>0</v>
      </c>
      <c r="AF37" s="552" t="s">
        <v>109</v>
      </c>
      <c r="AG37" s="553"/>
      <c r="AH37" s="560"/>
      <c r="AI37" s="561"/>
      <c r="AJ37" s="562"/>
      <c r="AK37" s="333" t="s">
        <v>399</v>
      </c>
      <c r="AL37" s="38"/>
      <c r="AM37" s="16"/>
      <c r="AN37" s="3" t="str">
        <f t="shared" si="1"/>
        <v>■</v>
      </c>
    </row>
    <row r="38" spans="1:40" ht="13.4" customHeight="1">
      <c r="A38" s="20" t="str">
        <f t="shared" si="0"/>
        <v>MN</v>
      </c>
      <c r="B38" s="20"/>
      <c r="C38" s="552">
        <v>10</v>
      </c>
      <c r="D38" s="553"/>
      <c r="E38" s="566" t="s">
        <v>404</v>
      </c>
      <c r="F38" s="567"/>
      <c r="G38" s="567"/>
      <c r="H38" s="567"/>
      <c r="I38" s="567"/>
      <c r="J38" s="567"/>
      <c r="K38" s="567"/>
      <c r="L38" s="567"/>
      <c r="M38" s="567"/>
      <c r="N38" s="567"/>
      <c r="O38" s="567"/>
      <c r="P38" s="567"/>
      <c r="Q38" s="567"/>
      <c r="R38" s="567"/>
      <c r="S38" s="567"/>
      <c r="T38" s="568"/>
      <c r="U38" s="259" t="s">
        <v>765</v>
      </c>
      <c r="V38" s="557" t="s">
        <v>107</v>
      </c>
      <c r="W38" s="558"/>
      <c r="X38" s="558"/>
      <c r="Y38" s="558"/>
      <c r="Z38" s="559"/>
      <c r="AA38" s="626" t="s">
        <v>108</v>
      </c>
      <c r="AB38" s="627"/>
      <c r="AC38" s="628"/>
      <c r="AD38" s="419">
        <v>1</v>
      </c>
      <c r="AE38" s="419">
        <v>0</v>
      </c>
      <c r="AF38" s="552" t="s">
        <v>109</v>
      </c>
      <c r="AG38" s="553"/>
      <c r="AH38" s="560"/>
      <c r="AI38" s="561"/>
      <c r="AJ38" s="562"/>
      <c r="AK38" s="333" t="s">
        <v>399</v>
      </c>
      <c r="AL38" s="38"/>
      <c r="AM38" s="16"/>
      <c r="AN38" s="3" t="str">
        <f t="shared" si="1"/>
        <v>■</v>
      </c>
    </row>
    <row r="39" spans="1:40" ht="13.4" customHeight="1">
      <c r="A39" s="20" t="str">
        <f t="shared" si="0"/>
        <v>MN</v>
      </c>
      <c r="B39" s="20"/>
      <c r="C39" s="552">
        <v>11</v>
      </c>
      <c r="D39" s="553"/>
      <c r="E39" s="566" t="s">
        <v>406</v>
      </c>
      <c r="F39" s="567"/>
      <c r="G39" s="567"/>
      <c r="H39" s="567"/>
      <c r="I39" s="567"/>
      <c r="J39" s="567"/>
      <c r="K39" s="567"/>
      <c r="L39" s="567"/>
      <c r="M39" s="567"/>
      <c r="N39" s="567"/>
      <c r="O39" s="567"/>
      <c r="P39" s="567"/>
      <c r="Q39" s="567"/>
      <c r="R39" s="567"/>
      <c r="S39" s="567"/>
      <c r="T39" s="568"/>
      <c r="U39" s="259" t="s">
        <v>766</v>
      </c>
      <c r="V39" s="569" t="s">
        <v>485</v>
      </c>
      <c r="W39" s="594"/>
      <c r="X39" s="594"/>
      <c r="Y39" s="594"/>
      <c r="Z39" s="570"/>
      <c r="AA39" s="635" t="s">
        <v>102</v>
      </c>
      <c r="AB39" s="636"/>
      <c r="AC39" s="637"/>
      <c r="AD39" s="419">
        <v>100</v>
      </c>
      <c r="AE39" s="419" t="s">
        <v>103</v>
      </c>
      <c r="AF39" s="552" t="s">
        <v>109</v>
      </c>
      <c r="AG39" s="553"/>
      <c r="AH39" s="560"/>
      <c r="AI39" s="561"/>
      <c r="AJ39" s="562"/>
      <c r="AK39" s="333" t="s">
        <v>399</v>
      </c>
      <c r="AL39" s="48"/>
      <c r="AM39" s="16"/>
      <c r="AN39" s="3" t="str">
        <f t="shared" si="1"/>
        <v>■</v>
      </c>
    </row>
    <row r="40" spans="1:40" ht="13.4" customHeight="1">
      <c r="A40" s="20" t="str">
        <f t="shared" si="0"/>
        <v>MN</v>
      </c>
      <c r="B40" s="51"/>
      <c r="C40" s="541">
        <v>12</v>
      </c>
      <c r="D40" s="542"/>
      <c r="E40" s="543" t="s">
        <v>409</v>
      </c>
      <c r="F40" s="544"/>
      <c r="G40" s="544"/>
      <c r="H40" s="544"/>
      <c r="I40" s="544"/>
      <c r="J40" s="544"/>
      <c r="K40" s="544"/>
      <c r="L40" s="544"/>
      <c r="M40" s="544"/>
      <c r="N40" s="544"/>
      <c r="O40" s="544"/>
      <c r="P40" s="544"/>
      <c r="Q40" s="544"/>
      <c r="R40" s="544"/>
      <c r="S40" s="544"/>
      <c r="T40" s="545"/>
      <c r="U40" s="221" t="s">
        <v>453</v>
      </c>
      <c r="V40" s="546" t="s">
        <v>107</v>
      </c>
      <c r="W40" s="547"/>
      <c r="X40" s="547"/>
      <c r="Y40" s="547"/>
      <c r="Z40" s="548"/>
      <c r="AA40" s="638" t="s">
        <v>102</v>
      </c>
      <c r="AB40" s="639"/>
      <c r="AC40" s="640"/>
      <c r="AD40" s="415">
        <v>6</v>
      </c>
      <c r="AE40" s="415" t="s">
        <v>103</v>
      </c>
      <c r="AF40" s="541"/>
      <c r="AG40" s="542"/>
      <c r="AH40" s="549"/>
      <c r="AI40" s="550"/>
      <c r="AJ40" s="551"/>
      <c r="AK40" s="265"/>
      <c r="AL40" s="48"/>
      <c r="AM40" s="16"/>
      <c r="AN40" s="3" t="str">
        <f t="shared" si="1"/>
        <v>■</v>
      </c>
    </row>
    <row r="41" spans="1:40">
      <c r="A41" s="20" t="str">
        <f t="shared" si="0"/>
        <v>MN</v>
      </c>
      <c r="B41" s="51"/>
      <c r="C41" s="541">
        <v>13</v>
      </c>
      <c r="D41" s="542"/>
      <c r="E41" s="543" t="s">
        <v>411</v>
      </c>
      <c r="F41" s="544"/>
      <c r="G41" s="544"/>
      <c r="H41" s="544"/>
      <c r="I41" s="544"/>
      <c r="J41" s="544"/>
      <c r="K41" s="544"/>
      <c r="L41" s="544"/>
      <c r="M41" s="544"/>
      <c r="N41" s="544"/>
      <c r="O41" s="544"/>
      <c r="P41" s="544"/>
      <c r="Q41" s="544"/>
      <c r="R41" s="544"/>
      <c r="S41" s="544"/>
      <c r="T41" s="545"/>
      <c r="U41" s="221" t="s">
        <v>516</v>
      </c>
      <c r="V41" s="546" t="s">
        <v>107</v>
      </c>
      <c r="W41" s="547"/>
      <c r="X41" s="547"/>
      <c r="Y41" s="547"/>
      <c r="Z41" s="548"/>
      <c r="AA41" s="623" t="s">
        <v>102</v>
      </c>
      <c r="AB41" s="624"/>
      <c r="AC41" s="625"/>
      <c r="AD41" s="415">
        <v>6</v>
      </c>
      <c r="AE41" s="415" t="s">
        <v>103</v>
      </c>
      <c r="AF41" s="541"/>
      <c r="AG41" s="542"/>
      <c r="AH41" s="549"/>
      <c r="AI41" s="550"/>
      <c r="AJ41" s="551"/>
      <c r="AK41" s="265"/>
      <c r="AL41" s="37"/>
      <c r="AM41" s="16"/>
      <c r="AN41" s="3" t="str">
        <f t="shared" si="1"/>
        <v>■</v>
      </c>
    </row>
    <row r="42" spans="1:40">
      <c r="A42" s="20" t="str">
        <f t="shared" si="0"/>
        <v>MN</v>
      </c>
      <c r="B42" s="25"/>
      <c r="C42" s="26"/>
      <c r="D42" s="26"/>
      <c r="E42" s="26"/>
      <c r="F42" s="26"/>
      <c r="G42" s="26"/>
      <c r="H42" s="26"/>
      <c r="I42" s="26"/>
      <c r="J42" s="26"/>
      <c r="K42" s="26"/>
      <c r="L42" s="26"/>
      <c r="M42" s="26"/>
      <c r="N42" s="26"/>
      <c r="O42" s="26"/>
      <c r="P42" s="26"/>
      <c r="Q42" s="26"/>
      <c r="R42" s="26"/>
      <c r="S42" s="26"/>
      <c r="T42" s="26"/>
      <c r="V42" s="122"/>
      <c r="W42" s="122"/>
      <c r="X42" s="122"/>
      <c r="Y42" s="122"/>
      <c r="Z42" s="122"/>
      <c r="AA42" s="122"/>
      <c r="AB42" s="122"/>
      <c r="AC42" s="122"/>
      <c r="AD42" s="122"/>
      <c r="AE42" s="122"/>
      <c r="AF42" s="122"/>
      <c r="AG42" s="122"/>
      <c r="AH42" s="122"/>
      <c r="AI42" s="122"/>
      <c r="AJ42" s="122"/>
      <c r="AK42" s="55"/>
      <c r="AL42" s="37"/>
      <c r="AM42" s="16"/>
    </row>
    <row r="43" spans="1:40" s="1" customFormat="1">
      <c r="A43" s="20" t="str">
        <f t="shared" si="0"/>
        <v>IR</v>
      </c>
      <c r="B43" s="20"/>
      <c r="C43" s="52" t="s">
        <v>380</v>
      </c>
      <c r="D43" s="53"/>
      <c r="E43" s="26"/>
      <c r="F43" s="26"/>
      <c r="G43" s="26"/>
      <c r="H43" s="26"/>
      <c r="I43" s="26"/>
      <c r="J43" s="26" t="s">
        <v>413</v>
      </c>
      <c r="K43" s="71"/>
      <c r="L43" s="26"/>
      <c r="M43" s="71"/>
      <c r="N43" s="26"/>
      <c r="O43" s="26"/>
      <c r="P43" s="26"/>
      <c r="Q43" s="26"/>
      <c r="R43" s="26"/>
      <c r="S43" s="26"/>
      <c r="T43" s="26"/>
      <c r="U43" s="26" t="s">
        <v>962</v>
      </c>
      <c r="V43" s="122"/>
      <c r="W43" s="122"/>
      <c r="X43" s="122"/>
      <c r="Y43" s="122"/>
      <c r="Z43" s="122"/>
      <c r="AA43" s="122"/>
      <c r="AB43" s="122"/>
      <c r="AC43" s="122"/>
      <c r="AD43" s="122"/>
      <c r="AE43" s="122"/>
      <c r="AF43" s="122"/>
      <c r="AG43" s="122"/>
      <c r="AH43" s="122"/>
      <c r="AI43" s="122"/>
      <c r="AJ43" s="122"/>
      <c r="AK43" s="26"/>
      <c r="AL43" s="38"/>
      <c r="AM43" s="26"/>
    </row>
    <row r="44" spans="1:40" ht="13.4" customHeight="1">
      <c r="A44" s="20" t="str">
        <f t="shared" si="0"/>
        <v>IR</v>
      </c>
      <c r="B44" s="51"/>
      <c r="C44" s="583" t="s">
        <v>73</v>
      </c>
      <c r="D44" s="573"/>
      <c r="E44" s="583" t="s">
        <v>94</v>
      </c>
      <c r="F44" s="583"/>
      <c r="G44" s="583"/>
      <c r="H44" s="583"/>
      <c r="I44" s="583"/>
      <c r="J44" s="583"/>
      <c r="K44" s="583"/>
      <c r="L44" s="583"/>
      <c r="M44" s="583"/>
      <c r="N44" s="583"/>
      <c r="O44" s="583"/>
      <c r="P44" s="583"/>
      <c r="Q44" s="583"/>
      <c r="R44" s="583"/>
      <c r="S44" s="583"/>
      <c r="T44" s="583"/>
      <c r="U44" s="226" t="s">
        <v>383</v>
      </c>
      <c r="V44" s="572" t="s">
        <v>138</v>
      </c>
      <c r="W44" s="572"/>
      <c r="X44" s="572"/>
      <c r="Y44" s="572"/>
      <c r="Z44" s="572"/>
      <c r="AA44" s="575" t="s">
        <v>959</v>
      </c>
      <c r="AB44" s="576"/>
      <c r="AC44" s="577"/>
      <c r="AD44" s="572" t="s">
        <v>97</v>
      </c>
      <c r="AE44" s="572"/>
      <c r="AF44" s="572" t="s">
        <v>98</v>
      </c>
      <c r="AG44" s="572"/>
      <c r="AH44" s="583" t="s">
        <v>75</v>
      </c>
      <c r="AI44" s="583"/>
      <c r="AJ44" s="583"/>
      <c r="AK44" s="621" t="s">
        <v>159</v>
      </c>
      <c r="AL44" s="38"/>
      <c r="AM44" s="16"/>
    </row>
    <row r="45" spans="1:40">
      <c r="A45" s="20" t="str">
        <f t="shared" si="0"/>
        <v>IR</v>
      </c>
      <c r="B45" s="51"/>
      <c r="C45" s="573"/>
      <c r="D45" s="573"/>
      <c r="E45" s="583"/>
      <c r="F45" s="583"/>
      <c r="G45" s="583"/>
      <c r="H45" s="583"/>
      <c r="I45" s="583"/>
      <c r="J45" s="583"/>
      <c r="K45" s="583"/>
      <c r="L45" s="583"/>
      <c r="M45" s="583"/>
      <c r="N45" s="583"/>
      <c r="O45" s="583"/>
      <c r="P45" s="583"/>
      <c r="Q45" s="583"/>
      <c r="R45" s="583"/>
      <c r="S45" s="583"/>
      <c r="T45" s="583"/>
      <c r="U45" s="227"/>
      <c r="V45" s="572"/>
      <c r="W45" s="572"/>
      <c r="X45" s="572"/>
      <c r="Y45" s="572"/>
      <c r="Z45" s="572"/>
      <c r="AA45" s="578"/>
      <c r="AB45" s="579"/>
      <c r="AC45" s="580"/>
      <c r="AD45" s="572"/>
      <c r="AE45" s="572"/>
      <c r="AF45" s="572"/>
      <c r="AG45" s="572"/>
      <c r="AH45" s="583"/>
      <c r="AI45" s="583"/>
      <c r="AJ45" s="583"/>
      <c r="AK45" s="622"/>
      <c r="AL45" s="38"/>
      <c r="AM45" s="16"/>
    </row>
    <row r="46" spans="1:40">
      <c r="A46" s="20" t="str">
        <f t="shared" si="0"/>
        <v>IR</v>
      </c>
      <c r="B46" s="51"/>
      <c r="C46" s="541">
        <v>1</v>
      </c>
      <c r="D46" s="542"/>
      <c r="E46" s="563" t="s">
        <v>386</v>
      </c>
      <c r="F46" s="564"/>
      <c r="G46" s="564"/>
      <c r="H46" s="564"/>
      <c r="I46" s="564"/>
      <c r="J46" s="564"/>
      <c r="K46" s="564"/>
      <c r="L46" s="564"/>
      <c r="M46" s="564"/>
      <c r="N46" s="564"/>
      <c r="O46" s="564"/>
      <c r="P46" s="564"/>
      <c r="Q46" s="564"/>
      <c r="R46" s="564"/>
      <c r="S46" s="564"/>
      <c r="T46" s="565"/>
      <c r="U46" s="219" t="s">
        <v>441</v>
      </c>
      <c r="V46" s="546" t="s">
        <v>101</v>
      </c>
      <c r="W46" s="547"/>
      <c r="X46" s="547"/>
      <c r="Y46" s="547"/>
      <c r="Z46" s="548"/>
      <c r="AA46" s="623" t="s">
        <v>102</v>
      </c>
      <c r="AB46" s="624"/>
      <c r="AC46" s="625"/>
      <c r="AD46" s="415">
        <v>10</v>
      </c>
      <c r="AE46" s="415" t="s">
        <v>103</v>
      </c>
      <c r="AF46" s="541"/>
      <c r="AG46" s="542"/>
      <c r="AH46" s="549"/>
      <c r="AI46" s="550"/>
      <c r="AJ46" s="551"/>
      <c r="AK46" s="343"/>
      <c r="AL46" s="38"/>
      <c r="AM46" s="16"/>
      <c r="AN46" s="3" t="str">
        <f>$J$19</f>
        <v>■</v>
      </c>
    </row>
    <row r="47" spans="1:40">
      <c r="A47" s="20" t="str">
        <f t="shared" si="0"/>
        <v>IR</v>
      </c>
      <c r="B47" s="51"/>
      <c r="C47" s="541">
        <v>2</v>
      </c>
      <c r="D47" s="542"/>
      <c r="E47" s="563" t="s">
        <v>388</v>
      </c>
      <c r="F47" s="564"/>
      <c r="G47" s="564"/>
      <c r="H47" s="564"/>
      <c r="I47" s="564"/>
      <c r="J47" s="564"/>
      <c r="K47" s="564"/>
      <c r="L47" s="564"/>
      <c r="M47" s="564"/>
      <c r="N47" s="564"/>
      <c r="O47" s="564"/>
      <c r="P47" s="564"/>
      <c r="Q47" s="564"/>
      <c r="R47" s="564"/>
      <c r="S47" s="564"/>
      <c r="T47" s="565"/>
      <c r="U47" s="219" t="s">
        <v>443</v>
      </c>
      <c r="V47" s="546" t="s">
        <v>101</v>
      </c>
      <c r="W47" s="547"/>
      <c r="X47" s="547"/>
      <c r="Y47" s="547"/>
      <c r="Z47" s="548"/>
      <c r="AA47" s="623" t="s">
        <v>102</v>
      </c>
      <c r="AB47" s="624"/>
      <c r="AC47" s="625"/>
      <c r="AD47" s="415">
        <v>51</v>
      </c>
      <c r="AE47" s="415" t="s">
        <v>103</v>
      </c>
      <c r="AF47" s="541"/>
      <c r="AG47" s="542"/>
      <c r="AH47" s="549"/>
      <c r="AI47" s="550"/>
      <c r="AJ47" s="551"/>
      <c r="AK47" s="343"/>
      <c r="AL47" s="38"/>
      <c r="AM47" s="16"/>
      <c r="AN47" s="3" t="str">
        <f t="shared" ref="AN47:AN61" si="2">$J$19</f>
        <v>■</v>
      </c>
    </row>
    <row r="48" spans="1:40" s="28" customFormat="1">
      <c r="A48" s="20" t="str">
        <f t="shared" si="0"/>
        <v>IR</v>
      </c>
      <c r="B48" s="51"/>
      <c r="C48" s="552">
        <v>3</v>
      </c>
      <c r="D48" s="553"/>
      <c r="E48" s="566" t="s">
        <v>106</v>
      </c>
      <c r="F48" s="567"/>
      <c r="G48" s="567"/>
      <c r="H48" s="567"/>
      <c r="I48" s="567"/>
      <c r="J48" s="567"/>
      <c r="K48" s="567"/>
      <c r="L48" s="567"/>
      <c r="M48" s="567"/>
      <c r="N48" s="567"/>
      <c r="O48" s="567"/>
      <c r="P48" s="567"/>
      <c r="Q48" s="567"/>
      <c r="R48" s="567"/>
      <c r="S48" s="567"/>
      <c r="T48" s="568"/>
      <c r="U48" s="220" t="s">
        <v>444</v>
      </c>
      <c r="V48" s="557" t="s">
        <v>107</v>
      </c>
      <c r="W48" s="558"/>
      <c r="X48" s="558"/>
      <c r="Y48" s="558"/>
      <c r="Z48" s="559"/>
      <c r="AA48" s="626" t="s">
        <v>108</v>
      </c>
      <c r="AB48" s="627"/>
      <c r="AC48" s="628"/>
      <c r="AD48" s="419">
        <v>1</v>
      </c>
      <c r="AE48" s="419">
        <v>0</v>
      </c>
      <c r="AF48" s="552" t="s">
        <v>109</v>
      </c>
      <c r="AG48" s="553"/>
      <c r="AH48" s="560"/>
      <c r="AI48" s="561"/>
      <c r="AJ48" s="562"/>
      <c r="AK48" s="321" t="s">
        <v>416</v>
      </c>
      <c r="AL48" s="38"/>
      <c r="AM48" s="331"/>
      <c r="AN48" s="3" t="str">
        <f t="shared" si="2"/>
        <v>■</v>
      </c>
    </row>
    <row r="49" spans="1:40" s="28" customFormat="1">
      <c r="A49" s="20" t="str">
        <f t="shared" si="0"/>
        <v>IR</v>
      </c>
      <c r="B49" s="51"/>
      <c r="C49" s="541">
        <v>4</v>
      </c>
      <c r="D49" s="542"/>
      <c r="E49" s="563" t="s">
        <v>110</v>
      </c>
      <c r="F49" s="564"/>
      <c r="G49" s="564"/>
      <c r="H49" s="564"/>
      <c r="I49" s="564"/>
      <c r="J49" s="564"/>
      <c r="K49" s="564"/>
      <c r="L49" s="564"/>
      <c r="M49" s="564"/>
      <c r="N49" s="564"/>
      <c r="O49" s="564"/>
      <c r="P49" s="564"/>
      <c r="Q49" s="564"/>
      <c r="R49" s="564"/>
      <c r="S49" s="564"/>
      <c r="T49" s="565"/>
      <c r="U49" s="221" t="s">
        <v>445</v>
      </c>
      <c r="V49" s="546" t="s">
        <v>107</v>
      </c>
      <c r="W49" s="547"/>
      <c r="X49" s="547"/>
      <c r="Y49" s="547"/>
      <c r="Z49" s="548"/>
      <c r="AA49" s="623" t="s">
        <v>108</v>
      </c>
      <c r="AB49" s="624"/>
      <c r="AC49" s="625"/>
      <c r="AD49" s="415">
        <v>1</v>
      </c>
      <c r="AE49" s="415">
        <v>0</v>
      </c>
      <c r="AF49" s="541"/>
      <c r="AG49" s="542"/>
      <c r="AH49" s="549"/>
      <c r="AI49" s="550"/>
      <c r="AJ49" s="551"/>
      <c r="AK49" s="265"/>
      <c r="AL49" s="38"/>
      <c r="AM49" s="331"/>
      <c r="AN49" s="3" t="str">
        <f t="shared" si="2"/>
        <v>■</v>
      </c>
    </row>
    <row r="50" spans="1:40">
      <c r="A50" s="20" t="str">
        <f t="shared" si="0"/>
        <v>IR</v>
      </c>
      <c r="B50" s="51"/>
      <c r="C50" s="541">
        <v>5</v>
      </c>
      <c r="D50" s="542"/>
      <c r="E50" s="563" t="s">
        <v>80</v>
      </c>
      <c r="F50" s="564"/>
      <c r="G50" s="564"/>
      <c r="H50" s="564"/>
      <c r="I50" s="564"/>
      <c r="J50" s="564"/>
      <c r="K50" s="564"/>
      <c r="L50" s="564"/>
      <c r="M50" s="564"/>
      <c r="N50" s="564"/>
      <c r="O50" s="564"/>
      <c r="P50" s="564"/>
      <c r="Q50" s="564"/>
      <c r="R50" s="564"/>
      <c r="S50" s="564"/>
      <c r="T50" s="565"/>
      <c r="U50" s="221" t="s">
        <v>446</v>
      </c>
      <c r="V50" s="546" t="s">
        <v>101</v>
      </c>
      <c r="W50" s="547"/>
      <c r="X50" s="547"/>
      <c r="Y50" s="547"/>
      <c r="Z50" s="548"/>
      <c r="AA50" s="623" t="s">
        <v>102</v>
      </c>
      <c r="AB50" s="624"/>
      <c r="AC50" s="625"/>
      <c r="AD50" s="415">
        <v>2</v>
      </c>
      <c r="AE50" s="415" t="s">
        <v>103</v>
      </c>
      <c r="AF50" s="541"/>
      <c r="AG50" s="542"/>
      <c r="AH50" s="549"/>
      <c r="AI50" s="550"/>
      <c r="AJ50" s="551"/>
      <c r="AK50" s="265"/>
      <c r="AL50" s="38"/>
      <c r="AM50" s="16"/>
      <c r="AN50" s="3" t="str">
        <f t="shared" si="2"/>
        <v>■</v>
      </c>
    </row>
    <row r="51" spans="1:40">
      <c r="A51" s="20" t="str">
        <f t="shared" si="0"/>
        <v>IR</v>
      </c>
      <c r="B51" s="51"/>
      <c r="C51" s="541">
        <v>6</v>
      </c>
      <c r="D51" s="542"/>
      <c r="E51" s="563" t="s">
        <v>418</v>
      </c>
      <c r="F51" s="564"/>
      <c r="G51" s="564"/>
      <c r="H51" s="564"/>
      <c r="I51" s="564"/>
      <c r="J51" s="564"/>
      <c r="K51" s="564"/>
      <c r="L51" s="564"/>
      <c r="M51" s="564"/>
      <c r="N51" s="564"/>
      <c r="O51" s="564"/>
      <c r="P51" s="564"/>
      <c r="Q51" s="564"/>
      <c r="R51" s="564"/>
      <c r="S51" s="564"/>
      <c r="T51" s="565"/>
      <c r="U51" s="221" t="s">
        <v>963</v>
      </c>
      <c r="V51" s="546" t="s">
        <v>107</v>
      </c>
      <c r="W51" s="547"/>
      <c r="X51" s="547"/>
      <c r="Y51" s="547"/>
      <c r="Z51" s="548"/>
      <c r="AA51" s="623" t="s">
        <v>102</v>
      </c>
      <c r="AB51" s="624"/>
      <c r="AC51" s="625"/>
      <c r="AD51" s="415">
        <v>1</v>
      </c>
      <c r="AE51" s="415" t="s">
        <v>103</v>
      </c>
      <c r="AF51" s="541"/>
      <c r="AG51" s="542"/>
      <c r="AH51" s="549"/>
      <c r="AI51" s="550"/>
      <c r="AJ51" s="551"/>
      <c r="AK51" s="265"/>
      <c r="AL51" s="38"/>
      <c r="AM51" s="16"/>
      <c r="AN51" s="3" t="str">
        <f t="shared" si="2"/>
        <v>■</v>
      </c>
    </row>
    <row r="52" spans="1:40">
      <c r="A52" s="20" t="str">
        <f t="shared" si="0"/>
        <v>IR</v>
      </c>
      <c r="B52" s="51"/>
      <c r="C52" s="541">
        <v>7</v>
      </c>
      <c r="D52" s="542"/>
      <c r="E52" s="563" t="s">
        <v>420</v>
      </c>
      <c r="F52" s="564"/>
      <c r="G52" s="564"/>
      <c r="H52" s="564"/>
      <c r="I52" s="564"/>
      <c r="J52" s="564"/>
      <c r="K52" s="564"/>
      <c r="L52" s="564"/>
      <c r="M52" s="564"/>
      <c r="N52" s="564"/>
      <c r="O52" s="564"/>
      <c r="P52" s="564"/>
      <c r="Q52" s="564"/>
      <c r="R52" s="564"/>
      <c r="S52" s="564"/>
      <c r="T52" s="565"/>
      <c r="U52" s="221" t="s">
        <v>746</v>
      </c>
      <c r="V52" s="546" t="s">
        <v>107</v>
      </c>
      <c r="W52" s="547"/>
      <c r="X52" s="547"/>
      <c r="Y52" s="547"/>
      <c r="Z52" s="548"/>
      <c r="AA52" s="623" t="s">
        <v>102</v>
      </c>
      <c r="AB52" s="624"/>
      <c r="AC52" s="625"/>
      <c r="AD52" s="415">
        <v>2</v>
      </c>
      <c r="AE52" s="415" t="s">
        <v>103</v>
      </c>
      <c r="AF52" s="541"/>
      <c r="AG52" s="542"/>
      <c r="AH52" s="549"/>
      <c r="AI52" s="550"/>
      <c r="AJ52" s="551"/>
      <c r="AK52" s="265"/>
      <c r="AL52" s="38"/>
      <c r="AM52" s="16"/>
      <c r="AN52" s="3" t="str">
        <f t="shared" si="2"/>
        <v>■</v>
      </c>
    </row>
    <row r="53" spans="1:40">
      <c r="A53" s="20" t="str">
        <f t="shared" si="0"/>
        <v>IR</v>
      </c>
      <c r="B53" s="51"/>
      <c r="C53" s="541">
        <v>8</v>
      </c>
      <c r="D53" s="542"/>
      <c r="E53" s="563" t="s">
        <v>422</v>
      </c>
      <c r="F53" s="564"/>
      <c r="G53" s="564"/>
      <c r="H53" s="564"/>
      <c r="I53" s="564"/>
      <c r="J53" s="564"/>
      <c r="K53" s="564"/>
      <c r="L53" s="564"/>
      <c r="M53" s="564"/>
      <c r="N53" s="564"/>
      <c r="O53" s="564"/>
      <c r="P53" s="564"/>
      <c r="Q53" s="564"/>
      <c r="R53" s="564"/>
      <c r="S53" s="564"/>
      <c r="T53" s="565"/>
      <c r="U53" s="221" t="s">
        <v>747</v>
      </c>
      <c r="V53" s="546" t="s">
        <v>107</v>
      </c>
      <c r="W53" s="547"/>
      <c r="X53" s="547"/>
      <c r="Y53" s="547"/>
      <c r="Z53" s="548"/>
      <c r="AA53" s="623" t="s">
        <v>102</v>
      </c>
      <c r="AB53" s="624"/>
      <c r="AC53" s="625"/>
      <c r="AD53" s="415">
        <v>1</v>
      </c>
      <c r="AE53" s="415" t="s">
        <v>103</v>
      </c>
      <c r="AF53" s="541"/>
      <c r="AG53" s="542"/>
      <c r="AH53" s="549"/>
      <c r="AI53" s="550"/>
      <c r="AJ53" s="551"/>
      <c r="AK53" s="344"/>
      <c r="AL53" s="38"/>
      <c r="AM53" s="16"/>
      <c r="AN53" s="3" t="str">
        <f t="shared" si="2"/>
        <v>■</v>
      </c>
    </row>
    <row r="54" spans="1:40" s="28" customFormat="1">
      <c r="A54" s="20" t="str">
        <f t="shared" si="0"/>
        <v>IR</v>
      </c>
      <c r="B54" s="51"/>
      <c r="C54" s="552">
        <v>9</v>
      </c>
      <c r="D54" s="553"/>
      <c r="E54" s="566" t="s">
        <v>424</v>
      </c>
      <c r="F54" s="567"/>
      <c r="G54" s="567"/>
      <c r="H54" s="567"/>
      <c r="I54" s="567"/>
      <c r="J54" s="567"/>
      <c r="K54" s="567"/>
      <c r="L54" s="567"/>
      <c r="M54" s="567"/>
      <c r="N54" s="567"/>
      <c r="O54" s="567"/>
      <c r="P54" s="567"/>
      <c r="Q54" s="567"/>
      <c r="R54" s="567"/>
      <c r="S54" s="567"/>
      <c r="T54" s="568"/>
      <c r="U54" s="259" t="s">
        <v>748</v>
      </c>
      <c r="V54" s="557" t="s">
        <v>107</v>
      </c>
      <c r="W54" s="558"/>
      <c r="X54" s="558"/>
      <c r="Y54" s="558"/>
      <c r="Z54" s="559"/>
      <c r="AA54" s="626" t="s">
        <v>102</v>
      </c>
      <c r="AB54" s="627"/>
      <c r="AC54" s="628"/>
      <c r="AD54" s="419">
        <v>7</v>
      </c>
      <c r="AE54" s="419" t="s">
        <v>103</v>
      </c>
      <c r="AF54" s="552" t="s">
        <v>109</v>
      </c>
      <c r="AG54" s="553"/>
      <c r="AH54" s="560"/>
      <c r="AI54" s="561"/>
      <c r="AJ54" s="562"/>
      <c r="AK54" s="321" t="s">
        <v>391</v>
      </c>
      <c r="AL54" s="38"/>
      <c r="AM54" s="331"/>
      <c r="AN54" s="3" t="str">
        <f t="shared" si="2"/>
        <v>■</v>
      </c>
    </row>
    <row r="55" spans="1:40">
      <c r="A55" s="20" t="str">
        <f t="shared" si="0"/>
        <v>IR</v>
      </c>
      <c r="B55" s="51"/>
      <c r="C55" s="541">
        <v>10</v>
      </c>
      <c r="D55" s="542"/>
      <c r="E55" s="563" t="s">
        <v>426</v>
      </c>
      <c r="F55" s="564"/>
      <c r="G55" s="564"/>
      <c r="H55" s="564"/>
      <c r="I55" s="564"/>
      <c r="J55" s="564"/>
      <c r="K55" s="564"/>
      <c r="L55" s="564"/>
      <c r="M55" s="564"/>
      <c r="N55" s="564"/>
      <c r="O55" s="564"/>
      <c r="P55" s="564"/>
      <c r="Q55" s="564"/>
      <c r="R55" s="564"/>
      <c r="S55" s="564"/>
      <c r="T55" s="565"/>
      <c r="U55" s="221" t="s">
        <v>749</v>
      </c>
      <c r="V55" s="546" t="s">
        <v>107</v>
      </c>
      <c r="W55" s="547"/>
      <c r="X55" s="547"/>
      <c r="Y55" s="547"/>
      <c r="Z55" s="548"/>
      <c r="AA55" s="623" t="s">
        <v>102</v>
      </c>
      <c r="AB55" s="624"/>
      <c r="AC55" s="625"/>
      <c r="AD55" s="415">
        <v>7</v>
      </c>
      <c r="AE55" s="415" t="s">
        <v>103</v>
      </c>
      <c r="AF55" s="541"/>
      <c r="AG55" s="542"/>
      <c r="AH55" s="549"/>
      <c r="AI55" s="550"/>
      <c r="AJ55" s="551"/>
      <c r="AK55" s="265" t="s">
        <v>3020</v>
      </c>
      <c r="AL55" s="38"/>
      <c r="AM55" s="16"/>
      <c r="AN55" s="3" t="str">
        <f t="shared" si="2"/>
        <v>■</v>
      </c>
    </row>
    <row r="56" spans="1:40">
      <c r="A56" s="20" t="str">
        <f t="shared" si="0"/>
        <v>IR</v>
      </c>
      <c r="B56" s="51"/>
      <c r="C56" s="552">
        <v>11</v>
      </c>
      <c r="D56" s="553"/>
      <c r="E56" s="566" t="s">
        <v>428</v>
      </c>
      <c r="F56" s="567"/>
      <c r="G56" s="567"/>
      <c r="H56" s="567"/>
      <c r="I56" s="567"/>
      <c r="J56" s="567"/>
      <c r="K56" s="567"/>
      <c r="L56" s="567"/>
      <c r="M56" s="567"/>
      <c r="N56" s="567"/>
      <c r="O56" s="567"/>
      <c r="P56" s="567"/>
      <c r="Q56" s="567"/>
      <c r="R56" s="567"/>
      <c r="S56" s="567"/>
      <c r="T56" s="568"/>
      <c r="U56" s="259" t="s">
        <v>751</v>
      </c>
      <c r="V56" s="557" t="s">
        <v>107</v>
      </c>
      <c r="W56" s="558"/>
      <c r="X56" s="558"/>
      <c r="Y56" s="558"/>
      <c r="Z56" s="559"/>
      <c r="AA56" s="626" t="s">
        <v>102</v>
      </c>
      <c r="AB56" s="627"/>
      <c r="AC56" s="628"/>
      <c r="AD56" s="419">
        <v>2</v>
      </c>
      <c r="AE56" s="419" t="s">
        <v>103</v>
      </c>
      <c r="AF56" s="552" t="s">
        <v>109</v>
      </c>
      <c r="AG56" s="553"/>
      <c r="AH56" s="560"/>
      <c r="AI56" s="561"/>
      <c r="AJ56" s="562"/>
      <c r="AK56" s="321" t="s">
        <v>391</v>
      </c>
      <c r="AL56" s="38"/>
      <c r="AM56" s="16"/>
      <c r="AN56" s="3" t="str">
        <f t="shared" si="2"/>
        <v>■</v>
      </c>
    </row>
    <row r="57" spans="1:40">
      <c r="A57" s="20" t="str">
        <f t="shared" si="0"/>
        <v>IR</v>
      </c>
      <c r="B57" s="51"/>
      <c r="C57" s="541">
        <v>12</v>
      </c>
      <c r="D57" s="542"/>
      <c r="E57" s="563" t="s">
        <v>430</v>
      </c>
      <c r="F57" s="564"/>
      <c r="G57" s="564"/>
      <c r="H57" s="564"/>
      <c r="I57" s="564"/>
      <c r="J57" s="564"/>
      <c r="K57" s="564"/>
      <c r="L57" s="564"/>
      <c r="M57" s="564"/>
      <c r="N57" s="564"/>
      <c r="O57" s="564"/>
      <c r="P57" s="564"/>
      <c r="Q57" s="564"/>
      <c r="R57" s="564"/>
      <c r="S57" s="564"/>
      <c r="T57" s="565"/>
      <c r="U57" s="221" t="s">
        <v>964</v>
      </c>
      <c r="V57" s="546" t="s">
        <v>107</v>
      </c>
      <c r="W57" s="547"/>
      <c r="X57" s="547"/>
      <c r="Y57" s="547"/>
      <c r="Z57" s="548"/>
      <c r="AA57" s="623" t="s">
        <v>102</v>
      </c>
      <c r="AB57" s="624"/>
      <c r="AC57" s="625"/>
      <c r="AD57" s="415">
        <v>6</v>
      </c>
      <c r="AE57" s="415" t="s">
        <v>103</v>
      </c>
      <c r="AF57" s="541"/>
      <c r="AG57" s="542"/>
      <c r="AH57" s="549"/>
      <c r="AI57" s="550"/>
      <c r="AJ57" s="551"/>
      <c r="AK57" s="343"/>
      <c r="AL57" s="38"/>
      <c r="AM57" s="16"/>
      <c r="AN57" s="3" t="str">
        <f t="shared" si="2"/>
        <v>■</v>
      </c>
    </row>
    <row r="58" spans="1:40" ht="13.4" customHeight="1">
      <c r="A58" s="20" t="str">
        <f t="shared" si="0"/>
        <v>IR</v>
      </c>
      <c r="B58" s="51"/>
      <c r="C58" s="541">
        <v>13</v>
      </c>
      <c r="D58" s="542"/>
      <c r="E58" s="563" t="s">
        <v>432</v>
      </c>
      <c r="F58" s="564"/>
      <c r="G58" s="564"/>
      <c r="H58" s="564"/>
      <c r="I58" s="564"/>
      <c r="J58" s="564"/>
      <c r="K58" s="564"/>
      <c r="L58" s="564"/>
      <c r="M58" s="564"/>
      <c r="N58" s="564"/>
      <c r="O58" s="564"/>
      <c r="P58" s="564"/>
      <c r="Q58" s="564"/>
      <c r="R58" s="564"/>
      <c r="S58" s="564"/>
      <c r="T58" s="565"/>
      <c r="U58" s="221" t="s">
        <v>965</v>
      </c>
      <c r="V58" s="546" t="s">
        <v>107</v>
      </c>
      <c r="W58" s="547"/>
      <c r="X58" s="547"/>
      <c r="Y58" s="547"/>
      <c r="Z58" s="548"/>
      <c r="AA58" s="623" t="s">
        <v>102</v>
      </c>
      <c r="AB58" s="624"/>
      <c r="AC58" s="625"/>
      <c r="AD58" s="415">
        <v>2</v>
      </c>
      <c r="AE58" s="415" t="s">
        <v>103</v>
      </c>
      <c r="AF58" s="541"/>
      <c r="AG58" s="542"/>
      <c r="AH58" s="549"/>
      <c r="AI58" s="550"/>
      <c r="AJ58" s="551"/>
      <c r="AK58" s="343"/>
      <c r="AL58" s="38"/>
      <c r="AM58" s="16"/>
      <c r="AN58" s="3" t="str">
        <f t="shared" si="2"/>
        <v>■</v>
      </c>
    </row>
    <row r="59" spans="1:40">
      <c r="A59" s="20" t="str">
        <f t="shared" si="0"/>
        <v>IR</v>
      </c>
      <c r="B59" s="51"/>
      <c r="C59" s="541">
        <v>14</v>
      </c>
      <c r="D59" s="542"/>
      <c r="E59" s="563" t="s">
        <v>434</v>
      </c>
      <c r="F59" s="564"/>
      <c r="G59" s="564"/>
      <c r="H59" s="564"/>
      <c r="I59" s="564"/>
      <c r="J59" s="564"/>
      <c r="K59" s="564"/>
      <c r="L59" s="564"/>
      <c r="M59" s="564"/>
      <c r="N59" s="564"/>
      <c r="O59" s="564"/>
      <c r="P59" s="564"/>
      <c r="Q59" s="564"/>
      <c r="R59" s="564"/>
      <c r="S59" s="564"/>
      <c r="T59" s="565"/>
      <c r="U59" s="221" t="s">
        <v>966</v>
      </c>
      <c r="V59" s="546" t="s">
        <v>107</v>
      </c>
      <c r="W59" s="547"/>
      <c r="X59" s="547"/>
      <c r="Y59" s="547"/>
      <c r="Z59" s="548"/>
      <c r="AA59" s="623" t="s">
        <v>108</v>
      </c>
      <c r="AB59" s="624"/>
      <c r="AC59" s="625"/>
      <c r="AD59" s="415">
        <v>1</v>
      </c>
      <c r="AE59" s="415">
        <v>0</v>
      </c>
      <c r="AF59" s="541"/>
      <c r="AG59" s="542"/>
      <c r="AH59" s="549"/>
      <c r="AI59" s="550"/>
      <c r="AJ59" s="551"/>
      <c r="AK59" s="265"/>
      <c r="AL59" s="48"/>
      <c r="AM59" s="16"/>
      <c r="AN59" s="3" t="str">
        <f t="shared" si="2"/>
        <v>■</v>
      </c>
    </row>
    <row r="60" spans="1:40">
      <c r="A60" s="20" t="str">
        <f t="shared" si="0"/>
        <v>IR</v>
      </c>
      <c r="B60" s="51"/>
      <c r="C60" s="541">
        <v>15</v>
      </c>
      <c r="D60" s="542"/>
      <c r="E60" s="563" t="s">
        <v>409</v>
      </c>
      <c r="F60" s="564"/>
      <c r="G60" s="564"/>
      <c r="H60" s="564"/>
      <c r="I60" s="564"/>
      <c r="J60" s="564"/>
      <c r="K60" s="564"/>
      <c r="L60" s="564"/>
      <c r="M60" s="564"/>
      <c r="N60" s="564"/>
      <c r="O60" s="564"/>
      <c r="P60" s="564"/>
      <c r="Q60" s="564"/>
      <c r="R60" s="564"/>
      <c r="S60" s="564"/>
      <c r="T60" s="565"/>
      <c r="U60" s="221" t="s">
        <v>453</v>
      </c>
      <c r="V60" s="546" t="s">
        <v>107</v>
      </c>
      <c r="W60" s="547"/>
      <c r="X60" s="547"/>
      <c r="Y60" s="547"/>
      <c r="Z60" s="548"/>
      <c r="AA60" s="623" t="s">
        <v>102</v>
      </c>
      <c r="AB60" s="624"/>
      <c r="AC60" s="625"/>
      <c r="AD60" s="415">
        <v>6</v>
      </c>
      <c r="AE60" s="415" t="s">
        <v>103</v>
      </c>
      <c r="AF60" s="541"/>
      <c r="AG60" s="542"/>
      <c r="AH60" s="549"/>
      <c r="AI60" s="550"/>
      <c r="AJ60" s="551"/>
      <c r="AK60" s="265"/>
      <c r="AL60" s="48"/>
      <c r="AM60" s="16"/>
      <c r="AN60" s="3" t="str">
        <f t="shared" si="2"/>
        <v>■</v>
      </c>
    </row>
    <row r="61" spans="1:40" ht="13.4" customHeight="1">
      <c r="A61" s="20" t="str">
        <f t="shared" si="0"/>
        <v>IR</v>
      </c>
      <c r="B61" s="51"/>
      <c r="C61" s="541">
        <v>16</v>
      </c>
      <c r="D61" s="542"/>
      <c r="E61" s="563" t="s">
        <v>411</v>
      </c>
      <c r="F61" s="564"/>
      <c r="G61" s="564"/>
      <c r="H61" s="564"/>
      <c r="I61" s="564"/>
      <c r="J61" s="564"/>
      <c r="K61" s="564"/>
      <c r="L61" s="564"/>
      <c r="M61" s="564"/>
      <c r="N61" s="564"/>
      <c r="O61" s="564"/>
      <c r="P61" s="564"/>
      <c r="Q61" s="564"/>
      <c r="R61" s="564"/>
      <c r="S61" s="564"/>
      <c r="T61" s="565"/>
      <c r="U61" s="221" t="s">
        <v>516</v>
      </c>
      <c r="V61" s="546" t="s">
        <v>107</v>
      </c>
      <c r="W61" s="547"/>
      <c r="X61" s="547"/>
      <c r="Y61" s="547"/>
      <c r="Z61" s="548"/>
      <c r="AA61" s="623" t="s">
        <v>102</v>
      </c>
      <c r="AB61" s="624"/>
      <c r="AC61" s="625"/>
      <c r="AD61" s="415">
        <v>6</v>
      </c>
      <c r="AE61" s="415" t="s">
        <v>103</v>
      </c>
      <c r="AF61" s="541"/>
      <c r="AG61" s="542"/>
      <c r="AH61" s="549"/>
      <c r="AI61" s="550"/>
      <c r="AJ61" s="551"/>
      <c r="AK61" s="265"/>
      <c r="AL61" s="37"/>
      <c r="AM61" s="16"/>
      <c r="AN61" s="3" t="str">
        <f t="shared" si="2"/>
        <v>■</v>
      </c>
    </row>
    <row r="62" spans="1:40" ht="13.4" customHeight="1">
      <c r="A62" s="20" t="str">
        <f t="shared" si="0"/>
        <v>IR</v>
      </c>
      <c r="B62" s="25"/>
      <c r="C62" s="26"/>
      <c r="D62" s="26"/>
      <c r="E62" s="26"/>
      <c r="F62" s="26"/>
      <c r="G62" s="26"/>
      <c r="H62" s="26"/>
      <c r="I62" s="26"/>
      <c r="J62" s="26"/>
      <c r="K62" s="26"/>
      <c r="L62" s="26"/>
      <c r="M62" s="26"/>
      <c r="N62" s="26"/>
      <c r="O62" s="26"/>
      <c r="P62" s="26"/>
      <c r="Q62" s="26"/>
      <c r="R62" s="26"/>
      <c r="S62" s="26"/>
      <c r="T62" s="26"/>
      <c r="V62" s="122"/>
      <c r="W62" s="122"/>
      <c r="X62" s="122"/>
      <c r="Y62" s="122"/>
      <c r="Z62" s="122"/>
      <c r="AA62" s="634"/>
      <c r="AB62" s="634"/>
      <c r="AC62" s="634"/>
      <c r="AD62" s="122"/>
      <c r="AE62" s="122"/>
      <c r="AF62" s="122"/>
      <c r="AG62" s="122"/>
      <c r="AH62" s="122"/>
      <c r="AI62" s="122"/>
      <c r="AJ62" s="122"/>
      <c r="AK62" s="55"/>
      <c r="AL62" s="37"/>
      <c r="AM62" s="16"/>
    </row>
    <row r="63" spans="1:40" s="1" customFormat="1" ht="13.4" customHeight="1">
      <c r="A63" s="20" t="str">
        <f t="shared" si="0"/>
        <v>RE</v>
      </c>
      <c r="B63" s="20"/>
      <c r="C63" s="52" t="s">
        <v>380</v>
      </c>
      <c r="D63" s="53"/>
      <c r="E63" s="26"/>
      <c r="F63" s="26"/>
      <c r="G63" s="26"/>
      <c r="H63" s="26"/>
      <c r="I63" s="26"/>
      <c r="J63" s="26" t="s">
        <v>438</v>
      </c>
      <c r="K63" s="71"/>
      <c r="L63" s="26"/>
      <c r="M63" s="71"/>
      <c r="N63" s="26"/>
      <c r="O63" s="26"/>
      <c r="P63" s="26"/>
      <c r="Q63" s="26"/>
      <c r="R63" s="26"/>
      <c r="S63" s="26"/>
      <c r="T63" s="26"/>
      <c r="U63" s="26" t="s">
        <v>967</v>
      </c>
      <c r="V63" s="122"/>
      <c r="W63" s="122"/>
      <c r="X63" s="122"/>
      <c r="Y63" s="122"/>
      <c r="Z63" s="122"/>
      <c r="AA63" s="630"/>
      <c r="AB63" s="630"/>
      <c r="AC63" s="630"/>
      <c r="AD63" s="122"/>
      <c r="AE63" s="122"/>
      <c r="AF63" s="122"/>
      <c r="AG63" s="122"/>
      <c r="AH63" s="122"/>
      <c r="AI63" s="122"/>
      <c r="AJ63" s="122"/>
      <c r="AK63" s="26"/>
      <c r="AL63" s="38"/>
      <c r="AM63" s="26"/>
    </row>
    <row r="64" spans="1:40" ht="13.5" customHeight="1">
      <c r="A64" s="20" t="str">
        <f t="shared" si="0"/>
        <v>RE</v>
      </c>
      <c r="B64" s="51"/>
      <c r="C64" s="583" t="s">
        <v>73</v>
      </c>
      <c r="D64" s="573"/>
      <c r="E64" s="583" t="s">
        <v>94</v>
      </c>
      <c r="F64" s="583"/>
      <c r="G64" s="583"/>
      <c r="H64" s="583"/>
      <c r="I64" s="583"/>
      <c r="J64" s="583"/>
      <c r="K64" s="583"/>
      <c r="L64" s="583"/>
      <c r="M64" s="583"/>
      <c r="N64" s="583"/>
      <c r="O64" s="583"/>
      <c r="P64" s="583"/>
      <c r="Q64" s="583"/>
      <c r="R64" s="583"/>
      <c r="S64" s="583"/>
      <c r="T64" s="583"/>
      <c r="U64" s="226" t="s">
        <v>383</v>
      </c>
      <c r="V64" s="572" t="s">
        <v>138</v>
      </c>
      <c r="W64" s="572"/>
      <c r="X64" s="572"/>
      <c r="Y64" s="572"/>
      <c r="Z64" s="572"/>
      <c r="AA64" s="575" t="s">
        <v>959</v>
      </c>
      <c r="AB64" s="576"/>
      <c r="AC64" s="577"/>
      <c r="AD64" s="572" t="s">
        <v>97</v>
      </c>
      <c r="AE64" s="572"/>
      <c r="AF64" s="572" t="s">
        <v>98</v>
      </c>
      <c r="AG64" s="572"/>
      <c r="AH64" s="583" t="s">
        <v>75</v>
      </c>
      <c r="AI64" s="583"/>
      <c r="AJ64" s="583"/>
      <c r="AK64" s="621" t="s">
        <v>159</v>
      </c>
      <c r="AL64" s="38"/>
      <c r="AM64" s="16"/>
    </row>
    <row r="65" spans="1:40" ht="13.4" customHeight="1">
      <c r="A65" s="20" t="str">
        <f t="shared" si="0"/>
        <v>RE</v>
      </c>
      <c r="B65" s="51"/>
      <c r="C65" s="573"/>
      <c r="D65" s="573"/>
      <c r="E65" s="583"/>
      <c r="F65" s="583"/>
      <c r="G65" s="583"/>
      <c r="H65" s="583"/>
      <c r="I65" s="583"/>
      <c r="J65" s="583"/>
      <c r="K65" s="583"/>
      <c r="L65" s="583"/>
      <c r="M65" s="583"/>
      <c r="N65" s="583"/>
      <c r="O65" s="583"/>
      <c r="P65" s="583"/>
      <c r="Q65" s="583"/>
      <c r="R65" s="583"/>
      <c r="S65" s="583"/>
      <c r="T65" s="583"/>
      <c r="U65" s="227"/>
      <c r="V65" s="572"/>
      <c r="W65" s="572"/>
      <c r="X65" s="572"/>
      <c r="Y65" s="572"/>
      <c r="Z65" s="572"/>
      <c r="AA65" s="578"/>
      <c r="AB65" s="579"/>
      <c r="AC65" s="580"/>
      <c r="AD65" s="572"/>
      <c r="AE65" s="572"/>
      <c r="AF65" s="572"/>
      <c r="AG65" s="572"/>
      <c r="AH65" s="583"/>
      <c r="AI65" s="583"/>
      <c r="AJ65" s="583"/>
      <c r="AK65" s="622"/>
      <c r="AL65" s="38"/>
      <c r="AM65" s="16"/>
    </row>
    <row r="66" spans="1:40" ht="13.4" customHeight="1">
      <c r="A66" s="20" t="str">
        <f t="shared" si="0"/>
        <v>RE</v>
      </c>
      <c r="B66" s="51"/>
      <c r="C66" s="541">
        <v>1</v>
      </c>
      <c r="D66" s="542"/>
      <c r="E66" s="563" t="s">
        <v>440</v>
      </c>
      <c r="F66" s="564"/>
      <c r="G66" s="564"/>
      <c r="H66" s="564"/>
      <c r="I66" s="564"/>
      <c r="J66" s="564"/>
      <c r="K66" s="564"/>
      <c r="L66" s="564"/>
      <c r="M66" s="564"/>
      <c r="N66" s="564"/>
      <c r="O66" s="564"/>
      <c r="P66" s="564"/>
      <c r="Q66" s="564"/>
      <c r="R66" s="564"/>
      <c r="S66" s="564"/>
      <c r="T66" s="565"/>
      <c r="U66" s="219" t="s">
        <v>441</v>
      </c>
      <c r="V66" s="546" t="s">
        <v>101</v>
      </c>
      <c r="W66" s="547"/>
      <c r="X66" s="547"/>
      <c r="Y66" s="547"/>
      <c r="Z66" s="548"/>
      <c r="AA66" s="623" t="s">
        <v>102</v>
      </c>
      <c r="AB66" s="624"/>
      <c r="AC66" s="625"/>
      <c r="AD66" s="415">
        <v>10</v>
      </c>
      <c r="AE66" s="415" t="s">
        <v>103</v>
      </c>
      <c r="AF66" s="541"/>
      <c r="AG66" s="542"/>
      <c r="AH66" s="549"/>
      <c r="AI66" s="550"/>
      <c r="AJ66" s="551"/>
      <c r="AK66" s="343"/>
      <c r="AL66" s="38"/>
      <c r="AM66" s="16"/>
      <c r="AN66" s="3" t="str">
        <f>$M$19</f>
        <v>■</v>
      </c>
    </row>
    <row r="67" spans="1:40" ht="13.4" customHeight="1">
      <c r="A67" s="20" t="str">
        <f t="shared" si="0"/>
        <v>RE</v>
      </c>
      <c r="B67" s="51"/>
      <c r="C67" s="541">
        <v>2</v>
      </c>
      <c r="D67" s="542"/>
      <c r="E67" s="563" t="s">
        <v>442</v>
      </c>
      <c r="F67" s="564"/>
      <c r="G67" s="564"/>
      <c r="H67" s="564"/>
      <c r="I67" s="564"/>
      <c r="J67" s="564"/>
      <c r="K67" s="564"/>
      <c r="L67" s="564"/>
      <c r="M67" s="564"/>
      <c r="N67" s="564"/>
      <c r="O67" s="564"/>
      <c r="P67" s="564"/>
      <c r="Q67" s="564"/>
      <c r="R67" s="564"/>
      <c r="S67" s="564"/>
      <c r="T67" s="565"/>
      <c r="U67" s="219" t="s">
        <v>443</v>
      </c>
      <c r="V67" s="546" t="s">
        <v>101</v>
      </c>
      <c r="W67" s="547"/>
      <c r="X67" s="547"/>
      <c r="Y67" s="547"/>
      <c r="Z67" s="548"/>
      <c r="AA67" s="623" t="s">
        <v>102</v>
      </c>
      <c r="AB67" s="624"/>
      <c r="AC67" s="625"/>
      <c r="AD67" s="415">
        <v>51</v>
      </c>
      <c r="AE67" s="415" t="s">
        <v>103</v>
      </c>
      <c r="AF67" s="541"/>
      <c r="AG67" s="542"/>
      <c r="AH67" s="549"/>
      <c r="AI67" s="550"/>
      <c r="AJ67" s="551"/>
      <c r="AK67" s="343"/>
      <c r="AL67" s="38"/>
      <c r="AM67" s="16"/>
      <c r="AN67" s="3" t="str">
        <f t="shared" ref="AN67:AN113" si="3">$M$19</f>
        <v>■</v>
      </c>
    </row>
    <row r="68" spans="1:40" s="28" customFormat="1" ht="13.4" customHeight="1">
      <c r="A68" s="20" t="str">
        <f t="shared" si="0"/>
        <v>RE</v>
      </c>
      <c r="B68" s="51"/>
      <c r="C68" s="552">
        <v>3</v>
      </c>
      <c r="D68" s="553"/>
      <c r="E68" s="566" t="s">
        <v>106</v>
      </c>
      <c r="F68" s="567"/>
      <c r="G68" s="567"/>
      <c r="H68" s="567"/>
      <c r="I68" s="567"/>
      <c r="J68" s="567"/>
      <c r="K68" s="567"/>
      <c r="L68" s="567"/>
      <c r="M68" s="567"/>
      <c r="N68" s="567"/>
      <c r="O68" s="567"/>
      <c r="P68" s="567"/>
      <c r="Q68" s="567"/>
      <c r="R68" s="567"/>
      <c r="S68" s="567"/>
      <c r="T68" s="568"/>
      <c r="U68" s="220" t="s">
        <v>444</v>
      </c>
      <c r="V68" s="557" t="s">
        <v>107</v>
      </c>
      <c r="W68" s="558"/>
      <c r="X68" s="558"/>
      <c r="Y68" s="558"/>
      <c r="Z68" s="559"/>
      <c r="AA68" s="626" t="s">
        <v>108</v>
      </c>
      <c r="AB68" s="627"/>
      <c r="AC68" s="628"/>
      <c r="AD68" s="419">
        <v>1</v>
      </c>
      <c r="AE68" s="419">
        <v>0</v>
      </c>
      <c r="AF68" s="552" t="s">
        <v>109</v>
      </c>
      <c r="AG68" s="553"/>
      <c r="AH68" s="560"/>
      <c r="AI68" s="561"/>
      <c r="AJ68" s="562"/>
      <c r="AK68" s="321" t="s">
        <v>391</v>
      </c>
      <c r="AL68" s="38"/>
      <c r="AM68" s="331"/>
      <c r="AN68" s="3" t="str">
        <f t="shared" si="3"/>
        <v>■</v>
      </c>
    </row>
    <row r="69" spans="1:40" s="28" customFormat="1" ht="13.4" customHeight="1">
      <c r="A69" s="20" t="str">
        <f t="shared" si="0"/>
        <v>RE</v>
      </c>
      <c r="B69" s="51"/>
      <c r="C69" s="541">
        <v>4</v>
      </c>
      <c r="D69" s="542"/>
      <c r="E69" s="563" t="s">
        <v>110</v>
      </c>
      <c r="F69" s="564"/>
      <c r="G69" s="564"/>
      <c r="H69" s="564"/>
      <c r="I69" s="564"/>
      <c r="J69" s="564"/>
      <c r="K69" s="564"/>
      <c r="L69" s="564"/>
      <c r="M69" s="564"/>
      <c r="N69" s="564"/>
      <c r="O69" s="564"/>
      <c r="P69" s="564"/>
      <c r="Q69" s="564"/>
      <c r="R69" s="564"/>
      <c r="S69" s="564"/>
      <c r="T69" s="565"/>
      <c r="U69" s="221" t="s">
        <v>445</v>
      </c>
      <c r="V69" s="546" t="s">
        <v>107</v>
      </c>
      <c r="W69" s="547"/>
      <c r="X69" s="547"/>
      <c r="Y69" s="547"/>
      <c r="Z69" s="548"/>
      <c r="AA69" s="623" t="s">
        <v>108</v>
      </c>
      <c r="AB69" s="624"/>
      <c r="AC69" s="625"/>
      <c r="AD69" s="415">
        <v>1</v>
      </c>
      <c r="AE69" s="415">
        <v>0</v>
      </c>
      <c r="AF69" s="541"/>
      <c r="AG69" s="542"/>
      <c r="AH69" s="549"/>
      <c r="AI69" s="550"/>
      <c r="AJ69" s="551"/>
      <c r="AK69" s="265"/>
      <c r="AL69" s="38"/>
      <c r="AM69" s="331"/>
      <c r="AN69" s="3" t="str">
        <f t="shared" si="3"/>
        <v>■</v>
      </c>
    </row>
    <row r="70" spans="1:40">
      <c r="A70" s="20" t="str">
        <f t="shared" si="0"/>
        <v>RE</v>
      </c>
      <c r="B70" s="51"/>
      <c r="C70" s="541">
        <v>5</v>
      </c>
      <c r="D70" s="542"/>
      <c r="E70" s="543" t="s">
        <v>80</v>
      </c>
      <c r="F70" s="544"/>
      <c r="G70" s="544"/>
      <c r="H70" s="544"/>
      <c r="I70" s="544"/>
      <c r="J70" s="544"/>
      <c r="K70" s="544"/>
      <c r="L70" s="544"/>
      <c r="M70" s="544"/>
      <c r="N70" s="544"/>
      <c r="O70" s="544"/>
      <c r="P70" s="544"/>
      <c r="Q70" s="544"/>
      <c r="R70" s="544"/>
      <c r="S70" s="544"/>
      <c r="T70" s="545"/>
      <c r="U70" s="221" t="s">
        <v>446</v>
      </c>
      <c r="V70" s="546" t="s">
        <v>101</v>
      </c>
      <c r="W70" s="547"/>
      <c r="X70" s="547"/>
      <c r="Y70" s="547"/>
      <c r="Z70" s="548"/>
      <c r="AA70" s="623" t="s">
        <v>102</v>
      </c>
      <c r="AB70" s="624"/>
      <c r="AC70" s="625"/>
      <c r="AD70" s="415">
        <v>2</v>
      </c>
      <c r="AE70" s="415" t="s">
        <v>103</v>
      </c>
      <c r="AF70" s="541"/>
      <c r="AG70" s="542"/>
      <c r="AH70" s="549"/>
      <c r="AI70" s="550"/>
      <c r="AJ70" s="551"/>
      <c r="AK70" s="265"/>
      <c r="AL70" s="38"/>
      <c r="AM70" s="16"/>
      <c r="AN70" s="3" t="str">
        <f t="shared" si="3"/>
        <v>■</v>
      </c>
    </row>
    <row r="71" spans="1:40" s="28" customFormat="1">
      <c r="A71" s="20" t="str">
        <f t="shared" si="0"/>
        <v>RE</v>
      </c>
      <c r="B71" s="51"/>
      <c r="C71" s="552">
        <v>6</v>
      </c>
      <c r="D71" s="553"/>
      <c r="E71" s="554" t="s">
        <v>111</v>
      </c>
      <c r="F71" s="555"/>
      <c r="G71" s="555"/>
      <c r="H71" s="555"/>
      <c r="I71" s="555"/>
      <c r="J71" s="555"/>
      <c r="K71" s="555"/>
      <c r="L71" s="555"/>
      <c r="M71" s="555"/>
      <c r="N71" s="555"/>
      <c r="O71" s="555"/>
      <c r="P71" s="555"/>
      <c r="Q71" s="555"/>
      <c r="R71" s="555"/>
      <c r="S71" s="555"/>
      <c r="T71" s="556"/>
      <c r="U71" s="259" t="s">
        <v>447</v>
      </c>
      <c r="V71" s="557" t="s">
        <v>107</v>
      </c>
      <c r="W71" s="558"/>
      <c r="X71" s="558"/>
      <c r="Y71" s="558"/>
      <c r="Z71" s="559"/>
      <c r="AA71" s="626" t="s">
        <v>108</v>
      </c>
      <c r="AB71" s="627"/>
      <c r="AC71" s="628"/>
      <c r="AD71" s="419">
        <v>3</v>
      </c>
      <c r="AE71" s="419">
        <v>0</v>
      </c>
      <c r="AF71" s="552" t="s">
        <v>109</v>
      </c>
      <c r="AG71" s="553"/>
      <c r="AH71" s="560"/>
      <c r="AI71" s="561"/>
      <c r="AJ71" s="562"/>
      <c r="AK71" s="321" t="s">
        <v>391</v>
      </c>
      <c r="AL71" s="38"/>
      <c r="AM71" s="331"/>
      <c r="AN71" s="3" t="str">
        <f t="shared" si="3"/>
        <v>■</v>
      </c>
    </row>
    <row r="72" spans="1:40">
      <c r="A72" s="20" t="str">
        <f t="shared" si="0"/>
        <v>RE</v>
      </c>
      <c r="B72" s="51"/>
      <c r="C72" s="541">
        <v>7</v>
      </c>
      <c r="D72" s="542"/>
      <c r="E72" s="543" t="s">
        <v>112</v>
      </c>
      <c r="F72" s="544"/>
      <c r="G72" s="544"/>
      <c r="H72" s="544"/>
      <c r="I72" s="544"/>
      <c r="J72" s="544"/>
      <c r="K72" s="544"/>
      <c r="L72" s="544"/>
      <c r="M72" s="544"/>
      <c r="N72" s="544"/>
      <c r="O72" s="544"/>
      <c r="P72" s="544"/>
      <c r="Q72" s="544"/>
      <c r="R72" s="544"/>
      <c r="S72" s="544"/>
      <c r="T72" s="545"/>
      <c r="U72" s="221" t="s">
        <v>448</v>
      </c>
      <c r="V72" s="546" t="s">
        <v>101</v>
      </c>
      <c r="W72" s="547"/>
      <c r="X72" s="547"/>
      <c r="Y72" s="547"/>
      <c r="Z72" s="548"/>
      <c r="AA72" s="623" t="s">
        <v>102</v>
      </c>
      <c r="AB72" s="624"/>
      <c r="AC72" s="625"/>
      <c r="AD72" s="415">
        <v>64</v>
      </c>
      <c r="AE72" s="415" t="s">
        <v>103</v>
      </c>
      <c r="AF72" s="541"/>
      <c r="AG72" s="542"/>
      <c r="AH72" s="549"/>
      <c r="AI72" s="550"/>
      <c r="AJ72" s="551"/>
      <c r="AK72" s="265"/>
      <c r="AL72" s="38"/>
      <c r="AM72" s="16"/>
      <c r="AN72" s="3" t="str">
        <f t="shared" si="3"/>
        <v>■</v>
      </c>
    </row>
    <row r="73" spans="1:40">
      <c r="A73" s="20" t="str">
        <f t="shared" si="0"/>
        <v>RE</v>
      </c>
      <c r="B73" s="51"/>
      <c r="C73" s="541">
        <v>8</v>
      </c>
      <c r="D73" s="542"/>
      <c r="E73" s="543" t="s">
        <v>113</v>
      </c>
      <c r="F73" s="544"/>
      <c r="G73" s="544"/>
      <c r="H73" s="544"/>
      <c r="I73" s="544"/>
      <c r="J73" s="544"/>
      <c r="K73" s="544"/>
      <c r="L73" s="544"/>
      <c r="M73" s="544"/>
      <c r="N73" s="544"/>
      <c r="O73" s="544"/>
      <c r="P73" s="544"/>
      <c r="Q73" s="544"/>
      <c r="R73" s="544"/>
      <c r="S73" s="544"/>
      <c r="T73" s="545"/>
      <c r="U73" s="221" t="s">
        <v>449</v>
      </c>
      <c r="V73" s="546" t="s">
        <v>101</v>
      </c>
      <c r="W73" s="547"/>
      <c r="X73" s="547"/>
      <c r="Y73" s="547"/>
      <c r="Z73" s="548"/>
      <c r="AA73" s="623" t="s">
        <v>102</v>
      </c>
      <c r="AB73" s="624"/>
      <c r="AC73" s="625"/>
      <c r="AD73" s="415">
        <v>64</v>
      </c>
      <c r="AE73" s="415" t="s">
        <v>103</v>
      </c>
      <c r="AF73" s="541"/>
      <c r="AG73" s="542"/>
      <c r="AH73" s="549"/>
      <c r="AI73" s="550"/>
      <c r="AJ73" s="551"/>
      <c r="AK73" s="265"/>
      <c r="AL73" s="38"/>
      <c r="AM73" s="16"/>
      <c r="AN73" s="3" t="str">
        <f t="shared" si="3"/>
        <v>■</v>
      </c>
    </row>
    <row r="74" spans="1:40">
      <c r="A74" s="20" t="str">
        <f t="shared" si="0"/>
        <v>RE</v>
      </c>
      <c r="B74" s="51"/>
      <c r="C74" s="541">
        <v>9</v>
      </c>
      <c r="D74" s="542"/>
      <c r="E74" s="543" t="s">
        <v>114</v>
      </c>
      <c r="F74" s="544"/>
      <c r="G74" s="544"/>
      <c r="H74" s="544"/>
      <c r="I74" s="544"/>
      <c r="J74" s="544"/>
      <c r="K74" s="544"/>
      <c r="L74" s="544"/>
      <c r="M74" s="544"/>
      <c r="N74" s="544"/>
      <c r="O74" s="544"/>
      <c r="P74" s="544"/>
      <c r="Q74" s="544"/>
      <c r="R74" s="544"/>
      <c r="S74" s="544"/>
      <c r="T74" s="545"/>
      <c r="U74" s="221" t="s">
        <v>450</v>
      </c>
      <c r="V74" s="546" t="s">
        <v>101</v>
      </c>
      <c r="W74" s="547"/>
      <c r="X74" s="547"/>
      <c r="Y74" s="547"/>
      <c r="Z74" s="548"/>
      <c r="AA74" s="623" t="s">
        <v>102</v>
      </c>
      <c r="AB74" s="624"/>
      <c r="AC74" s="625"/>
      <c r="AD74" s="415">
        <v>64</v>
      </c>
      <c r="AE74" s="415" t="s">
        <v>103</v>
      </c>
      <c r="AF74" s="541"/>
      <c r="AG74" s="542"/>
      <c r="AH74" s="549"/>
      <c r="AI74" s="550"/>
      <c r="AJ74" s="551"/>
      <c r="AK74" s="265"/>
      <c r="AL74" s="38"/>
      <c r="AM74" s="16"/>
      <c r="AN74" s="3" t="str">
        <f t="shared" si="3"/>
        <v>■</v>
      </c>
    </row>
    <row r="75" spans="1:40">
      <c r="A75" s="20" t="str">
        <f t="shared" si="0"/>
        <v>RE</v>
      </c>
      <c r="B75" s="51"/>
      <c r="C75" s="541">
        <v>10</v>
      </c>
      <c r="D75" s="542"/>
      <c r="E75" s="543" t="s">
        <v>115</v>
      </c>
      <c r="F75" s="544"/>
      <c r="G75" s="544"/>
      <c r="H75" s="544"/>
      <c r="I75" s="544"/>
      <c r="J75" s="544"/>
      <c r="K75" s="544"/>
      <c r="L75" s="544"/>
      <c r="M75" s="544"/>
      <c r="N75" s="544"/>
      <c r="O75" s="544"/>
      <c r="P75" s="544"/>
      <c r="Q75" s="544"/>
      <c r="R75" s="544"/>
      <c r="S75" s="544"/>
      <c r="T75" s="545"/>
      <c r="U75" s="221" t="s">
        <v>451</v>
      </c>
      <c r="V75" s="546" t="s">
        <v>107</v>
      </c>
      <c r="W75" s="547"/>
      <c r="X75" s="547"/>
      <c r="Y75" s="547"/>
      <c r="Z75" s="548"/>
      <c r="AA75" s="623" t="s">
        <v>108</v>
      </c>
      <c r="AB75" s="624"/>
      <c r="AC75" s="625"/>
      <c r="AD75" s="415">
        <v>6</v>
      </c>
      <c r="AE75" s="415">
        <v>0</v>
      </c>
      <c r="AF75" s="541"/>
      <c r="AG75" s="542"/>
      <c r="AH75" s="549"/>
      <c r="AI75" s="550"/>
      <c r="AJ75" s="551"/>
      <c r="AK75" s="344"/>
      <c r="AL75" s="38"/>
      <c r="AM75" s="16"/>
      <c r="AN75" s="3" t="str">
        <f t="shared" si="3"/>
        <v>■</v>
      </c>
    </row>
    <row r="76" spans="1:40">
      <c r="A76" s="20" t="str">
        <f t="shared" si="0"/>
        <v>RE</v>
      </c>
      <c r="B76" s="51"/>
      <c r="C76" s="541">
        <v>11</v>
      </c>
      <c r="D76" s="542"/>
      <c r="E76" s="543" t="s">
        <v>116</v>
      </c>
      <c r="F76" s="544"/>
      <c r="G76" s="544"/>
      <c r="H76" s="544"/>
      <c r="I76" s="544"/>
      <c r="J76" s="544"/>
      <c r="K76" s="544"/>
      <c r="L76" s="544"/>
      <c r="M76" s="544"/>
      <c r="N76" s="544"/>
      <c r="O76" s="544"/>
      <c r="P76" s="544"/>
      <c r="Q76" s="544"/>
      <c r="R76" s="544"/>
      <c r="S76" s="544"/>
      <c r="T76" s="545"/>
      <c r="U76" s="221" t="s">
        <v>452</v>
      </c>
      <c r="V76" s="546" t="s">
        <v>107</v>
      </c>
      <c r="W76" s="547"/>
      <c r="X76" s="547"/>
      <c r="Y76" s="547"/>
      <c r="Z76" s="548"/>
      <c r="AA76" s="623" t="s">
        <v>102</v>
      </c>
      <c r="AB76" s="624"/>
      <c r="AC76" s="625"/>
      <c r="AD76" s="415">
        <v>4</v>
      </c>
      <c r="AE76" s="415" t="s">
        <v>103</v>
      </c>
      <c r="AF76" s="541"/>
      <c r="AG76" s="542"/>
      <c r="AH76" s="549"/>
      <c r="AI76" s="550"/>
      <c r="AJ76" s="551"/>
      <c r="AK76" s="265"/>
      <c r="AL76" s="38"/>
      <c r="AM76" s="16"/>
      <c r="AN76" s="3" t="str">
        <f t="shared" si="3"/>
        <v>■</v>
      </c>
    </row>
    <row r="77" spans="1:40">
      <c r="A77" s="20" t="str">
        <f t="shared" si="0"/>
        <v>RE</v>
      </c>
      <c r="B77" s="51"/>
      <c r="C77" s="541">
        <v>12</v>
      </c>
      <c r="D77" s="542"/>
      <c r="E77" s="543" t="s">
        <v>409</v>
      </c>
      <c r="F77" s="544"/>
      <c r="G77" s="544"/>
      <c r="H77" s="544"/>
      <c r="I77" s="544"/>
      <c r="J77" s="544"/>
      <c r="K77" s="544"/>
      <c r="L77" s="544"/>
      <c r="M77" s="544"/>
      <c r="N77" s="544"/>
      <c r="O77" s="544"/>
      <c r="P77" s="544"/>
      <c r="Q77" s="544"/>
      <c r="R77" s="544"/>
      <c r="S77" s="544"/>
      <c r="T77" s="545"/>
      <c r="U77" s="221" t="s">
        <v>453</v>
      </c>
      <c r="V77" s="546" t="s">
        <v>107</v>
      </c>
      <c r="W77" s="547"/>
      <c r="X77" s="547"/>
      <c r="Y77" s="547"/>
      <c r="Z77" s="548"/>
      <c r="AA77" s="623" t="s">
        <v>102</v>
      </c>
      <c r="AB77" s="624"/>
      <c r="AC77" s="625"/>
      <c r="AD77" s="415">
        <v>6</v>
      </c>
      <c r="AE77" s="415" t="s">
        <v>103</v>
      </c>
      <c r="AF77" s="541"/>
      <c r="AG77" s="542"/>
      <c r="AH77" s="549"/>
      <c r="AI77" s="550"/>
      <c r="AJ77" s="551"/>
      <c r="AK77" s="265"/>
      <c r="AL77" s="38"/>
      <c r="AM77" s="16"/>
      <c r="AN77" s="3" t="str">
        <f t="shared" si="3"/>
        <v>■</v>
      </c>
    </row>
    <row r="78" spans="1:40">
      <c r="A78" s="20" t="str">
        <f t="shared" si="0"/>
        <v>RE</v>
      </c>
      <c r="B78" s="51"/>
      <c r="C78" s="541">
        <v>13</v>
      </c>
      <c r="D78" s="542"/>
      <c r="E78" s="543" t="s">
        <v>454</v>
      </c>
      <c r="F78" s="544"/>
      <c r="G78" s="544"/>
      <c r="H78" s="544"/>
      <c r="I78" s="544"/>
      <c r="J78" s="544"/>
      <c r="K78" s="544"/>
      <c r="L78" s="544"/>
      <c r="M78" s="544"/>
      <c r="N78" s="544"/>
      <c r="O78" s="544"/>
      <c r="P78" s="544"/>
      <c r="Q78" s="544"/>
      <c r="R78" s="544"/>
      <c r="S78" s="544"/>
      <c r="T78" s="545"/>
      <c r="U78" s="221" t="s">
        <v>455</v>
      </c>
      <c r="V78" s="546" t="s">
        <v>107</v>
      </c>
      <c r="W78" s="547"/>
      <c r="X78" s="547"/>
      <c r="Y78" s="547"/>
      <c r="Z78" s="548"/>
      <c r="AA78" s="623" t="s">
        <v>102</v>
      </c>
      <c r="AB78" s="624"/>
      <c r="AC78" s="625"/>
      <c r="AD78" s="415">
        <v>1</v>
      </c>
      <c r="AE78" s="415" t="s">
        <v>103</v>
      </c>
      <c r="AF78" s="541"/>
      <c r="AG78" s="542"/>
      <c r="AH78" s="549"/>
      <c r="AI78" s="550"/>
      <c r="AJ78" s="551"/>
      <c r="AK78" s="265"/>
      <c r="AL78" s="38"/>
      <c r="AM78" s="16"/>
      <c r="AN78" s="3" t="str">
        <f t="shared" si="3"/>
        <v>■</v>
      </c>
    </row>
    <row r="79" spans="1:40" s="28" customFormat="1">
      <c r="A79" s="20" t="str">
        <f t="shared" si="0"/>
        <v>RE</v>
      </c>
      <c r="B79" s="51"/>
      <c r="C79" s="552">
        <v>14</v>
      </c>
      <c r="D79" s="553"/>
      <c r="E79" s="554" t="s">
        <v>760</v>
      </c>
      <c r="F79" s="555"/>
      <c r="G79" s="555"/>
      <c r="H79" s="555"/>
      <c r="I79" s="555"/>
      <c r="J79" s="555"/>
      <c r="K79" s="555"/>
      <c r="L79" s="555"/>
      <c r="M79" s="555"/>
      <c r="N79" s="555"/>
      <c r="O79" s="555"/>
      <c r="P79" s="555"/>
      <c r="Q79" s="555"/>
      <c r="R79" s="555"/>
      <c r="S79" s="555"/>
      <c r="T79" s="556"/>
      <c r="U79" s="259" t="s">
        <v>457</v>
      </c>
      <c r="V79" s="557" t="s">
        <v>107</v>
      </c>
      <c r="W79" s="558"/>
      <c r="X79" s="558"/>
      <c r="Y79" s="558"/>
      <c r="Z79" s="559"/>
      <c r="AA79" s="626" t="s">
        <v>102</v>
      </c>
      <c r="AB79" s="627"/>
      <c r="AC79" s="628"/>
      <c r="AD79" s="419">
        <v>6</v>
      </c>
      <c r="AE79" s="419" t="s">
        <v>103</v>
      </c>
      <c r="AF79" s="552" t="s">
        <v>109</v>
      </c>
      <c r="AG79" s="553"/>
      <c r="AH79" s="560"/>
      <c r="AI79" s="561"/>
      <c r="AJ79" s="562"/>
      <c r="AK79" s="321" t="s">
        <v>391</v>
      </c>
      <c r="AL79" s="38"/>
      <c r="AM79" s="331"/>
      <c r="AN79" s="3" t="str">
        <f t="shared" si="3"/>
        <v>■</v>
      </c>
    </row>
    <row r="80" spans="1:40">
      <c r="A80" s="20" t="str">
        <f t="shared" si="0"/>
        <v>RE</v>
      </c>
      <c r="B80" s="51"/>
      <c r="C80" s="541">
        <v>15</v>
      </c>
      <c r="D80" s="542"/>
      <c r="E80" s="543" t="s">
        <v>458</v>
      </c>
      <c r="F80" s="544"/>
      <c r="G80" s="544"/>
      <c r="H80" s="544"/>
      <c r="I80" s="544"/>
      <c r="J80" s="544"/>
      <c r="K80" s="544"/>
      <c r="L80" s="544"/>
      <c r="M80" s="544"/>
      <c r="N80" s="544"/>
      <c r="O80" s="544"/>
      <c r="P80" s="544"/>
      <c r="Q80" s="544"/>
      <c r="R80" s="544"/>
      <c r="S80" s="544"/>
      <c r="T80" s="545"/>
      <c r="U80" s="221" t="s">
        <v>459</v>
      </c>
      <c r="V80" s="546" t="s">
        <v>107</v>
      </c>
      <c r="W80" s="547"/>
      <c r="X80" s="547"/>
      <c r="Y80" s="547"/>
      <c r="Z80" s="548"/>
      <c r="AA80" s="623" t="s">
        <v>108</v>
      </c>
      <c r="AB80" s="624"/>
      <c r="AC80" s="625"/>
      <c r="AD80" s="415">
        <v>3</v>
      </c>
      <c r="AE80" s="415">
        <v>0</v>
      </c>
      <c r="AF80" s="541"/>
      <c r="AG80" s="542"/>
      <c r="AH80" s="549"/>
      <c r="AI80" s="550"/>
      <c r="AJ80" s="551"/>
      <c r="AK80" s="265"/>
      <c r="AL80" s="38"/>
      <c r="AM80" s="16"/>
      <c r="AN80" s="3" t="str">
        <f t="shared" si="3"/>
        <v>■</v>
      </c>
    </row>
    <row r="81" spans="1:40">
      <c r="A81" s="20" t="str">
        <f t="shared" si="0"/>
        <v>RE</v>
      </c>
      <c r="B81" s="51"/>
      <c r="C81" s="541">
        <v>16</v>
      </c>
      <c r="D81" s="542"/>
      <c r="E81" s="543" t="s">
        <v>460</v>
      </c>
      <c r="F81" s="544"/>
      <c r="G81" s="544"/>
      <c r="H81" s="544"/>
      <c r="I81" s="544"/>
      <c r="J81" s="544"/>
      <c r="K81" s="544"/>
      <c r="L81" s="544"/>
      <c r="M81" s="544"/>
      <c r="N81" s="544"/>
      <c r="O81" s="544"/>
      <c r="P81" s="544"/>
      <c r="Q81" s="544"/>
      <c r="R81" s="544"/>
      <c r="S81" s="544"/>
      <c r="T81" s="545"/>
      <c r="U81" s="221" t="s">
        <v>461</v>
      </c>
      <c r="V81" s="546" t="s">
        <v>107</v>
      </c>
      <c r="W81" s="547"/>
      <c r="X81" s="547"/>
      <c r="Y81" s="547"/>
      <c r="Z81" s="548"/>
      <c r="AA81" s="623" t="s">
        <v>102</v>
      </c>
      <c r="AB81" s="624"/>
      <c r="AC81" s="625"/>
      <c r="AD81" s="415">
        <v>8</v>
      </c>
      <c r="AE81" s="415" t="s">
        <v>103</v>
      </c>
      <c r="AF81" s="541"/>
      <c r="AG81" s="542"/>
      <c r="AH81" s="549"/>
      <c r="AI81" s="550"/>
      <c r="AJ81" s="551"/>
      <c r="AK81" s="265"/>
      <c r="AL81" s="38"/>
      <c r="AM81" s="16"/>
      <c r="AN81" s="3" t="str">
        <f t="shared" si="3"/>
        <v>■</v>
      </c>
    </row>
    <row r="82" spans="1:40">
      <c r="A82" s="20" t="str">
        <f t="shared" si="0"/>
        <v>RE</v>
      </c>
      <c r="B82" s="51"/>
      <c r="C82" s="541">
        <v>17</v>
      </c>
      <c r="D82" s="542"/>
      <c r="E82" s="543" t="s">
        <v>462</v>
      </c>
      <c r="F82" s="544"/>
      <c r="G82" s="544"/>
      <c r="H82" s="544"/>
      <c r="I82" s="544"/>
      <c r="J82" s="544"/>
      <c r="K82" s="544"/>
      <c r="L82" s="544"/>
      <c r="M82" s="544"/>
      <c r="N82" s="544"/>
      <c r="O82" s="544"/>
      <c r="P82" s="544"/>
      <c r="Q82" s="544"/>
      <c r="R82" s="544"/>
      <c r="S82" s="544"/>
      <c r="T82" s="545"/>
      <c r="U82" s="221" t="s">
        <v>463</v>
      </c>
      <c r="V82" s="546" t="s">
        <v>101</v>
      </c>
      <c r="W82" s="547"/>
      <c r="X82" s="547"/>
      <c r="Y82" s="547"/>
      <c r="Z82" s="548"/>
      <c r="AA82" s="623" t="s">
        <v>102</v>
      </c>
      <c r="AB82" s="624"/>
      <c r="AC82" s="625"/>
      <c r="AD82" s="415">
        <v>8</v>
      </c>
      <c r="AE82" s="415" t="s">
        <v>103</v>
      </c>
      <c r="AF82" s="541"/>
      <c r="AG82" s="542"/>
      <c r="AH82" s="549"/>
      <c r="AI82" s="550"/>
      <c r="AJ82" s="551"/>
      <c r="AK82" s="343"/>
      <c r="AL82" s="38"/>
      <c r="AM82" s="16"/>
      <c r="AN82" s="3" t="str">
        <f t="shared" si="3"/>
        <v>■</v>
      </c>
    </row>
    <row r="83" spans="1:40" ht="13.4" customHeight="1">
      <c r="A83" s="20" t="str">
        <f t="shared" si="0"/>
        <v>RE</v>
      </c>
      <c r="B83" s="51"/>
      <c r="C83" s="541">
        <v>18</v>
      </c>
      <c r="D83" s="542"/>
      <c r="E83" s="595" t="s">
        <v>968</v>
      </c>
      <c r="F83" s="596"/>
      <c r="G83" s="596"/>
      <c r="H83" s="596"/>
      <c r="I83" s="596"/>
      <c r="J83" s="596"/>
      <c r="K83" s="596"/>
      <c r="L83" s="596"/>
      <c r="M83" s="596"/>
      <c r="N83" s="596"/>
      <c r="O83" s="596"/>
      <c r="P83" s="596"/>
      <c r="Q83" s="596"/>
      <c r="R83" s="596"/>
      <c r="S83" s="596"/>
      <c r="T83" s="597"/>
      <c r="U83" s="221" t="s">
        <v>465</v>
      </c>
      <c r="V83" s="546" t="s">
        <v>107</v>
      </c>
      <c r="W83" s="547"/>
      <c r="X83" s="547"/>
      <c r="Y83" s="547"/>
      <c r="Z83" s="548"/>
      <c r="AA83" s="623" t="s">
        <v>102</v>
      </c>
      <c r="AB83" s="624"/>
      <c r="AC83" s="625"/>
      <c r="AD83" s="415">
        <v>1</v>
      </c>
      <c r="AE83" s="415" t="s">
        <v>103</v>
      </c>
      <c r="AF83" s="541"/>
      <c r="AG83" s="542"/>
      <c r="AH83" s="549"/>
      <c r="AI83" s="550"/>
      <c r="AJ83" s="551"/>
      <c r="AK83" s="265"/>
      <c r="AL83" s="38"/>
      <c r="AM83" s="16"/>
      <c r="AN83" s="3" t="str">
        <f t="shared" si="3"/>
        <v>■</v>
      </c>
    </row>
    <row r="84" spans="1:40">
      <c r="A84" s="20" t="str">
        <f t="shared" si="0"/>
        <v>RE</v>
      </c>
      <c r="B84" s="51"/>
      <c r="C84" s="541">
        <v>19</v>
      </c>
      <c r="D84" s="542"/>
      <c r="E84" s="543" t="s">
        <v>466</v>
      </c>
      <c r="F84" s="544"/>
      <c r="G84" s="544"/>
      <c r="H84" s="544"/>
      <c r="I84" s="544"/>
      <c r="J84" s="544"/>
      <c r="K84" s="544"/>
      <c r="L84" s="544"/>
      <c r="M84" s="544"/>
      <c r="N84" s="544"/>
      <c r="O84" s="544"/>
      <c r="P84" s="544"/>
      <c r="Q84" s="544"/>
      <c r="R84" s="544"/>
      <c r="S84" s="544"/>
      <c r="T84" s="545"/>
      <c r="U84" s="221" t="s">
        <v>467</v>
      </c>
      <c r="V84" s="546" t="s">
        <v>101</v>
      </c>
      <c r="W84" s="547"/>
      <c r="X84" s="547"/>
      <c r="Y84" s="547"/>
      <c r="Z84" s="548"/>
      <c r="AA84" s="623" t="s">
        <v>102</v>
      </c>
      <c r="AB84" s="624"/>
      <c r="AC84" s="625"/>
      <c r="AD84" s="415">
        <v>10</v>
      </c>
      <c r="AE84" s="415" t="s">
        <v>103</v>
      </c>
      <c r="AF84" s="541"/>
      <c r="AG84" s="542"/>
      <c r="AH84" s="549"/>
      <c r="AI84" s="550"/>
      <c r="AJ84" s="551"/>
      <c r="AK84" s="265"/>
      <c r="AL84" s="38"/>
      <c r="AM84" s="16"/>
      <c r="AN84" s="3" t="str">
        <f t="shared" si="3"/>
        <v>■</v>
      </c>
    </row>
    <row r="85" spans="1:40">
      <c r="A85" s="20" t="str">
        <f t="shared" si="0"/>
        <v>RE</v>
      </c>
      <c r="B85" s="20"/>
      <c r="C85" s="552">
        <v>20</v>
      </c>
      <c r="D85" s="553"/>
      <c r="E85" s="554" t="s">
        <v>400</v>
      </c>
      <c r="F85" s="555"/>
      <c r="G85" s="555"/>
      <c r="H85" s="555"/>
      <c r="I85" s="555"/>
      <c r="J85" s="555"/>
      <c r="K85" s="555"/>
      <c r="L85" s="555"/>
      <c r="M85" s="555"/>
      <c r="N85" s="555"/>
      <c r="O85" s="555"/>
      <c r="P85" s="555"/>
      <c r="Q85" s="555"/>
      <c r="R85" s="555"/>
      <c r="S85" s="555"/>
      <c r="T85" s="556"/>
      <c r="U85" s="259" t="s">
        <v>474</v>
      </c>
      <c r="V85" s="557" t="s">
        <v>107</v>
      </c>
      <c r="W85" s="558"/>
      <c r="X85" s="558"/>
      <c r="Y85" s="558"/>
      <c r="Z85" s="559"/>
      <c r="AA85" s="626" t="s">
        <v>102</v>
      </c>
      <c r="AB85" s="627"/>
      <c r="AC85" s="628"/>
      <c r="AD85" s="419">
        <v>4</v>
      </c>
      <c r="AE85" s="419" t="s">
        <v>103</v>
      </c>
      <c r="AF85" s="552" t="s">
        <v>109</v>
      </c>
      <c r="AG85" s="553"/>
      <c r="AH85" s="560"/>
      <c r="AI85" s="561"/>
      <c r="AJ85" s="562"/>
      <c r="AK85" s="333" t="s">
        <v>399</v>
      </c>
      <c r="AL85" s="38"/>
      <c r="AM85" s="16"/>
      <c r="AN85" s="3" t="str">
        <f t="shared" si="3"/>
        <v>■</v>
      </c>
    </row>
    <row r="86" spans="1:40">
      <c r="A86" s="20" t="str">
        <f t="shared" si="0"/>
        <v>RE</v>
      </c>
      <c r="B86" s="51"/>
      <c r="C86" s="541">
        <v>21</v>
      </c>
      <c r="D86" s="542"/>
      <c r="E86" s="543" t="s">
        <v>472</v>
      </c>
      <c r="F86" s="544"/>
      <c r="G86" s="544"/>
      <c r="H86" s="544"/>
      <c r="I86" s="544"/>
      <c r="J86" s="544"/>
      <c r="K86" s="544"/>
      <c r="L86" s="544"/>
      <c r="M86" s="544"/>
      <c r="N86" s="544"/>
      <c r="O86" s="544"/>
      <c r="P86" s="544"/>
      <c r="Q86" s="544"/>
      <c r="R86" s="544"/>
      <c r="S86" s="544"/>
      <c r="T86" s="545"/>
      <c r="U86" s="221" t="s">
        <v>473</v>
      </c>
      <c r="V86" s="546" t="s">
        <v>107</v>
      </c>
      <c r="W86" s="547"/>
      <c r="X86" s="547"/>
      <c r="Y86" s="547"/>
      <c r="Z86" s="548"/>
      <c r="AA86" s="623" t="s">
        <v>108</v>
      </c>
      <c r="AB86" s="624"/>
      <c r="AC86" s="625"/>
      <c r="AD86" s="415">
        <v>2</v>
      </c>
      <c r="AE86" s="415">
        <v>0</v>
      </c>
      <c r="AF86" s="541"/>
      <c r="AG86" s="542"/>
      <c r="AH86" s="549"/>
      <c r="AI86" s="550"/>
      <c r="AJ86" s="551"/>
      <c r="AK86" s="265"/>
      <c r="AL86" s="38"/>
      <c r="AM86" s="16"/>
      <c r="AN86" s="3" t="str">
        <f t="shared" si="3"/>
        <v>■</v>
      </c>
    </row>
    <row r="87" spans="1:40">
      <c r="A87" s="20" t="str">
        <f t="shared" si="0"/>
        <v>RE</v>
      </c>
      <c r="B87" s="20"/>
      <c r="C87" s="552">
        <v>22</v>
      </c>
      <c r="D87" s="553"/>
      <c r="E87" s="554" t="s">
        <v>402</v>
      </c>
      <c r="F87" s="555"/>
      <c r="G87" s="555"/>
      <c r="H87" s="555"/>
      <c r="I87" s="555"/>
      <c r="J87" s="555"/>
      <c r="K87" s="555"/>
      <c r="L87" s="555"/>
      <c r="M87" s="555"/>
      <c r="N87" s="555"/>
      <c r="O87" s="555"/>
      <c r="P87" s="555"/>
      <c r="Q87" s="555"/>
      <c r="R87" s="555"/>
      <c r="S87" s="555"/>
      <c r="T87" s="556"/>
      <c r="U87" s="259" t="s">
        <v>475</v>
      </c>
      <c r="V87" s="557" t="s">
        <v>107</v>
      </c>
      <c r="W87" s="558"/>
      <c r="X87" s="558"/>
      <c r="Y87" s="558"/>
      <c r="Z87" s="559"/>
      <c r="AA87" s="626" t="s">
        <v>102</v>
      </c>
      <c r="AB87" s="627"/>
      <c r="AC87" s="628"/>
      <c r="AD87" s="419">
        <v>1</v>
      </c>
      <c r="AE87" s="419" t="s">
        <v>103</v>
      </c>
      <c r="AF87" s="552" t="s">
        <v>109</v>
      </c>
      <c r="AG87" s="553"/>
      <c r="AH87" s="560"/>
      <c r="AI87" s="561"/>
      <c r="AJ87" s="562"/>
      <c r="AK87" s="333" t="s">
        <v>399</v>
      </c>
      <c r="AL87" s="38"/>
      <c r="AM87" s="16"/>
      <c r="AN87" s="3" t="str">
        <f t="shared" si="3"/>
        <v>■</v>
      </c>
    </row>
    <row r="88" spans="1:40">
      <c r="A88" s="20" t="str">
        <f t="shared" si="0"/>
        <v>RE</v>
      </c>
      <c r="B88" s="20"/>
      <c r="C88" s="552">
        <v>23</v>
      </c>
      <c r="D88" s="553"/>
      <c r="E88" s="554" t="s">
        <v>404</v>
      </c>
      <c r="F88" s="555"/>
      <c r="G88" s="555"/>
      <c r="H88" s="555"/>
      <c r="I88" s="555"/>
      <c r="J88" s="555"/>
      <c r="K88" s="555"/>
      <c r="L88" s="555"/>
      <c r="M88" s="555"/>
      <c r="N88" s="555"/>
      <c r="O88" s="555"/>
      <c r="P88" s="555"/>
      <c r="Q88" s="555"/>
      <c r="R88" s="555"/>
      <c r="S88" s="555"/>
      <c r="T88" s="556"/>
      <c r="U88" s="259" t="s">
        <v>765</v>
      </c>
      <c r="V88" s="557" t="s">
        <v>107</v>
      </c>
      <c r="W88" s="558"/>
      <c r="X88" s="558"/>
      <c r="Y88" s="558"/>
      <c r="Z88" s="559"/>
      <c r="AA88" s="626" t="s">
        <v>102</v>
      </c>
      <c r="AB88" s="627"/>
      <c r="AC88" s="628"/>
      <c r="AD88" s="419">
        <v>1</v>
      </c>
      <c r="AE88" s="419" t="s">
        <v>103</v>
      </c>
      <c r="AF88" s="552" t="s">
        <v>109</v>
      </c>
      <c r="AG88" s="553"/>
      <c r="AH88" s="560"/>
      <c r="AI88" s="561"/>
      <c r="AJ88" s="562"/>
      <c r="AK88" s="333" t="s">
        <v>399</v>
      </c>
      <c r="AL88" s="38"/>
      <c r="AM88" s="16"/>
      <c r="AN88" s="3" t="str">
        <f t="shared" si="3"/>
        <v>■</v>
      </c>
    </row>
    <row r="89" spans="1:40">
      <c r="A89" s="20" t="str">
        <f t="shared" si="0"/>
        <v>RE</v>
      </c>
      <c r="B89" s="51"/>
      <c r="C89" s="552">
        <v>24</v>
      </c>
      <c r="D89" s="553"/>
      <c r="E89" s="554" t="s">
        <v>969</v>
      </c>
      <c r="F89" s="555"/>
      <c r="G89" s="555"/>
      <c r="H89" s="555"/>
      <c r="I89" s="555"/>
      <c r="J89" s="555"/>
      <c r="K89" s="555"/>
      <c r="L89" s="555"/>
      <c r="M89" s="555"/>
      <c r="N89" s="555"/>
      <c r="O89" s="555"/>
      <c r="P89" s="555"/>
      <c r="Q89" s="555"/>
      <c r="R89" s="555"/>
      <c r="S89" s="555"/>
      <c r="T89" s="556"/>
      <c r="U89" s="259" t="s">
        <v>477</v>
      </c>
      <c r="V89" s="557" t="s">
        <v>107</v>
      </c>
      <c r="W89" s="558"/>
      <c r="X89" s="558"/>
      <c r="Y89" s="558"/>
      <c r="Z89" s="559"/>
      <c r="AA89" s="626" t="s">
        <v>102</v>
      </c>
      <c r="AB89" s="627"/>
      <c r="AC89" s="628"/>
      <c r="AD89" s="419">
        <v>2</v>
      </c>
      <c r="AE89" s="419" t="s">
        <v>103</v>
      </c>
      <c r="AF89" s="552" t="s">
        <v>109</v>
      </c>
      <c r="AG89" s="553"/>
      <c r="AH89" s="560"/>
      <c r="AI89" s="561"/>
      <c r="AJ89" s="562"/>
      <c r="AK89" s="321" t="s">
        <v>391</v>
      </c>
      <c r="AL89" s="38"/>
      <c r="AM89" s="16"/>
      <c r="AN89" s="3" t="str">
        <f t="shared" si="3"/>
        <v>■</v>
      </c>
    </row>
    <row r="90" spans="1:40">
      <c r="A90" s="20" t="str">
        <f t="shared" ref="A90:A111" si="4">IF(LEN(J90)&gt;0,MID(J90,FIND("（",J90,1)+1,2),A89)</f>
        <v>RE</v>
      </c>
      <c r="B90" s="51"/>
      <c r="C90" s="541">
        <v>25</v>
      </c>
      <c r="D90" s="542"/>
      <c r="E90" s="543" t="s">
        <v>970</v>
      </c>
      <c r="F90" s="544"/>
      <c r="G90" s="544"/>
      <c r="H90" s="544"/>
      <c r="I90" s="544"/>
      <c r="J90" s="544"/>
      <c r="K90" s="544"/>
      <c r="L90" s="544"/>
      <c r="M90" s="544"/>
      <c r="N90" s="544"/>
      <c r="O90" s="544"/>
      <c r="P90" s="544"/>
      <c r="Q90" s="544"/>
      <c r="R90" s="544"/>
      <c r="S90" s="544"/>
      <c r="T90" s="545"/>
      <c r="U90" s="221" t="s">
        <v>971</v>
      </c>
      <c r="V90" s="546" t="s">
        <v>107</v>
      </c>
      <c r="W90" s="547"/>
      <c r="X90" s="547"/>
      <c r="Y90" s="547"/>
      <c r="Z90" s="548"/>
      <c r="AA90" s="623" t="s">
        <v>102</v>
      </c>
      <c r="AB90" s="624"/>
      <c r="AC90" s="625"/>
      <c r="AD90" s="415">
        <v>1</v>
      </c>
      <c r="AE90" s="415" t="s">
        <v>103</v>
      </c>
      <c r="AF90" s="541"/>
      <c r="AG90" s="542"/>
      <c r="AH90" s="549"/>
      <c r="AI90" s="550"/>
      <c r="AJ90" s="551"/>
      <c r="AK90" s="265"/>
      <c r="AL90" s="38"/>
      <c r="AM90" s="16"/>
      <c r="AN90" s="3" t="str">
        <f t="shared" si="3"/>
        <v>■</v>
      </c>
    </row>
    <row r="91" spans="1:40">
      <c r="A91" s="20" t="str">
        <f t="shared" si="4"/>
        <v>RE</v>
      </c>
      <c r="B91" s="51"/>
      <c r="C91" s="541">
        <v>26</v>
      </c>
      <c r="D91" s="542"/>
      <c r="E91" s="543" t="s">
        <v>972</v>
      </c>
      <c r="F91" s="544"/>
      <c r="G91" s="544"/>
      <c r="H91" s="544"/>
      <c r="I91" s="544"/>
      <c r="J91" s="544"/>
      <c r="K91" s="544"/>
      <c r="L91" s="544"/>
      <c r="M91" s="544"/>
      <c r="N91" s="544"/>
      <c r="O91" s="544"/>
      <c r="P91" s="544"/>
      <c r="Q91" s="544"/>
      <c r="R91" s="544"/>
      <c r="S91" s="544"/>
      <c r="T91" s="545"/>
      <c r="U91" s="221" t="s">
        <v>973</v>
      </c>
      <c r="V91" s="546" t="s">
        <v>107</v>
      </c>
      <c r="W91" s="547"/>
      <c r="X91" s="547"/>
      <c r="Y91" s="547"/>
      <c r="Z91" s="548"/>
      <c r="AA91" s="623" t="s">
        <v>108</v>
      </c>
      <c r="AB91" s="624"/>
      <c r="AC91" s="625"/>
      <c r="AD91" s="415">
        <v>2</v>
      </c>
      <c r="AE91" s="415">
        <v>0</v>
      </c>
      <c r="AF91" s="541"/>
      <c r="AG91" s="542"/>
      <c r="AH91" s="549"/>
      <c r="AI91" s="550"/>
      <c r="AJ91" s="551"/>
      <c r="AK91" s="344"/>
      <c r="AL91" s="38"/>
      <c r="AM91" s="16"/>
      <c r="AN91" s="3" t="str">
        <f t="shared" si="3"/>
        <v>■</v>
      </c>
    </row>
    <row r="92" spans="1:40">
      <c r="A92" s="20" t="str">
        <f t="shared" si="4"/>
        <v>RE</v>
      </c>
      <c r="B92" s="20"/>
      <c r="C92" s="552">
        <v>27</v>
      </c>
      <c r="D92" s="553"/>
      <c r="E92" s="554" t="s">
        <v>478</v>
      </c>
      <c r="F92" s="555"/>
      <c r="G92" s="555"/>
      <c r="H92" s="555"/>
      <c r="I92" s="555"/>
      <c r="J92" s="555"/>
      <c r="K92" s="555"/>
      <c r="L92" s="555"/>
      <c r="M92" s="555"/>
      <c r="N92" s="555"/>
      <c r="O92" s="555"/>
      <c r="P92" s="555"/>
      <c r="Q92" s="555"/>
      <c r="R92" s="555"/>
      <c r="S92" s="555"/>
      <c r="T92" s="556"/>
      <c r="U92" s="220" t="s">
        <v>479</v>
      </c>
      <c r="V92" s="557" t="s">
        <v>107</v>
      </c>
      <c r="W92" s="558"/>
      <c r="X92" s="558"/>
      <c r="Y92" s="558"/>
      <c r="Z92" s="559"/>
      <c r="AA92" s="626" t="s">
        <v>102</v>
      </c>
      <c r="AB92" s="627"/>
      <c r="AC92" s="628"/>
      <c r="AD92" s="419">
        <v>30</v>
      </c>
      <c r="AE92" s="419" t="s">
        <v>103</v>
      </c>
      <c r="AF92" s="552" t="s">
        <v>109</v>
      </c>
      <c r="AG92" s="553"/>
      <c r="AH92" s="560"/>
      <c r="AI92" s="561"/>
      <c r="AJ92" s="562"/>
      <c r="AK92" s="321" t="s">
        <v>480</v>
      </c>
      <c r="AL92" s="38"/>
      <c r="AM92" s="16"/>
      <c r="AN92" s="3" t="str">
        <f t="shared" si="3"/>
        <v>■</v>
      </c>
    </row>
    <row r="93" spans="1:40" ht="13" customHeight="1">
      <c r="A93" s="20" t="str">
        <f t="shared" si="4"/>
        <v>RE</v>
      </c>
      <c r="B93" s="20"/>
      <c r="C93" s="552">
        <v>28</v>
      </c>
      <c r="D93" s="553"/>
      <c r="E93" s="554" t="s">
        <v>974</v>
      </c>
      <c r="F93" s="555"/>
      <c r="G93" s="555"/>
      <c r="H93" s="555"/>
      <c r="I93" s="555"/>
      <c r="J93" s="555"/>
      <c r="K93" s="555"/>
      <c r="L93" s="555"/>
      <c r="M93" s="555"/>
      <c r="N93" s="555"/>
      <c r="O93" s="555"/>
      <c r="P93" s="555"/>
      <c r="Q93" s="555"/>
      <c r="R93" s="555"/>
      <c r="S93" s="555"/>
      <c r="T93" s="556"/>
      <c r="U93" s="220" t="s">
        <v>482</v>
      </c>
      <c r="V93" s="557" t="s">
        <v>107</v>
      </c>
      <c r="W93" s="558"/>
      <c r="X93" s="558"/>
      <c r="Y93" s="558"/>
      <c r="Z93" s="559"/>
      <c r="AA93" s="626" t="s">
        <v>102</v>
      </c>
      <c r="AB93" s="627"/>
      <c r="AC93" s="628"/>
      <c r="AD93" s="419">
        <v>5</v>
      </c>
      <c r="AE93" s="419" t="s">
        <v>103</v>
      </c>
      <c r="AF93" s="552" t="s">
        <v>109</v>
      </c>
      <c r="AG93" s="553"/>
      <c r="AH93" s="560"/>
      <c r="AI93" s="561"/>
      <c r="AJ93" s="562"/>
      <c r="AK93" s="321" t="s">
        <v>480</v>
      </c>
      <c r="AL93" s="38"/>
      <c r="AM93" s="16"/>
      <c r="AN93" s="3" t="str">
        <f t="shared" si="3"/>
        <v>■</v>
      </c>
    </row>
    <row r="94" spans="1:40" ht="13.5" customHeight="1">
      <c r="A94" s="20" t="str">
        <f t="shared" si="4"/>
        <v>RE</v>
      </c>
      <c r="B94" s="20"/>
      <c r="C94" s="552">
        <v>29</v>
      </c>
      <c r="D94" s="553"/>
      <c r="E94" s="554" t="s">
        <v>975</v>
      </c>
      <c r="F94" s="555"/>
      <c r="G94" s="555"/>
      <c r="H94" s="555"/>
      <c r="I94" s="555"/>
      <c r="J94" s="555"/>
      <c r="K94" s="555"/>
      <c r="L94" s="555"/>
      <c r="M94" s="555"/>
      <c r="N94" s="555"/>
      <c r="O94" s="555"/>
      <c r="P94" s="555"/>
      <c r="Q94" s="555"/>
      <c r="R94" s="555"/>
      <c r="S94" s="555"/>
      <c r="T94" s="556"/>
      <c r="U94" s="259" t="s">
        <v>484</v>
      </c>
      <c r="V94" s="569" t="s">
        <v>485</v>
      </c>
      <c r="W94" s="594"/>
      <c r="X94" s="594"/>
      <c r="Y94" s="594"/>
      <c r="Z94" s="570"/>
      <c r="AA94" s="635" t="s">
        <v>102</v>
      </c>
      <c r="AB94" s="636"/>
      <c r="AC94" s="637"/>
      <c r="AD94" s="419">
        <v>40</v>
      </c>
      <c r="AE94" s="419" t="s">
        <v>103</v>
      </c>
      <c r="AF94" s="552" t="s">
        <v>109</v>
      </c>
      <c r="AG94" s="553"/>
      <c r="AH94" s="560"/>
      <c r="AI94" s="561"/>
      <c r="AJ94" s="562"/>
      <c r="AK94" s="333" t="s">
        <v>399</v>
      </c>
      <c r="AL94" s="38"/>
      <c r="AM94" s="16"/>
      <c r="AN94" s="3" t="str">
        <f t="shared" si="3"/>
        <v>■</v>
      </c>
    </row>
    <row r="95" spans="1:40">
      <c r="A95" s="20" t="str">
        <f t="shared" si="4"/>
        <v>RE</v>
      </c>
      <c r="B95" s="51"/>
      <c r="C95" s="541">
        <v>30</v>
      </c>
      <c r="D95" s="542"/>
      <c r="E95" s="543" t="s">
        <v>486</v>
      </c>
      <c r="F95" s="544"/>
      <c r="G95" s="544"/>
      <c r="H95" s="544"/>
      <c r="I95" s="544"/>
      <c r="J95" s="544"/>
      <c r="K95" s="544"/>
      <c r="L95" s="544"/>
      <c r="M95" s="544"/>
      <c r="N95" s="544"/>
      <c r="O95" s="544"/>
      <c r="P95" s="544"/>
      <c r="Q95" s="544"/>
      <c r="R95" s="544"/>
      <c r="S95" s="544"/>
      <c r="T95" s="545"/>
      <c r="U95" s="221" t="s">
        <v>487</v>
      </c>
      <c r="V95" s="546" t="s">
        <v>107</v>
      </c>
      <c r="W95" s="547"/>
      <c r="X95" s="547"/>
      <c r="Y95" s="547"/>
      <c r="Z95" s="548"/>
      <c r="AA95" s="623" t="s">
        <v>102</v>
      </c>
      <c r="AB95" s="624"/>
      <c r="AC95" s="625"/>
      <c r="AD95" s="415">
        <v>2</v>
      </c>
      <c r="AE95" s="415" t="s">
        <v>103</v>
      </c>
      <c r="AF95" s="541"/>
      <c r="AG95" s="542"/>
      <c r="AH95" s="549"/>
      <c r="AI95" s="550"/>
      <c r="AJ95" s="551"/>
      <c r="AK95" s="265"/>
      <c r="AL95" s="38"/>
      <c r="AM95" s="16"/>
      <c r="AN95" s="3" t="str">
        <f t="shared" si="3"/>
        <v>■</v>
      </c>
    </row>
    <row r="96" spans="1:40">
      <c r="A96" s="20" t="str">
        <f t="shared" si="4"/>
        <v>RE</v>
      </c>
      <c r="B96" s="51"/>
      <c r="C96" s="541">
        <v>31</v>
      </c>
      <c r="D96" s="542"/>
      <c r="E96" s="543" t="s">
        <v>488</v>
      </c>
      <c r="F96" s="544"/>
      <c r="G96" s="544"/>
      <c r="H96" s="544"/>
      <c r="I96" s="544"/>
      <c r="J96" s="544"/>
      <c r="K96" s="544"/>
      <c r="L96" s="544"/>
      <c r="M96" s="544"/>
      <c r="N96" s="544"/>
      <c r="O96" s="544"/>
      <c r="P96" s="544"/>
      <c r="Q96" s="544"/>
      <c r="R96" s="544"/>
      <c r="S96" s="544"/>
      <c r="T96" s="545"/>
      <c r="U96" s="221" t="s">
        <v>489</v>
      </c>
      <c r="V96" s="546" t="s">
        <v>107</v>
      </c>
      <c r="W96" s="547"/>
      <c r="X96" s="547"/>
      <c r="Y96" s="547"/>
      <c r="Z96" s="548"/>
      <c r="AA96" s="623" t="s">
        <v>102</v>
      </c>
      <c r="AB96" s="624"/>
      <c r="AC96" s="625"/>
      <c r="AD96" s="415">
        <v>3</v>
      </c>
      <c r="AE96" s="415" t="s">
        <v>103</v>
      </c>
      <c r="AF96" s="541"/>
      <c r="AG96" s="542"/>
      <c r="AH96" s="549"/>
      <c r="AI96" s="550"/>
      <c r="AJ96" s="551"/>
      <c r="AK96" s="265"/>
      <c r="AL96" s="38"/>
      <c r="AM96" s="16"/>
      <c r="AN96" s="3" t="str">
        <f t="shared" si="3"/>
        <v>■</v>
      </c>
    </row>
    <row r="97" spans="1:40">
      <c r="A97" s="20" t="str">
        <f t="shared" si="4"/>
        <v>RE</v>
      </c>
      <c r="B97" s="51"/>
      <c r="C97" s="541">
        <v>32</v>
      </c>
      <c r="D97" s="542"/>
      <c r="E97" s="543" t="s">
        <v>490</v>
      </c>
      <c r="F97" s="544"/>
      <c r="G97" s="544"/>
      <c r="H97" s="544"/>
      <c r="I97" s="544"/>
      <c r="J97" s="544"/>
      <c r="K97" s="544"/>
      <c r="L97" s="544"/>
      <c r="M97" s="544"/>
      <c r="N97" s="544"/>
      <c r="O97" s="544"/>
      <c r="P97" s="544"/>
      <c r="Q97" s="544"/>
      <c r="R97" s="544"/>
      <c r="S97" s="544"/>
      <c r="T97" s="545"/>
      <c r="U97" s="221" t="s">
        <v>491</v>
      </c>
      <c r="V97" s="546" t="s">
        <v>107</v>
      </c>
      <c r="W97" s="547"/>
      <c r="X97" s="547"/>
      <c r="Y97" s="547"/>
      <c r="Z97" s="548"/>
      <c r="AA97" s="623" t="s">
        <v>102</v>
      </c>
      <c r="AB97" s="624"/>
      <c r="AC97" s="625"/>
      <c r="AD97" s="415">
        <v>3</v>
      </c>
      <c r="AE97" s="415" t="s">
        <v>103</v>
      </c>
      <c r="AF97" s="541"/>
      <c r="AG97" s="542"/>
      <c r="AH97" s="549"/>
      <c r="AI97" s="550"/>
      <c r="AJ97" s="551"/>
      <c r="AK97" s="265"/>
      <c r="AL97" s="38"/>
      <c r="AM97" s="16"/>
      <c r="AN97" s="3" t="str">
        <f t="shared" si="3"/>
        <v>■</v>
      </c>
    </row>
    <row r="98" spans="1:40">
      <c r="A98" s="20" t="str">
        <f t="shared" si="4"/>
        <v>RE</v>
      </c>
      <c r="B98" s="51"/>
      <c r="C98" s="541">
        <v>33</v>
      </c>
      <c r="D98" s="542"/>
      <c r="E98" s="543" t="s">
        <v>492</v>
      </c>
      <c r="F98" s="544"/>
      <c r="G98" s="544"/>
      <c r="H98" s="544"/>
      <c r="I98" s="544"/>
      <c r="J98" s="544"/>
      <c r="K98" s="544"/>
      <c r="L98" s="544"/>
      <c r="M98" s="544"/>
      <c r="N98" s="544"/>
      <c r="O98" s="544"/>
      <c r="P98" s="544"/>
      <c r="Q98" s="544"/>
      <c r="R98" s="544"/>
      <c r="S98" s="544"/>
      <c r="T98" s="545"/>
      <c r="U98" s="221" t="s">
        <v>493</v>
      </c>
      <c r="V98" s="546" t="s">
        <v>107</v>
      </c>
      <c r="W98" s="547"/>
      <c r="X98" s="547"/>
      <c r="Y98" s="547"/>
      <c r="Z98" s="548"/>
      <c r="AA98" s="623" t="s">
        <v>102</v>
      </c>
      <c r="AB98" s="624"/>
      <c r="AC98" s="625"/>
      <c r="AD98" s="415">
        <v>3</v>
      </c>
      <c r="AE98" s="415" t="s">
        <v>103</v>
      </c>
      <c r="AF98" s="541"/>
      <c r="AG98" s="542"/>
      <c r="AH98" s="549"/>
      <c r="AI98" s="550"/>
      <c r="AJ98" s="551"/>
      <c r="AK98" s="265"/>
      <c r="AL98" s="38"/>
      <c r="AM98" s="16"/>
      <c r="AN98" s="3" t="str">
        <f t="shared" si="3"/>
        <v>■</v>
      </c>
    </row>
    <row r="99" spans="1:40">
      <c r="A99" s="20" t="str">
        <f t="shared" si="4"/>
        <v>RE</v>
      </c>
      <c r="B99" s="51"/>
      <c r="C99" s="541">
        <v>34</v>
      </c>
      <c r="D99" s="542"/>
      <c r="E99" s="543" t="s">
        <v>494</v>
      </c>
      <c r="F99" s="544"/>
      <c r="G99" s="544"/>
      <c r="H99" s="544"/>
      <c r="I99" s="544"/>
      <c r="J99" s="544"/>
      <c r="K99" s="544"/>
      <c r="L99" s="544"/>
      <c r="M99" s="544"/>
      <c r="N99" s="544"/>
      <c r="O99" s="544"/>
      <c r="P99" s="544"/>
      <c r="Q99" s="544"/>
      <c r="R99" s="544"/>
      <c r="S99" s="544"/>
      <c r="T99" s="545"/>
      <c r="U99" s="221" t="s">
        <v>495</v>
      </c>
      <c r="V99" s="546" t="s">
        <v>107</v>
      </c>
      <c r="W99" s="547"/>
      <c r="X99" s="547"/>
      <c r="Y99" s="547"/>
      <c r="Z99" s="548"/>
      <c r="AA99" s="623" t="s">
        <v>102</v>
      </c>
      <c r="AB99" s="624"/>
      <c r="AC99" s="625"/>
      <c r="AD99" s="415">
        <v>3</v>
      </c>
      <c r="AE99" s="415" t="s">
        <v>103</v>
      </c>
      <c r="AF99" s="541"/>
      <c r="AG99" s="542"/>
      <c r="AH99" s="549"/>
      <c r="AI99" s="550"/>
      <c r="AJ99" s="551"/>
      <c r="AK99" s="265"/>
      <c r="AL99" s="38"/>
      <c r="AM99" s="16"/>
      <c r="AN99" s="3" t="str">
        <f t="shared" si="3"/>
        <v>■</v>
      </c>
    </row>
    <row r="100" spans="1:40">
      <c r="A100" s="20" t="str">
        <f t="shared" si="4"/>
        <v>RE</v>
      </c>
      <c r="B100" s="51"/>
      <c r="C100" s="541">
        <v>35</v>
      </c>
      <c r="D100" s="542"/>
      <c r="E100" s="543" t="s">
        <v>411</v>
      </c>
      <c r="F100" s="544"/>
      <c r="G100" s="544"/>
      <c r="H100" s="544"/>
      <c r="I100" s="544"/>
      <c r="J100" s="544"/>
      <c r="K100" s="544"/>
      <c r="L100" s="544"/>
      <c r="M100" s="544"/>
      <c r="N100" s="544"/>
      <c r="O100" s="544"/>
      <c r="P100" s="544"/>
      <c r="Q100" s="544"/>
      <c r="R100" s="544"/>
      <c r="S100" s="544"/>
      <c r="T100" s="545"/>
      <c r="U100" s="222" t="s">
        <v>516</v>
      </c>
      <c r="V100" s="546" t="s">
        <v>107</v>
      </c>
      <c r="W100" s="547"/>
      <c r="X100" s="547"/>
      <c r="Y100" s="547"/>
      <c r="Z100" s="548"/>
      <c r="AA100" s="623" t="s">
        <v>102</v>
      </c>
      <c r="AB100" s="624"/>
      <c r="AC100" s="625"/>
      <c r="AD100" s="415">
        <v>6</v>
      </c>
      <c r="AE100" s="415" t="s">
        <v>103</v>
      </c>
      <c r="AF100" s="541"/>
      <c r="AG100" s="542"/>
      <c r="AH100" s="549"/>
      <c r="AI100" s="550"/>
      <c r="AJ100" s="551"/>
      <c r="AK100" s="265"/>
      <c r="AL100" s="38"/>
      <c r="AM100" s="16"/>
      <c r="AN100" s="3" t="str">
        <f t="shared" si="3"/>
        <v>■</v>
      </c>
    </row>
    <row r="101" spans="1:40">
      <c r="A101" s="20" t="str">
        <f t="shared" si="4"/>
        <v>RE</v>
      </c>
      <c r="B101" s="51"/>
      <c r="C101" s="541">
        <v>36</v>
      </c>
      <c r="D101" s="542"/>
      <c r="E101" s="543" t="s">
        <v>517</v>
      </c>
      <c r="F101" s="544"/>
      <c r="G101" s="544"/>
      <c r="H101" s="544"/>
      <c r="I101" s="544"/>
      <c r="J101" s="544"/>
      <c r="K101" s="544"/>
      <c r="L101" s="544"/>
      <c r="M101" s="544"/>
      <c r="N101" s="544"/>
      <c r="O101" s="544"/>
      <c r="P101" s="544"/>
      <c r="Q101" s="544"/>
      <c r="R101" s="544"/>
      <c r="S101" s="544"/>
      <c r="T101" s="545"/>
      <c r="U101" s="222" t="s">
        <v>518</v>
      </c>
      <c r="V101" s="546" t="s">
        <v>101</v>
      </c>
      <c r="W101" s="547"/>
      <c r="X101" s="547"/>
      <c r="Y101" s="547"/>
      <c r="Z101" s="548"/>
      <c r="AA101" s="623" t="s">
        <v>102</v>
      </c>
      <c r="AB101" s="624"/>
      <c r="AC101" s="625"/>
      <c r="AD101" s="415">
        <v>3</v>
      </c>
      <c r="AE101" s="415" t="s">
        <v>103</v>
      </c>
      <c r="AF101" s="541"/>
      <c r="AG101" s="542"/>
      <c r="AH101" s="549"/>
      <c r="AI101" s="550"/>
      <c r="AJ101" s="551"/>
      <c r="AK101" s="265"/>
      <c r="AL101" s="38"/>
      <c r="AM101" s="16"/>
      <c r="AN101" s="3" t="str">
        <f t="shared" si="3"/>
        <v>■</v>
      </c>
    </row>
    <row r="102" spans="1:40">
      <c r="A102" s="20" t="str">
        <f t="shared" si="4"/>
        <v>RE</v>
      </c>
      <c r="B102" s="51"/>
      <c r="C102" s="541">
        <v>37</v>
      </c>
      <c r="D102" s="542"/>
      <c r="E102" s="543" t="s">
        <v>519</v>
      </c>
      <c r="F102" s="544"/>
      <c r="G102" s="544"/>
      <c r="H102" s="544"/>
      <c r="I102" s="544"/>
      <c r="J102" s="544"/>
      <c r="K102" s="544"/>
      <c r="L102" s="544"/>
      <c r="M102" s="544"/>
      <c r="N102" s="544"/>
      <c r="O102" s="544"/>
      <c r="P102" s="544"/>
      <c r="Q102" s="544"/>
      <c r="R102" s="544"/>
      <c r="S102" s="544"/>
      <c r="T102" s="545"/>
      <c r="U102" s="222" t="s">
        <v>520</v>
      </c>
      <c r="V102" s="546" t="s">
        <v>101</v>
      </c>
      <c r="W102" s="547"/>
      <c r="X102" s="547"/>
      <c r="Y102" s="547"/>
      <c r="Z102" s="548"/>
      <c r="AA102" s="623" t="s">
        <v>102</v>
      </c>
      <c r="AB102" s="624"/>
      <c r="AC102" s="625"/>
      <c r="AD102" s="415">
        <v>3</v>
      </c>
      <c r="AE102" s="415" t="s">
        <v>103</v>
      </c>
      <c r="AF102" s="541"/>
      <c r="AG102" s="542"/>
      <c r="AH102" s="549"/>
      <c r="AI102" s="550"/>
      <c r="AJ102" s="551"/>
      <c r="AK102" s="265"/>
      <c r="AL102" s="38"/>
      <c r="AM102" s="16"/>
      <c r="AN102" s="3" t="str">
        <f t="shared" si="3"/>
        <v>■</v>
      </c>
    </row>
    <row r="103" spans="1:40">
      <c r="A103" s="20" t="str">
        <f t="shared" si="4"/>
        <v>RE</v>
      </c>
      <c r="B103" s="51"/>
      <c r="C103" s="552">
        <v>38</v>
      </c>
      <c r="D103" s="553"/>
      <c r="E103" s="554" t="s">
        <v>521</v>
      </c>
      <c r="F103" s="555"/>
      <c r="G103" s="555"/>
      <c r="H103" s="555"/>
      <c r="I103" s="555"/>
      <c r="J103" s="555"/>
      <c r="K103" s="555"/>
      <c r="L103" s="555"/>
      <c r="M103" s="555"/>
      <c r="N103" s="555"/>
      <c r="O103" s="555"/>
      <c r="P103" s="555"/>
      <c r="Q103" s="555"/>
      <c r="R103" s="555"/>
      <c r="S103" s="555"/>
      <c r="T103" s="556"/>
      <c r="U103" s="260" t="s">
        <v>522</v>
      </c>
      <c r="V103" s="557" t="s">
        <v>107</v>
      </c>
      <c r="W103" s="558"/>
      <c r="X103" s="558"/>
      <c r="Y103" s="558"/>
      <c r="Z103" s="559"/>
      <c r="AA103" s="626" t="s">
        <v>108</v>
      </c>
      <c r="AB103" s="627"/>
      <c r="AC103" s="628"/>
      <c r="AD103" s="419">
        <v>3</v>
      </c>
      <c r="AE103" s="419">
        <v>0</v>
      </c>
      <c r="AF103" s="552" t="s">
        <v>109</v>
      </c>
      <c r="AG103" s="553"/>
      <c r="AH103" s="560"/>
      <c r="AI103" s="561"/>
      <c r="AJ103" s="562"/>
      <c r="AK103" s="345" t="s">
        <v>391</v>
      </c>
      <c r="AL103" s="38"/>
      <c r="AM103" s="16"/>
      <c r="AN103" s="3" t="str">
        <f t="shared" si="3"/>
        <v>■</v>
      </c>
    </row>
    <row r="104" spans="1:40">
      <c r="A104" s="20" t="str">
        <f t="shared" si="4"/>
        <v>RE</v>
      </c>
      <c r="B104" s="51"/>
      <c r="C104" s="541">
        <v>39</v>
      </c>
      <c r="D104" s="542"/>
      <c r="E104" s="543" t="s">
        <v>523</v>
      </c>
      <c r="F104" s="544"/>
      <c r="G104" s="544"/>
      <c r="H104" s="544"/>
      <c r="I104" s="544"/>
      <c r="J104" s="544"/>
      <c r="K104" s="544"/>
      <c r="L104" s="544"/>
      <c r="M104" s="544"/>
      <c r="N104" s="544"/>
      <c r="O104" s="544"/>
      <c r="P104" s="544"/>
      <c r="Q104" s="544"/>
      <c r="R104" s="544"/>
      <c r="S104" s="544"/>
      <c r="T104" s="545"/>
      <c r="U104" s="222" t="s">
        <v>524</v>
      </c>
      <c r="V104" s="546" t="s">
        <v>101</v>
      </c>
      <c r="W104" s="547"/>
      <c r="X104" s="547"/>
      <c r="Y104" s="547"/>
      <c r="Z104" s="548"/>
      <c r="AA104" s="623" t="s">
        <v>102</v>
      </c>
      <c r="AB104" s="624"/>
      <c r="AC104" s="625"/>
      <c r="AD104" s="415">
        <v>3</v>
      </c>
      <c r="AE104" s="415" t="s">
        <v>103</v>
      </c>
      <c r="AF104" s="541"/>
      <c r="AG104" s="542"/>
      <c r="AH104" s="549"/>
      <c r="AI104" s="550"/>
      <c r="AJ104" s="551"/>
      <c r="AK104" s="265"/>
      <c r="AL104" s="38"/>
      <c r="AM104" s="16"/>
      <c r="AN104" s="3" t="str">
        <f t="shared" si="3"/>
        <v>■</v>
      </c>
    </row>
    <row r="105" spans="1:40">
      <c r="A105" s="20" t="str">
        <f t="shared" si="4"/>
        <v>RE</v>
      </c>
      <c r="B105" s="51"/>
      <c r="C105" s="541">
        <v>40</v>
      </c>
      <c r="D105" s="542"/>
      <c r="E105" s="543" t="s">
        <v>525</v>
      </c>
      <c r="F105" s="544"/>
      <c r="G105" s="544"/>
      <c r="H105" s="544"/>
      <c r="I105" s="544"/>
      <c r="J105" s="544"/>
      <c r="K105" s="544"/>
      <c r="L105" s="544"/>
      <c r="M105" s="544"/>
      <c r="N105" s="544"/>
      <c r="O105" s="544"/>
      <c r="P105" s="544"/>
      <c r="Q105" s="544"/>
      <c r="R105" s="544"/>
      <c r="S105" s="544"/>
      <c r="T105" s="545"/>
      <c r="U105" s="222" t="s">
        <v>526</v>
      </c>
      <c r="V105" s="546" t="s">
        <v>101</v>
      </c>
      <c r="W105" s="547"/>
      <c r="X105" s="547"/>
      <c r="Y105" s="547"/>
      <c r="Z105" s="548"/>
      <c r="AA105" s="623" t="s">
        <v>102</v>
      </c>
      <c r="AB105" s="624"/>
      <c r="AC105" s="625"/>
      <c r="AD105" s="415">
        <v>3</v>
      </c>
      <c r="AE105" s="415" t="s">
        <v>103</v>
      </c>
      <c r="AF105" s="541"/>
      <c r="AG105" s="542"/>
      <c r="AH105" s="549"/>
      <c r="AI105" s="550"/>
      <c r="AJ105" s="551"/>
      <c r="AK105" s="265"/>
      <c r="AL105" s="38"/>
      <c r="AM105" s="16"/>
      <c r="AN105" s="3" t="str">
        <f t="shared" si="3"/>
        <v>■</v>
      </c>
    </row>
    <row r="106" spans="1:40">
      <c r="A106" s="20" t="str">
        <f t="shared" si="4"/>
        <v>RE</v>
      </c>
      <c r="B106" s="51"/>
      <c r="C106" s="541">
        <v>41</v>
      </c>
      <c r="D106" s="542"/>
      <c r="E106" s="543" t="s">
        <v>527</v>
      </c>
      <c r="F106" s="544"/>
      <c r="G106" s="544"/>
      <c r="H106" s="544"/>
      <c r="I106" s="544"/>
      <c r="J106" s="544"/>
      <c r="K106" s="544"/>
      <c r="L106" s="544"/>
      <c r="M106" s="544"/>
      <c r="N106" s="544"/>
      <c r="O106" s="544"/>
      <c r="P106" s="544"/>
      <c r="Q106" s="544"/>
      <c r="R106" s="544"/>
      <c r="S106" s="544"/>
      <c r="T106" s="545"/>
      <c r="U106" s="221" t="s">
        <v>528</v>
      </c>
      <c r="V106" s="546" t="s">
        <v>101</v>
      </c>
      <c r="W106" s="547"/>
      <c r="X106" s="547"/>
      <c r="Y106" s="547"/>
      <c r="Z106" s="548"/>
      <c r="AA106" s="623" t="s">
        <v>102</v>
      </c>
      <c r="AB106" s="624"/>
      <c r="AC106" s="625"/>
      <c r="AD106" s="415">
        <v>64</v>
      </c>
      <c r="AE106" s="415" t="s">
        <v>103</v>
      </c>
      <c r="AF106" s="541"/>
      <c r="AG106" s="542"/>
      <c r="AH106" s="549"/>
      <c r="AI106" s="550"/>
      <c r="AJ106" s="551"/>
      <c r="AK106" s="265"/>
      <c r="AL106" s="38"/>
      <c r="AM106" s="16"/>
      <c r="AN106" s="3" t="str">
        <f t="shared" si="3"/>
        <v>■</v>
      </c>
    </row>
    <row r="107" spans="1:40">
      <c r="A107" s="20" t="str">
        <f t="shared" si="4"/>
        <v>RE</v>
      </c>
      <c r="B107" s="51"/>
      <c r="C107" s="541">
        <v>42</v>
      </c>
      <c r="D107" s="542"/>
      <c r="E107" s="543" t="s">
        <v>529</v>
      </c>
      <c r="F107" s="544"/>
      <c r="G107" s="544"/>
      <c r="H107" s="544"/>
      <c r="I107" s="544"/>
      <c r="J107" s="544"/>
      <c r="K107" s="544"/>
      <c r="L107" s="544"/>
      <c r="M107" s="544"/>
      <c r="N107" s="544"/>
      <c r="O107" s="544"/>
      <c r="P107" s="544"/>
      <c r="Q107" s="544"/>
      <c r="R107" s="544"/>
      <c r="S107" s="544"/>
      <c r="T107" s="545"/>
      <c r="U107" s="222" t="s">
        <v>530</v>
      </c>
      <c r="V107" s="546" t="s">
        <v>107</v>
      </c>
      <c r="W107" s="547"/>
      <c r="X107" s="547"/>
      <c r="Y107" s="547"/>
      <c r="Z107" s="548"/>
      <c r="AA107" s="623" t="s">
        <v>102</v>
      </c>
      <c r="AB107" s="624"/>
      <c r="AC107" s="625"/>
      <c r="AD107" s="415">
        <v>60</v>
      </c>
      <c r="AE107" s="415" t="s">
        <v>103</v>
      </c>
      <c r="AF107" s="541"/>
      <c r="AG107" s="542"/>
      <c r="AH107" s="549"/>
      <c r="AI107" s="550"/>
      <c r="AJ107" s="551"/>
      <c r="AK107" s="265"/>
      <c r="AL107" s="38"/>
      <c r="AM107" s="16"/>
      <c r="AN107" s="3" t="str">
        <f t="shared" si="3"/>
        <v>■</v>
      </c>
    </row>
    <row r="108" spans="1:40">
      <c r="A108" s="20" t="str">
        <f t="shared" si="4"/>
        <v>RE</v>
      </c>
      <c r="B108" s="51"/>
      <c r="C108" s="541">
        <v>43</v>
      </c>
      <c r="D108" s="542"/>
      <c r="E108" s="543" t="s">
        <v>531</v>
      </c>
      <c r="F108" s="544"/>
      <c r="G108" s="544"/>
      <c r="H108" s="544"/>
      <c r="I108" s="544"/>
      <c r="J108" s="544"/>
      <c r="K108" s="544"/>
      <c r="L108" s="544"/>
      <c r="M108" s="544"/>
      <c r="N108" s="544"/>
      <c r="O108" s="544"/>
      <c r="P108" s="544"/>
      <c r="Q108" s="544"/>
      <c r="R108" s="544"/>
      <c r="S108" s="544"/>
      <c r="T108" s="545"/>
      <c r="U108" s="222" t="s">
        <v>532</v>
      </c>
      <c r="V108" s="546" t="s">
        <v>533</v>
      </c>
      <c r="W108" s="547"/>
      <c r="X108" s="547"/>
      <c r="Y108" s="547"/>
      <c r="Z108" s="548"/>
      <c r="AA108" s="623" t="s">
        <v>102</v>
      </c>
      <c r="AB108" s="624"/>
      <c r="AC108" s="625"/>
      <c r="AD108" s="415">
        <v>64</v>
      </c>
      <c r="AE108" s="415" t="s">
        <v>103</v>
      </c>
      <c r="AF108" s="541"/>
      <c r="AG108" s="542"/>
      <c r="AH108" s="549"/>
      <c r="AI108" s="550"/>
      <c r="AJ108" s="551"/>
      <c r="AK108" s="265"/>
      <c r="AL108" s="38"/>
      <c r="AM108" s="16"/>
      <c r="AN108" s="3" t="str">
        <f t="shared" si="3"/>
        <v>■</v>
      </c>
    </row>
    <row r="109" spans="1:40">
      <c r="A109" s="20" t="str">
        <f t="shared" si="4"/>
        <v>RE</v>
      </c>
      <c r="B109" s="51"/>
      <c r="C109" s="541">
        <v>44</v>
      </c>
      <c r="D109" s="542"/>
      <c r="E109" s="543" t="s">
        <v>976</v>
      </c>
      <c r="F109" s="544"/>
      <c r="G109" s="544"/>
      <c r="H109" s="544"/>
      <c r="I109" s="544"/>
      <c r="J109" s="544"/>
      <c r="K109" s="544"/>
      <c r="L109" s="544"/>
      <c r="M109" s="544"/>
      <c r="N109" s="544"/>
      <c r="O109" s="544"/>
      <c r="P109" s="544"/>
      <c r="Q109" s="544"/>
      <c r="R109" s="544"/>
      <c r="S109" s="544"/>
      <c r="T109" s="545"/>
      <c r="U109" s="222" t="s">
        <v>977</v>
      </c>
      <c r="V109" s="546" t="s">
        <v>107</v>
      </c>
      <c r="W109" s="547"/>
      <c r="X109" s="547"/>
      <c r="Y109" s="547"/>
      <c r="Z109" s="548"/>
      <c r="AA109" s="623" t="s">
        <v>108</v>
      </c>
      <c r="AB109" s="624"/>
      <c r="AC109" s="625"/>
      <c r="AD109" s="415">
        <v>2</v>
      </c>
      <c r="AE109" s="415">
        <v>0</v>
      </c>
      <c r="AF109" s="541"/>
      <c r="AG109" s="542"/>
      <c r="AH109" s="549"/>
      <c r="AI109" s="550"/>
      <c r="AJ109" s="551"/>
      <c r="AK109" s="344"/>
      <c r="AL109" s="38"/>
      <c r="AM109" s="16"/>
      <c r="AN109" s="3" t="str">
        <f t="shared" si="3"/>
        <v>■</v>
      </c>
    </row>
    <row r="110" spans="1:40">
      <c r="A110" s="20" t="str">
        <f t="shared" si="4"/>
        <v>RE</v>
      </c>
      <c r="B110" s="51"/>
      <c r="C110" s="541">
        <v>45</v>
      </c>
      <c r="D110" s="542"/>
      <c r="E110" s="543" t="s">
        <v>534</v>
      </c>
      <c r="F110" s="544"/>
      <c r="G110" s="544"/>
      <c r="H110" s="544"/>
      <c r="I110" s="544"/>
      <c r="J110" s="544"/>
      <c r="K110" s="544"/>
      <c r="L110" s="544"/>
      <c r="M110" s="544"/>
      <c r="N110" s="544"/>
      <c r="O110" s="544"/>
      <c r="P110" s="544"/>
      <c r="Q110" s="544"/>
      <c r="R110" s="544"/>
      <c r="S110" s="544"/>
      <c r="T110" s="545"/>
      <c r="U110" s="222" t="s">
        <v>535</v>
      </c>
      <c r="V110" s="546" t="s">
        <v>533</v>
      </c>
      <c r="W110" s="547"/>
      <c r="X110" s="547"/>
      <c r="Y110" s="547"/>
      <c r="Z110" s="548"/>
      <c r="AA110" s="623" t="s">
        <v>102</v>
      </c>
      <c r="AB110" s="624"/>
      <c r="AC110" s="625"/>
      <c r="AD110" s="415">
        <v>7</v>
      </c>
      <c r="AE110" s="415" t="s">
        <v>103</v>
      </c>
      <c r="AF110" s="541"/>
      <c r="AG110" s="542"/>
      <c r="AH110" s="549"/>
      <c r="AI110" s="550"/>
      <c r="AJ110" s="551"/>
      <c r="AK110" s="265" t="s">
        <v>3021</v>
      </c>
      <c r="AL110" s="38"/>
      <c r="AM110" s="16"/>
      <c r="AN110" s="3" t="str">
        <f t="shared" si="3"/>
        <v>■</v>
      </c>
    </row>
    <row r="111" spans="1:40">
      <c r="A111" s="20" t="str">
        <f t="shared" si="4"/>
        <v>RE</v>
      </c>
      <c r="B111" s="51"/>
      <c r="C111" s="541">
        <v>46</v>
      </c>
      <c r="D111" s="542"/>
      <c r="E111" s="543" t="s">
        <v>536</v>
      </c>
      <c r="F111" s="544"/>
      <c r="G111" s="544"/>
      <c r="H111" s="544"/>
      <c r="I111" s="544"/>
      <c r="J111" s="544"/>
      <c r="K111" s="544"/>
      <c r="L111" s="544"/>
      <c r="M111" s="544"/>
      <c r="N111" s="544"/>
      <c r="O111" s="544"/>
      <c r="P111" s="544"/>
      <c r="Q111" s="544"/>
      <c r="R111" s="544"/>
      <c r="S111" s="544"/>
      <c r="T111" s="545"/>
      <c r="U111" s="222" t="s">
        <v>537</v>
      </c>
      <c r="V111" s="546" t="s">
        <v>533</v>
      </c>
      <c r="W111" s="547"/>
      <c r="X111" s="547"/>
      <c r="Y111" s="547"/>
      <c r="Z111" s="548"/>
      <c r="AA111" s="623" t="s">
        <v>102</v>
      </c>
      <c r="AB111" s="624"/>
      <c r="AC111" s="625"/>
      <c r="AD111" s="415">
        <v>5</v>
      </c>
      <c r="AE111" s="415" t="s">
        <v>103</v>
      </c>
      <c r="AF111" s="541"/>
      <c r="AG111" s="542"/>
      <c r="AH111" s="549"/>
      <c r="AI111" s="550"/>
      <c r="AJ111" s="551"/>
      <c r="AK111" s="265" t="s">
        <v>3020</v>
      </c>
      <c r="AL111" s="48"/>
      <c r="AM111" s="16"/>
      <c r="AN111" s="3" t="str">
        <f t="shared" si="3"/>
        <v>■</v>
      </c>
    </row>
    <row r="112" spans="1:40">
      <c r="A112" s="20" t="str">
        <f>IF(LEN(J112)&gt;0,MID(J112,FIND("（",J112,1)+1,2),A110)</f>
        <v>RE</v>
      </c>
      <c r="B112" s="51"/>
      <c r="C112" s="541">
        <v>47</v>
      </c>
      <c r="D112" s="542"/>
      <c r="E112" s="543" t="s">
        <v>538</v>
      </c>
      <c r="F112" s="544"/>
      <c r="G112" s="544"/>
      <c r="H112" s="544"/>
      <c r="I112" s="544"/>
      <c r="J112" s="544"/>
      <c r="K112" s="544"/>
      <c r="L112" s="544"/>
      <c r="M112" s="544"/>
      <c r="N112" s="544"/>
      <c r="O112" s="544"/>
      <c r="P112" s="544"/>
      <c r="Q112" s="544"/>
      <c r="R112" s="544"/>
      <c r="S112" s="544"/>
      <c r="T112" s="545"/>
      <c r="U112" s="222" t="s">
        <v>539</v>
      </c>
      <c r="V112" s="546" t="s">
        <v>533</v>
      </c>
      <c r="W112" s="547"/>
      <c r="X112" s="547"/>
      <c r="Y112" s="547"/>
      <c r="Z112" s="548"/>
      <c r="AA112" s="623" t="s">
        <v>102</v>
      </c>
      <c r="AB112" s="624"/>
      <c r="AC112" s="625"/>
      <c r="AD112" s="415">
        <v>1</v>
      </c>
      <c r="AE112" s="415" t="s">
        <v>103</v>
      </c>
      <c r="AF112" s="541"/>
      <c r="AG112" s="542"/>
      <c r="AH112" s="549"/>
      <c r="AI112" s="550"/>
      <c r="AJ112" s="551"/>
      <c r="AK112" s="265" t="s">
        <v>3020</v>
      </c>
      <c r="AL112" s="48"/>
      <c r="AM112" s="16"/>
      <c r="AN112" s="3" t="str">
        <f t="shared" si="3"/>
        <v>■</v>
      </c>
    </row>
    <row r="113" spans="1:40">
      <c r="A113" s="20" t="str">
        <f>IF(LEN(J113)&gt;0,MID(J113,FIND("（",J113,1)+1,2),A111)</f>
        <v>RE</v>
      </c>
      <c r="B113" s="51"/>
      <c r="C113" s="541">
        <v>48</v>
      </c>
      <c r="D113" s="542"/>
      <c r="E113" s="543" t="s">
        <v>540</v>
      </c>
      <c r="F113" s="544"/>
      <c r="G113" s="544"/>
      <c r="H113" s="544"/>
      <c r="I113" s="544"/>
      <c r="J113" s="544"/>
      <c r="K113" s="544"/>
      <c r="L113" s="544"/>
      <c r="M113" s="544"/>
      <c r="N113" s="544"/>
      <c r="O113" s="544"/>
      <c r="P113" s="544"/>
      <c r="Q113" s="544"/>
      <c r="R113" s="544"/>
      <c r="S113" s="544"/>
      <c r="T113" s="545"/>
      <c r="U113" s="222" t="s">
        <v>541</v>
      </c>
      <c r="V113" s="546" t="s">
        <v>542</v>
      </c>
      <c r="W113" s="547"/>
      <c r="X113" s="547"/>
      <c r="Y113" s="547"/>
      <c r="Z113" s="548"/>
      <c r="AA113" s="623" t="s">
        <v>102</v>
      </c>
      <c r="AB113" s="624"/>
      <c r="AC113" s="625"/>
      <c r="AD113" s="415">
        <v>2</v>
      </c>
      <c r="AE113" s="415" t="s">
        <v>103</v>
      </c>
      <c r="AF113" s="541"/>
      <c r="AG113" s="542"/>
      <c r="AH113" s="549"/>
      <c r="AI113" s="550"/>
      <c r="AJ113" s="551"/>
      <c r="AK113" s="265"/>
      <c r="AL113" s="48"/>
      <c r="AM113" s="16"/>
      <c r="AN113" s="3" t="str">
        <f t="shared" si="3"/>
        <v>■</v>
      </c>
    </row>
    <row r="114" spans="1:40" ht="13.4" customHeight="1">
      <c r="A114" s="20" t="str">
        <f t="shared" ref="A114:A177" si="5">IF(LEN(J114)&gt;0,MID(J114,FIND("（",J114,1)+1,2),A113)</f>
        <v>RE</v>
      </c>
      <c r="B114" s="25"/>
      <c r="C114" s="26"/>
      <c r="D114" s="26"/>
      <c r="E114" s="26"/>
      <c r="F114" s="26"/>
      <c r="G114" s="26"/>
      <c r="H114" s="26"/>
      <c r="I114" s="26"/>
      <c r="J114" s="26"/>
      <c r="K114" s="26"/>
      <c r="L114" s="26"/>
      <c r="M114" s="26"/>
      <c r="N114" s="26"/>
      <c r="O114" s="26"/>
      <c r="P114" s="26"/>
      <c r="Q114" s="26"/>
      <c r="R114" s="26"/>
      <c r="S114" s="26"/>
      <c r="T114" s="26"/>
      <c r="V114" s="122"/>
      <c r="W114" s="122"/>
      <c r="X114" s="122"/>
      <c r="Y114" s="122"/>
      <c r="Z114" s="122"/>
      <c r="AA114" s="634"/>
      <c r="AB114" s="634"/>
      <c r="AC114" s="634"/>
      <c r="AD114" s="122"/>
      <c r="AE114" s="122"/>
      <c r="AF114" s="122"/>
      <c r="AG114" s="122"/>
      <c r="AH114" s="122"/>
      <c r="AI114" s="122"/>
      <c r="AJ114" s="122"/>
      <c r="AK114" s="55"/>
      <c r="AL114" s="37"/>
      <c r="AM114" s="16"/>
    </row>
    <row r="115" spans="1:40" s="1" customFormat="1" ht="13.4" customHeight="1">
      <c r="A115" s="20" t="str">
        <f t="shared" si="5"/>
        <v>HO</v>
      </c>
      <c r="B115" s="20"/>
      <c r="C115" s="52" t="s">
        <v>380</v>
      </c>
      <c r="D115" s="53"/>
      <c r="E115" s="26"/>
      <c r="F115" s="26"/>
      <c r="G115" s="26"/>
      <c r="H115" s="26"/>
      <c r="I115" s="26"/>
      <c r="J115" s="26" t="s">
        <v>543</v>
      </c>
      <c r="K115" s="71"/>
      <c r="L115" s="26"/>
      <c r="M115" s="71"/>
      <c r="N115" s="26"/>
      <c r="O115" s="26"/>
      <c r="P115" s="26"/>
      <c r="Q115" s="26"/>
      <c r="R115" s="26"/>
      <c r="S115" s="26"/>
      <c r="T115" s="26"/>
      <c r="U115" s="26" t="s">
        <v>978</v>
      </c>
      <c r="V115" s="122"/>
      <c r="W115" s="122"/>
      <c r="X115" s="122"/>
      <c r="Y115" s="122"/>
      <c r="Z115" s="122"/>
      <c r="AA115" s="630"/>
      <c r="AB115" s="630"/>
      <c r="AC115" s="630"/>
      <c r="AD115" s="122"/>
      <c r="AE115" s="122"/>
      <c r="AF115" s="122"/>
      <c r="AG115" s="122"/>
      <c r="AH115" s="122"/>
      <c r="AI115" s="122"/>
      <c r="AJ115" s="122"/>
      <c r="AK115" s="26"/>
      <c r="AL115" s="38"/>
      <c r="AM115" s="26"/>
    </row>
    <row r="116" spans="1:40" ht="13.5" customHeight="1">
      <c r="A116" s="20" t="str">
        <f t="shared" si="5"/>
        <v>HO</v>
      </c>
      <c r="B116" s="51"/>
      <c r="C116" s="583" t="s">
        <v>73</v>
      </c>
      <c r="D116" s="573"/>
      <c r="E116" s="583" t="s">
        <v>94</v>
      </c>
      <c r="F116" s="583"/>
      <c r="G116" s="583"/>
      <c r="H116" s="583"/>
      <c r="I116" s="583"/>
      <c r="J116" s="583"/>
      <c r="K116" s="583"/>
      <c r="L116" s="583"/>
      <c r="M116" s="583"/>
      <c r="N116" s="583"/>
      <c r="O116" s="583"/>
      <c r="P116" s="583"/>
      <c r="Q116" s="583"/>
      <c r="R116" s="583"/>
      <c r="S116" s="583"/>
      <c r="T116" s="583"/>
      <c r="U116" s="226" t="s">
        <v>383</v>
      </c>
      <c r="V116" s="572" t="s">
        <v>138</v>
      </c>
      <c r="W116" s="572"/>
      <c r="X116" s="572"/>
      <c r="Y116" s="572"/>
      <c r="Z116" s="572"/>
      <c r="AA116" s="575" t="s">
        <v>959</v>
      </c>
      <c r="AB116" s="576"/>
      <c r="AC116" s="577"/>
      <c r="AD116" s="572" t="s">
        <v>97</v>
      </c>
      <c r="AE116" s="572"/>
      <c r="AF116" s="572" t="s">
        <v>98</v>
      </c>
      <c r="AG116" s="572"/>
      <c r="AH116" s="583" t="s">
        <v>75</v>
      </c>
      <c r="AI116" s="583"/>
      <c r="AJ116" s="583"/>
      <c r="AK116" s="621" t="s">
        <v>159</v>
      </c>
      <c r="AL116" s="38"/>
      <c r="AM116" s="16"/>
    </row>
    <row r="117" spans="1:40" ht="13.4" customHeight="1">
      <c r="A117" s="20" t="str">
        <f t="shared" si="5"/>
        <v>HO</v>
      </c>
      <c r="B117" s="51"/>
      <c r="C117" s="573"/>
      <c r="D117" s="573"/>
      <c r="E117" s="583"/>
      <c r="F117" s="583"/>
      <c r="G117" s="583"/>
      <c r="H117" s="583"/>
      <c r="I117" s="583"/>
      <c r="J117" s="583"/>
      <c r="K117" s="583"/>
      <c r="L117" s="583"/>
      <c r="M117" s="583"/>
      <c r="N117" s="583"/>
      <c r="O117" s="583"/>
      <c r="P117" s="583"/>
      <c r="Q117" s="583"/>
      <c r="R117" s="583"/>
      <c r="S117" s="583"/>
      <c r="T117" s="583"/>
      <c r="U117" s="227"/>
      <c r="V117" s="572"/>
      <c r="W117" s="572"/>
      <c r="X117" s="572"/>
      <c r="Y117" s="572"/>
      <c r="Z117" s="572"/>
      <c r="AA117" s="578"/>
      <c r="AB117" s="579"/>
      <c r="AC117" s="580"/>
      <c r="AD117" s="572"/>
      <c r="AE117" s="572"/>
      <c r="AF117" s="572"/>
      <c r="AG117" s="572"/>
      <c r="AH117" s="583"/>
      <c r="AI117" s="583"/>
      <c r="AJ117" s="583"/>
      <c r="AK117" s="622"/>
      <c r="AL117" s="38"/>
      <c r="AM117" s="16"/>
    </row>
    <row r="118" spans="1:40" ht="13.4" customHeight="1">
      <c r="A118" s="20" t="str">
        <f t="shared" si="5"/>
        <v>HO</v>
      </c>
      <c r="B118" s="51"/>
      <c r="C118" s="541">
        <v>1</v>
      </c>
      <c r="D118" s="542"/>
      <c r="E118" s="563" t="s">
        <v>440</v>
      </c>
      <c r="F118" s="564"/>
      <c r="G118" s="564"/>
      <c r="H118" s="564"/>
      <c r="I118" s="564"/>
      <c r="J118" s="564"/>
      <c r="K118" s="564"/>
      <c r="L118" s="564"/>
      <c r="M118" s="564"/>
      <c r="N118" s="564"/>
      <c r="O118" s="564"/>
      <c r="P118" s="564"/>
      <c r="Q118" s="564"/>
      <c r="R118" s="564"/>
      <c r="S118" s="564"/>
      <c r="T118" s="565"/>
      <c r="U118" s="219" t="s">
        <v>441</v>
      </c>
      <c r="V118" s="546" t="s">
        <v>101</v>
      </c>
      <c r="W118" s="547"/>
      <c r="X118" s="547"/>
      <c r="Y118" s="547"/>
      <c r="Z118" s="548"/>
      <c r="AA118" s="623" t="s">
        <v>102</v>
      </c>
      <c r="AB118" s="624"/>
      <c r="AC118" s="625"/>
      <c r="AD118" s="415">
        <v>10</v>
      </c>
      <c r="AE118" s="415" t="s">
        <v>103</v>
      </c>
      <c r="AF118" s="541"/>
      <c r="AG118" s="542"/>
      <c r="AH118" s="549"/>
      <c r="AI118" s="550"/>
      <c r="AJ118" s="551"/>
      <c r="AK118" s="343"/>
      <c r="AL118" s="38"/>
      <c r="AM118" s="16"/>
      <c r="AN118" s="3" t="str">
        <f>$P$19</f>
        <v>■</v>
      </c>
    </row>
    <row r="119" spans="1:40" ht="13.4" customHeight="1">
      <c r="A119" s="20" t="str">
        <f t="shared" si="5"/>
        <v>HO</v>
      </c>
      <c r="B119" s="51"/>
      <c r="C119" s="541">
        <v>2</v>
      </c>
      <c r="D119" s="542"/>
      <c r="E119" s="563" t="s">
        <v>442</v>
      </c>
      <c r="F119" s="564"/>
      <c r="G119" s="564"/>
      <c r="H119" s="564"/>
      <c r="I119" s="564"/>
      <c r="J119" s="564"/>
      <c r="K119" s="564"/>
      <c r="L119" s="564"/>
      <c r="M119" s="564"/>
      <c r="N119" s="564"/>
      <c r="O119" s="564"/>
      <c r="P119" s="564"/>
      <c r="Q119" s="564"/>
      <c r="R119" s="564"/>
      <c r="S119" s="564"/>
      <c r="T119" s="565"/>
      <c r="U119" s="219" t="s">
        <v>443</v>
      </c>
      <c r="V119" s="546" t="s">
        <v>101</v>
      </c>
      <c r="W119" s="547"/>
      <c r="X119" s="547"/>
      <c r="Y119" s="547"/>
      <c r="Z119" s="548"/>
      <c r="AA119" s="623" t="s">
        <v>102</v>
      </c>
      <c r="AB119" s="624"/>
      <c r="AC119" s="625"/>
      <c r="AD119" s="415">
        <v>51</v>
      </c>
      <c r="AE119" s="415" t="s">
        <v>103</v>
      </c>
      <c r="AF119" s="541"/>
      <c r="AG119" s="542"/>
      <c r="AH119" s="549"/>
      <c r="AI119" s="550"/>
      <c r="AJ119" s="551"/>
      <c r="AK119" s="343"/>
      <c r="AL119" s="38"/>
      <c r="AM119" s="16"/>
      <c r="AN119" s="3" t="str">
        <f t="shared" ref="AN119:AN141" si="6">$P$19</f>
        <v>■</v>
      </c>
    </row>
    <row r="120" spans="1:40" s="28" customFormat="1" ht="13.4" customHeight="1">
      <c r="A120" s="20" t="str">
        <f t="shared" si="5"/>
        <v>HO</v>
      </c>
      <c r="B120" s="51"/>
      <c r="C120" s="552">
        <v>3</v>
      </c>
      <c r="D120" s="553"/>
      <c r="E120" s="566" t="s">
        <v>106</v>
      </c>
      <c r="F120" s="567"/>
      <c r="G120" s="567"/>
      <c r="H120" s="567"/>
      <c r="I120" s="567"/>
      <c r="J120" s="567"/>
      <c r="K120" s="567"/>
      <c r="L120" s="567"/>
      <c r="M120" s="567"/>
      <c r="N120" s="567"/>
      <c r="O120" s="567"/>
      <c r="P120" s="567"/>
      <c r="Q120" s="567"/>
      <c r="R120" s="567"/>
      <c r="S120" s="567"/>
      <c r="T120" s="568"/>
      <c r="U120" s="220" t="s">
        <v>444</v>
      </c>
      <c r="V120" s="557" t="s">
        <v>107</v>
      </c>
      <c r="W120" s="558"/>
      <c r="X120" s="558"/>
      <c r="Y120" s="558"/>
      <c r="Z120" s="559"/>
      <c r="AA120" s="626" t="s">
        <v>108</v>
      </c>
      <c r="AB120" s="627"/>
      <c r="AC120" s="628"/>
      <c r="AD120" s="419">
        <v>1</v>
      </c>
      <c r="AE120" s="419">
        <v>0</v>
      </c>
      <c r="AF120" s="552" t="s">
        <v>109</v>
      </c>
      <c r="AG120" s="553"/>
      <c r="AH120" s="560"/>
      <c r="AI120" s="561"/>
      <c r="AJ120" s="562"/>
      <c r="AK120" s="321" t="s">
        <v>391</v>
      </c>
      <c r="AL120" s="38"/>
      <c r="AM120" s="331"/>
      <c r="AN120" s="3" t="str">
        <f t="shared" si="6"/>
        <v>■</v>
      </c>
    </row>
    <row r="121" spans="1:40" s="28" customFormat="1" ht="13.4" customHeight="1">
      <c r="A121" s="20" t="str">
        <f t="shared" si="5"/>
        <v>HO</v>
      </c>
      <c r="B121" s="51"/>
      <c r="C121" s="541">
        <v>4</v>
      </c>
      <c r="D121" s="542"/>
      <c r="E121" s="563" t="s">
        <v>110</v>
      </c>
      <c r="F121" s="564"/>
      <c r="G121" s="564"/>
      <c r="H121" s="564"/>
      <c r="I121" s="564"/>
      <c r="J121" s="564"/>
      <c r="K121" s="564"/>
      <c r="L121" s="564"/>
      <c r="M121" s="564"/>
      <c r="N121" s="564"/>
      <c r="O121" s="564"/>
      <c r="P121" s="564"/>
      <c r="Q121" s="564"/>
      <c r="R121" s="564"/>
      <c r="S121" s="564"/>
      <c r="T121" s="565"/>
      <c r="U121" s="221" t="s">
        <v>445</v>
      </c>
      <c r="V121" s="546" t="s">
        <v>107</v>
      </c>
      <c r="W121" s="547"/>
      <c r="X121" s="547"/>
      <c r="Y121" s="547"/>
      <c r="Z121" s="548"/>
      <c r="AA121" s="623" t="s">
        <v>108</v>
      </c>
      <c r="AB121" s="624"/>
      <c r="AC121" s="625"/>
      <c r="AD121" s="415">
        <v>1</v>
      </c>
      <c r="AE121" s="415">
        <v>0</v>
      </c>
      <c r="AF121" s="541"/>
      <c r="AG121" s="542"/>
      <c r="AH121" s="549"/>
      <c r="AI121" s="550"/>
      <c r="AJ121" s="551"/>
      <c r="AK121" s="265"/>
      <c r="AL121" s="38"/>
      <c r="AM121" s="331"/>
      <c r="AN121" s="3" t="str">
        <f t="shared" si="6"/>
        <v>■</v>
      </c>
    </row>
    <row r="122" spans="1:40">
      <c r="A122" s="20" t="str">
        <f t="shared" si="5"/>
        <v>HO</v>
      </c>
      <c r="B122" s="51"/>
      <c r="C122" s="541">
        <v>5</v>
      </c>
      <c r="D122" s="542"/>
      <c r="E122" s="543" t="s">
        <v>80</v>
      </c>
      <c r="F122" s="544"/>
      <c r="G122" s="544"/>
      <c r="H122" s="544"/>
      <c r="I122" s="544"/>
      <c r="J122" s="544"/>
      <c r="K122" s="544"/>
      <c r="L122" s="544"/>
      <c r="M122" s="544"/>
      <c r="N122" s="544"/>
      <c r="O122" s="544"/>
      <c r="P122" s="544"/>
      <c r="Q122" s="544"/>
      <c r="R122" s="544"/>
      <c r="S122" s="544"/>
      <c r="T122" s="545"/>
      <c r="U122" s="221" t="s">
        <v>446</v>
      </c>
      <c r="V122" s="546" t="s">
        <v>101</v>
      </c>
      <c r="W122" s="547"/>
      <c r="X122" s="547"/>
      <c r="Y122" s="547"/>
      <c r="Z122" s="548"/>
      <c r="AA122" s="623" t="s">
        <v>102</v>
      </c>
      <c r="AB122" s="624"/>
      <c r="AC122" s="625"/>
      <c r="AD122" s="415">
        <v>2</v>
      </c>
      <c r="AE122" s="415" t="s">
        <v>103</v>
      </c>
      <c r="AF122" s="541"/>
      <c r="AG122" s="542"/>
      <c r="AH122" s="549"/>
      <c r="AI122" s="550"/>
      <c r="AJ122" s="551"/>
      <c r="AK122" s="265"/>
      <c r="AL122" s="38"/>
      <c r="AM122" s="16"/>
      <c r="AN122" s="3" t="str">
        <f t="shared" si="6"/>
        <v>■</v>
      </c>
    </row>
    <row r="123" spans="1:40" s="28" customFormat="1">
      <c r="A123" s="20" t="str">
        <f t="shared" si="5"/>
        <v>HO</v>
      </c>
      <c r="B123" s="51"/>
      <c r="C123" s="552">
        <v>6</v>
      </c>
      <c r="D123" s="553"/>
      <c r="E123" s="554" t="s">
        <v>545</v>
      </c>
      <c r="F123" s="555"/>
      <c r="G123" s="555"/>
      <c r="H123" s="555"/>
      <c r="I123" s="555"/>
      <c r="J123" s="555"/>
      <c r="K123" s="555"/>
      <c r="L123" s="555"/>
      <c r="M123" s="555"/>
      <c r="N123" s="555"/>
      <c r="O123" s="555"/>
      <c r="P123" s="555"/>
      <c r="Q123" s="555"/>
      <c r="R123" s="555"/>
      <c r="S123" s="555"/>
      <c r="T123" s="556"/>
      <c r="U123" s="259" t="s">
        <v>546</v>
      </c>
      <c r="V123" s="557" t="s">
        <v>101</v>
      </c>
      <c r="W123" s="558"/>
      <c r="X123" s="558"/>
      <c r="Y123" s="558"/>
      <c r="Z123" s="559"/>
      <c r="AA123" s="626" t="s">
        <v>102</v>
      </c>
      <c r="AB123" s="627"/>
      <c r="AC123" s="628"/>
      <c r="AD123" s="419">
        <v>8</v>
      </c>
      <c r="AE123" s="419" t="s">
        <v>103</v>
      </c>
      <c r="AF123" s="552" t="s">
        <v>109</v>
      </c>
      <c r="AG123" s="553"/>
      <c r="AH123" s="560"/>
      <c r="AI123" s="561"/>
      <c r="AJ123" s="562"/>
      <c r="AK123" s="346" t="s">
        <v>391</v>
      </c>
      <c r="AL123" s="38"/>
      <c r="AM123" s="331"/>
      <c r="AN123" s="3" t="str">
        <f t="shared" si="6"/>
        <v>■</v>
      </c>
    </row>
    <row r="124" spans="1:40" s="28" customFormat="1">
      <c r="A124" s="20" t="str">
        <f t="shared" si="5"/>
        <v>HO</v>
      </c>
      <c r="B124" s="51"/>
      <c r="C124" s="552">
        <v>7</v>
      </c>
      <c r="D124" s="553"/>
      <c r="E124" s="554" t="s">
        <v>547</v>
      </c>
      <c r="F124" s="555"/>
      <c r="G124" s="555"/>
      <c r="H124" s="555"/>
      <c r="I124" s="555"/>
      <c r="J124" s="555"/>
      <c r="K124" s="555"/>
      <c r="L124" s="555"/>
      <c r="M124" s="555"/>
      <c r="N124" s="555"/>
      <c r="O124" s="555"/>
      <c r="P124" s="555"/>
      <c r="Q124" s="555"/>
      <c r="R124" s="555"/>
      <c r="S124" s="555"/>
      <c r="T124" s="556"/>
      <c r="U124" s="259" t="s">
        <v>548</v>
      </c>
      <c r="V124" s="557" t="s">
        <v>101</v>
      </c>
      <c r="W124" s="558"/>
      <c r="X124" s="558"/>
      <c r="Y124" s="558"/>
      <c r="Z124" s="559"/>
      <c r="AA124" s="626" t="s">
        <v>102</v>
      </c>
      <c r="AB124" s="627"/>
      <c r="AC124" s="628"/>
      <c r="AD124" s="419">
        <v>8</v>
      </c>
      <c r="AE124" s="419" t="s">
        <v>103</v>
      </c>
      <c r="AF124" s="552" t="s">
        <v>109</v>
      </c>
      <c r="AG124" s="553"/>
      <c r="AH124" s="560"/>
      <c r="AI124" s="561"/>
      <c r="AJ124" s="562"/>
      <c r="AK124" s="346" t="s">
        <v>391</v>
      </c>
      <c r="AL124" s="38"/>
      <c r="AM124" s="331"/>
      <c r="AN124" s="3" t="str">
        <f t="shared" si="6"/>
        <v>■</v>
      </c>
    </row>
    <row r="125" spans="1:40">
      <c r="A125" s="20" t="str">
        <f t="shared" si="5"/>
        <v>HO</v>
      </c>
      <c r="B125" s="51"/>
      <c r="C125" s="541">
        <v>8</v>
      </c>
      <c r="D125" s="542"/>
      <c r="E125" s="543" t="s">
        <v>979</v>
      </c>
      <c r="F125" s="544"/>
      <c r="G125" s="544"/>
      <c r="H125" s="544"/>
      <c r="I125" s="544"/>
      <c r="J125" s="544"/>
      <c r="K125" s="544"/>
      <c r="L125" s="544"/>
      <c r="M125" s="544"/>
      <c r="N125" s="544"/>
      <c r="O125" s="544"/>
      <c r="P125" s="544"/>
      <c r="Q125" s="544"/>
      <c r="R125" s="544"/>
      <c r="S125" s="544"/>
      <c r="T125" s="545"/>
      <c r="U125" s="221" t="s">
        <v>550</v>
      </c>
      <c r="V125" s="546" t="s">
        <v>101</v>
      </c>
      <c r="W125" s="547"/>
      <c r="X125" s="547"/>
      <c r="Y125" s="547"/>
      <c r="Z125" s="548"/>
      <c r="AA125" s="623" t="s">
        <v>102</v>
      </c>
      <c r="AB125" s="624"/>
      <c r="AC125" s="625"/>
      <c r="AD125" s="415">
        <v>8</v>
      </c>
      <c r="AE125" s="415" t="s">
        <v>103</v>
      </c>
      <c r="AF125" s="541"/>
      <c r="AG125" s="542"/>
      <c r="AH125" s="549"/>
      <c r="AI125" s="550"/>
      <c r="AJ125" s="551"/>
      <c r="AK125" s="265" t="s">
        <v>3020</v>
      </c>
      <c r="AL125" s="38"/>
      <c r="AM125" s="16"/>
      <c r="AN125" s="3" t="str">
        <f t="shared" si="6"/>
        <v>■</v>
      </c>
    </row>
    <row r="126" spans="1:40">
      <c r="A126" s="20" t="str">
        <f t="shared" si="5"/>
        <v>HO</v>
      </c>
      <c r="B126" s="51"/>
      <c r="C126" s="541">
        <v>9</v>
      </c>
      <c r="D126" s="542"/>
      <c r="E126" s="543" t="s">
        <v>551</v>
      </c>
      <c r="F126" s="544"/>
      <c r="G126" s="544"/>
      <c r="H126" s="544"/>
      <c r="I126" s="544"/>
      <c r="J126" s="544"/>
      <c r="K126" s="544"/>
      <c r="L126" s="544"/>
      <c r="M126" s="544"/>
      <c r="N126" s="544"/>
      <c r="O126" s="544"/>
      <c r="P126" s="544"/>
      <c r="Q126" s="544"/>
      <c r="R126" s="544"/>
      <c r="S126" s="544"/>
      <c r="T126" s="545"/>
      <c r="U126" s="221" t="s">
        <v>552</v>
      </c>
      <c r="V126" s="546" t="s">
        <v>107</v>
      </c>
      <c r="W126" s="547"/>
      <c r="X126" s="547"/>
      <c r="Y126" s="547"/>
      <c r="Z126" s="548"/>
      <c r="AA126" s="623" t="s">
        <v>108</v>
      </c>
      <c r="AB126" s="624"/>
      <c r="AC126" s="625"/>
      <c r="AD126" s="415">
        <v>2</v>
      </c>
      <c r="AE126" s="415">
        <v>0</v>
      </c>
      <c r="AF126" s="541"/>
      <c r="AG126" s="542"/>
      <c r="AH126" s="549"/>
      <c r="AI126" s="550"/>
      <c r="AJ126" s="551"/>
      <c r="AK126" s="265"/>
      <c r="AL126" s="38"/>
      <c r="AM126" s="16"/>
      <c r="AN126" s="3" t="str">
        <f t="shared" si="6"/>
        <v>■</v>
      </c>
    </row>
    <row r="127" spans="1:40">
      <c r="A127" s="20" t="str">
        <f t="shared" si="5"/>
        <v>HO</v>
      </c>
      <c r="B127" s="51"/>
      <c r="C127" s="541">
        <v>10</v>
      </c>
      <c r="D127" s="542"/>
      <c r="E127" s="543" t="s">
        <v>553</v>
      </c>
      <c r="F127" s="544"/>
      <c r="G127" s="544"/>
      <c r="H127" s="544"/>
      <c r="I127" s="544"/>
      <c r="J127" s="544"/>
      <c r="K127" s="544"/>
      <c r="L127" s="544"/>
      <c r="M127" s="544"/>
      <c r="N127" s="544"/>
      <c r="O127" s="544"/>
      <c r="P127" s="544"/>
      <c r="Q127" s="544"/>
      <c r="R127" s="544"/>
      <c r="S127" s="544"/>
      <c r="T127" s="545"/>
      <c r="U127" s="221" t="s">
        <v>554</v>
      </c>
      <c r="V127" s="546" t="s">
        <v>107</v>
      </c>
      <c r="W127" s="547"/>
      <c r="X127" s="547"/>
      <c r="Y127" s="547"/>
      <c r="Z127" s="548"/>
      <c r="AA127" s="623" t="s">
        <v>108</v>
      </c>
      <c r="AB127" s="624"/>
      <c r="AC127" s="625"/>
      <c r="AD127" s="415">
        <v>8</v>
      </c>
      <c r="AE127" s="415">
        <v>0</v>
      </c>
      <c r="AF127" s="541"/>
      <c r="AG127" s="542"/>
      <c r="AH127" s="549"/>
      <c r="AI127" s="550"/>
      <c r="AJ127" s="551"/>
      <c r="AK127" s="265"/>
      <c r="AL127" s="38"/>
      <c r="AM127" s="16"/>
      <c r="AN127" s="3" t="str">
        <f t="shared" si="6"/>
        <v>■</v>
      </c>
    </row>
    <row r="128" spans="1:40">
      <c r="A128" s="20" t="str">
        <f t="shared" si="5"/>
        <v>HO</v>
      </c>
      <c r="B128" s="20"/>
      <c r="C128" s="552">
        <v>11</v>
      </c>
      <c r="D128" s="553"/>
      <c r="E128" s="554" t="s">
        <v>400</v>
      </c>
      <c r="F128" s="555"/>
      <c r="G128" s="555"/>
      <c r="H128" s="555"/>
      <c r="I128" s="555"/>
      <c r="J128" s="555"/>
      <c r="K128" s="555"/>
      <c r="L128" s="555"/>
      <c r="M128" s="555"/>
      <c r="N128" s="555"/>
      <c r="O128" s="555"/>
      <c r="P128" s="555"/>
      <c r="Q128" s="555"/>
      <c r="R128" s="555"/>
      <c r="S128" s="555"/>
      <c r="T128" s="556"/>
      <c r="U128" s="259" t="s">
        <v>474</v>
      </c>
      <c r="V128" s="557" t="s">
        <v>107</v>
      </c>
      <c r="W128" s="558"/>
      <c r="X128" s="558"/>
      <c r="Y128" s="558"/>
      <c r="Z128" s="559"/>
      <c r="AA128" s="626" t="s">
        <v>102</v>
      </c>
      <c r="AB128" s="627"/>
      <c r="AC128" s="628"/>
      <c r="AD128" s="419">
        <v>5</v>
      </c>
      <c r="AE128" s="419" t="s">
        <v>103</v>
      </c>
      <c r="AF128" s="552" t="s">
        <v>109</v>
      </c>
      <c r="AG128" s="553"/>
      <c r="AH128" s="560"/>
      <c r="AI128" s="561"/>
      <c r="AJ128" s="562"/>
      <c r="AK128" s="333" t="s">
        <v>399</v>
      </c>
      <c r="AL128" s="38"/>
      <c r="AM128" s="16"/>
      <c r="AN128" s="3" t="str">
        <f t="shared" si="6"/>
        <v>■</v>
      </c>
    </row>
    <row r="129" spans="1:40">
      <c r="A129" s="20" t="str">
        <f t="shared" si="5"/>
        <v>HO</v>
      </c>
      <c r="B129" s="51"/>
      <c r="C129" s="541">
        <v>12</v>
      </c>
      <c r="D129" s="542"/>
      <c r="E129" s="543" t="s">
        <v>556</v>
      </c>
      <c r="F129" s="544"/>
      <c r="G129" s="544"/>
      <c r="H129" s="544"/>
      <c r="I129" s="544"/>
      <c r="J129" s="544"/>
      <c r="K129" s="544"/>
      <c r="L129" s="544"/>
      <c r="M129" s="544"/>
      <c r="N129" s="544"/>
      <c r="O129" s="544"/>
      <c r="P129" s="544"/>
      <c r="Q129" s="544"/>
      <c r="R129" s="544"/>
      <c r="S129" s="544"/>
      <c r="T129" s="545"/>
      <c r="U129" s="221" t="s">
        <v>557</v>
      </c>
      <c r="V129" s="546" t="s">
        <v>107</v>
      </c>
      <c r="W129" s="547"/>
      <c r="X129" s="547"/>
      <c r="Y129" s="547"/>
      <c r="Z129" s="548"/>
      <c r="AA129" s="623" t="s">
        <v>108</v>
      </c>
      <c r="AB129" s="624"/>
      <c r="AC129" s="625"/>
      <c r="AD129" s="415">
        <v>2</v>
      </c>
      <c r="AE129" s="415">
        <v>0</v>
      </c>
      <c r="AF129" s="541"/>
      <c r="AG129" s="542"/>
      <c r="AH129" s="549"/>
      <c r="AI129" s="550"/>
      <c r="AJ129" s="551"/>
      <c r="AK129" s="265"/>
      <c r="AL129" s="38"/>
      <c r="AM129" s="16"/>
      <c r="AN129" s="3" t="str">
        <f t="shared" si="6"/>
        <v>■</v>
      </c>
    </row>
    <row r="130" spans="1:40">
      <c r="A130" s="20" t="str">
        <f t="shared" si="5"/>
        <v>HO</v>
      </c>
      <c r="B130" s="51"/>
      <c r="C130" s="541">
        <v>13</v>
      </c>
      <c r="D130" s="542"/>
      <c r="E130" s="543" t="s">
        <v>558</v>
      </c>
      <c r="F130" s="544"/>
      <c r="G130" s="544"/>
      <c r="H130" s="544"/>
      <c r="I130" s="544"/>
      <c r="J130" s="544"/>
      <c r="K130" s="544"/>
      <c r="L130" s="544"/>
      <c r="M130" s="544"/>
      <c r="N130" s="544"/>
      <c r="O130" s="544"/>
      <c r="P130" s="544"/>
      <c r="Q130" s="544"/>
      <c r="R130" s="544"/>
      <c r="S130" s="544"/>
      <c r="T130" s="545"/>
      <c r="U130" s="221" t="s">
        <v>559</v>
      </c>
      <c r="V130" s="546" t="s">
        <v>107</v>
      </c>
      <c r="W130" s="547"/>
      <c r="X130" s="547"/>
      <c r="Y130" s="547"/>
      <c r="Z130" s="548"/>
      <c r="AA130" s="623" t="s">
        <v>108</v>
      </c>
      <c r="AB130" s="624"/>
      <c r="AC130" s="625"/>
      <c r="AD130" s="415">
        <v>8</v>
      </c>
      <c r="AE130" s="415">
        <v>0</v>
      </c>
      <c r="AF130" s="541"/>
      <c r="AG130" s="542"/>
      <c r="AH130" s="549"/>
      <c r="AI130" s="550"/>
      <c r="AJ130" s="551"/>
      <c r="AK130" s="265"/>
      <c r="AL130" s="38"/>
      <c r="AM130" s="16"/>
      <c r="AN130" s="3" t="str">
        <f t="shared" si="6"/>
        <v>■</v>
      </c>
    </row>
    <row r="131" spans="1:40">
      <c r="A131" s="20" t="str">
        <f t="shared" si="5"/>
        <v>HO</v>
      </c>
      <c r="B131" s="51"/>
      <c r="C131" s="541">
        <v>14</v>
      </c>
      <c r="D131" s="542"/>
      <c r="E131" s="543" t="s">
        <v>560</v>
      </c>
      <c r="F131" s="544"/>
      <c r="G131" s="544"/>
      <c r="H131" s="544"/>
      <c r="I131" s="544"/>
      <c r="J131" s="544"/>
      <c r="K131" s="544"/>
      <c r="L131" s="544"/>
      <c r="M131" s="544"/>
      <c r="N131" s="544"/>
      <c r="O131" s="544"/>
      <c r="P131" s="544"/>
      <c r="Q131" s="544"/>
      <c r="R131" s="544"/>
      <c r="S131" s="544"/>
      <c r="T131" s="545"/>
      <c r="U131" s="221" t="s">
        <v>561</v>
      </c>
      <c r="V131" s="546" t="s">
        <v>107</v>
      </c>
      <c r="W131" s="547"/>
      <c r="X131" s="547"/>
      <c r="Y131" s="547"/>
      <c r="Z131" s="548"/>
      <c r="AA131" s="623" t="s">
        <v>102</v>
      </c>
      <c r="AB131" s="624"/>
      <c r="AC131" s="625"/>
      <c r="AD131" s="415">
        <v>1</v>
      </c>
      <c r="AE131" s="415" t="s">
        <v>103</v>
      </c>
      <c r="AF131" s="541"/>
      <c r="AG131" s="542"/>
      <c r="AH131" s="549"/>
      <c r="AI131" s="550"/>
      <c r="AJ131" s="551"/>
      <c r="AK131" s="343"/>
      <c r="AL131" s="38"/>
      <c r="AM131" s="16"/>
      <c r="AN131" s="3" t="str">
        <f t="shared" si="6"/>
        <v>■</v>
      </c>
    </row>
    <row r="132" spans="1:40">
      <c r="A132" s="20" t="str">
        <f t="shared" si="5"/>
        <v>HO</v>
      </c>
      <c r="B132" s="51"/>
      <c r="C132" s="541">
        <v>15</v>
      </c>
      <c r="D132" s="542"/>
      <c r="E132" s="543" t="s">
        <v>562</v>
      </c>
      <c r="F132" s="544"/>
      <c r="G132" s="544"/>
      <c r="H132" s="544"/>
      <c r="I132" s="544"/>
      <c r="J132" s="544"/>
      <c r="K132" s="544"/>
      <c r="L132" s="544"/>
      <c r="M132" s="544"/>
      <c r="N132" s="544"/>
      <c r="O132" s="544"/>
      <c r="P132" s="544"/>
      <c r="Q132" s="544"/>
      <c r="R132" s="544"/>
      <c r="S132" s="544"/>
      <c r="T132" s="545"/>
      <c r="U132" s="221" t="s">
        <v>563</v>
      </c>
      <c r="V132" s="546" t="s">
        <v>107</v>
      </c>
      <c r="W132" s="547"/>
      <c r="X132" s="547"/>
      <c r="Y132" s="547"/>
      <c r="Z132" s="548"/>
      <c r="AA132" s="623" t="s">
        <v>108</v>
      </c>
      <c r="AB132" s="624"/>
      <c r="AC132" s="625"/>
      <c r="AD132" s="415">
        <v>9</v>
      </c>
      <c r="AE132" s="415">
        <v>0</v>
      </c>
      <c r="AF132" s="541"/>
      <c r="AG132" s="542"/>
      <c r="AH132" s="549"/>
      <c r="AI132" s="550"/>
      <c r="AJ132" s="551"/>
      <c r="AK132" s="265"/>
      <c r="AL132" s="38"/>
      <c r="AM132" s="16"/>
      <c r="AN132" s="3" t="str">
        <f t="shared" si="6"/>
        <v>■</v>
      </c>
    </row>
    <row r="133" spans="1:40">
      <c r="A133" s="20" t="str">
        <f t="shared" si="5"/>
        <v>HO</v>
      </c>
      <c r="B133" s="51"/>
      <c r="C133" s="541">
        <v>16</v>
      </c>
      <c r="D133" s="542"/>
      <c r="E133" s="543" t="s">
        <v>564</v>
      </c>
      <c r="F133" s="544"/>
      <c r="G133" s="544"/>
      <c r="H133" s="544"/>
      <c r="I133" s="544"/>
      <c r="J133" s="544"/>
      <c r="K133" s="544"/>
      <c r="L133" s="544"/>
      <c r="M133" s="544"/>
      <c r="N133" s="544"/>
      <c r="O133" s="544"/>
      <c r="P133" s="544"/>
      <c r="Q133" s="544"/>
      <c r="R133" s="544"/>
      <c r="S133" s="544"/>
      <c r="T133" s="545"/>
      <c r="U133" s="221" t="s">
        <v>565</v>
      </c>
      <c r="V133" s="546" t="s">
        <v>107</v>
      </c>
      <c r="W133" s="547"/>
      <c r="X133" s="547"/>
      <c r="Y133" s="547"/>
      <c r="Z133" s="548"/>
      <c r="AA133" s="623" t="s">
        <v>102</v>
      </c>
      <c r="AB133" s="624"/>
      <c r="AC133" s="625"/>
      <c r="AD133" s="415">
        <v>1</v>
      </c>
      <c r="AE133" s="415" t="s">
        <v>103</v>
      </c>
      <c r="AF133" s="541"/>
      <c r="AG133" s="542"/>
      <c r="AH133" s="549"/>
      <c r="AI133" s="550"/>
      <c r="AJ133" s="551"/>
      <c r="AK133" s="265"/>
      <c r="AL133" s="38"/>
      <c r="AM133" s="16"/>
      <c r="AN133" s="3" t="str">
        <f t="shared" si="6"/>
        <v>■</v>
      </c>
    </row>
    <row r="134" spans="1:40">
      <c r="A134" s="20" t="str">
        <f t="shared" si="5"/>
        <v>HO</v>
      </c>
      <c r="B134" s="51"/>
      <c r="C134" s="541">
        <v>17</v>
      </c>
      <c r="D134" s="542"/>
      <c r="E134" s="543" t="s">
        <v>566</v>
      </c>
      <c r="F134" s="544"/>
      <c r="G134" s="544"/>
      <c r="H134" s="544"/>
      <c r="I134" s="544"/>
      <c r="J134" s="544"/>
      <c r="K134" s="544"/>
      <c r="L134" s="544"/>
      <c r="M134" s="544"/>
      <c r="N134" s="544"/>
      <c r="O134" s="544"/>
      <c r="P134" s="544"/>
      <c r="Q134" s="544"/>
      <c r="R134" s="544"/>
      <c r="S134" s="544"/>
      <c r="T134" s="545"/>
      <c r="U134" s="221" t="s">
        <v>567</v>
      </c>
      <c r="V134" s="546" t="s">
        <v>107</v>
      </c>
      <c r="W134" s="547"/>
      <c r="X134" s="547"/>
      <c r="Y134" s="547"/>
      <c r="Z134" s="548"/>
      <c r="AA134" s="623" t="s">
        <v>108</v>
      </c>
      <c r="AB134" s="624"/>
      <c r="AC134" s="625"/>
      <c r="AD134" s="415">
        <v>3</v>
      </c>
      <c r="AE134" s="415">
        <v>0</v>
      </c>
      <c r="AF134" s="541"/>
      <c r="AG134" s="542"/>
      <c r="AH134" s="549"/>
      <c r="AI134" s="550"/>
      <c r="AJ134" s="551"/>
      <c r="AK134" s="265"/>
      <c r="AL134" s="38"/>
      <c r="AM134" s="16"/>
      <c r="AN134" s="3" t="str">
        <f t="shared" si="6"/>
        <v>■</v>
      </c>
    </row>
    <row r="135" spans="1:40">
      <c r="A135" s="20" t="str">
        <f t="shared" si="5"/>
        <v>HO</v>
      </c>
      <c r="B135" s="51"/>
      <c r="C135" s="541">
        <v>18</v>
      </c>
      <c r="D135" s="542"/>
      <c r="E135" s="543" t="s">
        <v>568</v>
      </c>
      <c r="F135" s="544"/>
      <c r="G135" s="544"/>
      <c r="H135" s="544"/>
      <c r="I135" s="544"/>
      <c r="J135" s="544"/>
      <c r="K135" s="544"/>
      <c r="L135" s="544"/>
      <c r="M135" s="544"/>
      <c r="N135" s="544"/>
      <c r="O135" s="544"/>
      <c r="P135" s="544"/>
      <c r="Q135" s="544"/>
      <c r="R135" s="544"/>
      <c r="S135" s="544"/>
      <c r="T135" s="545"/>
      <c r="U135" s="221" t="s">
        <v>569</v>
      </c>
      <c r="V135" s="546" t="s">
        <v>107</v>
      </c>
      <c r="W135" s="547"/>
      <c r="X135" s="547"/>
      <c r="Y135" s="547"/>
      <c r="Z135" s="548"/>
      <c r="AA135" s="623" t="s">
        <v>108</v>
      </c>
      <c r="AB135" s="624"/>
      <c r="AC135" s="625"/>
      <c r="AD135" s="415">
        <v>6</v>
      </c>
      <c r="AE135" s="415">
        <v>0</v>
      </c>
      <c r="AF135" s="541"/>
      <c r="AG135" s="542"/>
      <c r="AH135" s="549"/>
      <c r="AI135" s="550"/>
      <c r="AJ135" s="551"/>
      <c r="AK135" s="265"/>
      <c r="AL135" s="38"/>
      <c r="AM135" s="16"/>
      <c r="AN135" s="3" t="str">
        <f t="shared" si="6"/>
        <v>■</v>
      </c>
    </row>
    <row r="136" spans="1:40" ht="13.4" customHeight="1">
      <c r="A136" s="20" t="str">
        <f t="shared" si="5"/>
        <v>HO</v>
      </c>
      <c r="B136" s="51"/>
      <c r="C136" s="541">
        <v>19</v>
      </c>
      <c r="D136" s="542"/>
      <c r="E136" s="563" t="s">
        <v>980</v>
      </c>
      <c r="F136" s="564"/>
      <c r="G136" s="564"/>
      <c r="H136" s="564"/>
      <c r="I136" s="564"/>
      <c r="J136" s="564"/>
      <c r="K136" s="564"/>
      <c r="L136" s="564"/>
      <c r="M136" s="564"/>
      <c r="N136" s="564"/>
      <c r="O136" s="564"/>
      <c r="P136" s="564"/>
      <c r="Q136" s="564"/>
      <c r="R136" s="564"/>
      <c r="S136" s="564"/>
      <c r="T136" s="565"/>
      <c r="U136" s="221" t="s">
        <v>981</v>
      </c>
      <c r="V136" s="546" t="s">
        <v>107</v>
      </c>
      <c r="W136" s="547"/>
      <c r="X136" s="547"/>
      <c r="Y136" s="547"/>
      <c r="Z136" s="548"/>
      <c r="AA136" s="623" t="s">
        <v>108</v>
      </c>
      <c r="AB136" s="624"/>
      <c r="AC136" s="625"/>
      <c r="AD136" s="415">
        <v>8</v>
      </c>
      <c r="AE136" s="415">
        <v>0</v>
      </c>
      <c r="AF136" s="541"/>
      <c r="AG136" s="542"/>
      <c r="AH136" s="549"/>
      <c r="AI136" s="550"/>
      <c r="AJ136" s="551"/>
      <c r="AK136" s="265"/>
      <c r="AL136" s="38"/>
      <c r="AM136" s="16"/>
      <c r="AN136" s="3" t="str">
        <f t="shared" si="6"/>
        <v>■</v>
      </c>
    </row>
    <row r="137" spans="1:40" ht="13.4" customHeight="1">
      <c r="A137" s="20" t="str">
        <f t="shared" si="5"/>
        <v>HO</v>
      </c>
      <c r="B137" s="51"/>
      <c r="C137" s="541">
        <v>20</v>
      </c>
      <c r="D137" s="542"/>
      <c r="E137" s="563" t="s">
        <v>982</v>
      </c>
      <c r="F137" s="564"/>
      <c r="G137" s="564"/>
      <c r="H137" s="564"/>
      <c r="I137" s="564"/>
      <c r="J137" s="564"/>
      <c r="K137" s="564"/>
      <c r="L137" s="564"/>
      <c r="M137" s="564"/>
      <c r="N137" s="564"/>
      <c r="O137" s="564"/>
      <c r="P137" s="564"/>
      <c r="Q137" s="564"/>
      <c r="R137" s="564"/>
      <c r="S137" s="564"/>
      <c r="T137" s="565"/>
      <c r="U137" s="221" t="s">
        <v>983</v>
      </c>
      <c r="V137" s="546" t="s">
        <v>107</v>
      </c>
      <c r="W137" s="547"/>
      <c r="X137" s="547"/>
      <c r="Y137" s="547"/>
      <c r="Z137" s="548"/>
      <c r="AA137" s="623" t="s">
        <v>108</v>
      </c>
      <c r="AB137" s="624"/>
      <c r="AC137" s="625"/>
      <c r="AD137" s="415">
        <v>1</v>
      </c>
      <c r="AE137" s="415">
        <v>0</v>
      </c>
      <c r="AF137" s="541"/>
      <c r="AG137" s="542"/>
      <c r="AH137" s="549"/>
      <c r="AI137" s="550"/>
      <c r="AJ137" s="551"/>
      <c r="AK137" s="265"/>
      <c r="AL137" s="38"/>
      <c r="AM137" s="16"/>
      <c r="AN137" s="3" t="str">
        <f t="shared" si="6"/>
        <v>■</v>
      </c>
    </row>
    <row r="138" spans="1:40" ht="13.4" customHeight="1">
      <c r="A138" s="20" t="str">
        <f t="shared" si="5"/>
        <v>HO</v>
      </c>
      <c r="B138" s="51"/>
      <c r="C138" s="541">
        <v>21</v>
      </c>
      <c r="D138" s="542"/>
      <c r="E138" s="563" t="s">
        <v>409</v>
      </c>
      <c r="F138" s="564"/>
      <c r="G138" s="564"/>
      <c r="H138" s="564"/>
      <c r="I138" s="564"/>
      <c r="J138" s="564"/>
      <c r="K138" s="564"/>
      <c r="L138" s="564"/>
      <c r="M138" s="564"/>
      <c r="N138" s="564"/>
      <c r="O138" s="564"/>
      <c r="P138" s="564"/>
      <c r="Q138" s="564"/>
      <c r="R138" s="564"/>
      <c r="S138" s="564"/>
      <c r="T138" s="565"/>
      <c r="U138" s="221" t="s">
        <v>453</v>
      </c>
      <c r="V138" s="546" t="s">
        <v>107</v>
      </c>
      <c r="W138" s="547"/>
      <c r="X138" s="547"/>
      <c r="Y138" s="547"/>
      <c r="Z138" s="548"/>
      <c r="AA138" s="623" t="s">
        <v>102</v>
      </c>
      <c r="AB138" s="624"/>
      <c r="AC138" s="625"/>
      <c r="AD138" s="415">
        <v>6</v>
      </c>
      <c r="AE138" s="415" t="s">
        <v>103</v>
      </c>
      <c r="AF138" s="541"/>
      <c r="AG138" s="542"/>
      <c r="AH138" s="549"/>
      <c r="AI138" s="550"/>
      <c r="AJ138" s="551"/>
      <c r="AK138" s="265"/>
      <c r="AL138" s="38"/>
      <c r="AM138" s="16"/>
      <c r="AN138" s="3" t="str">
        <f t="shared" si="6"/>
        <v>■</v>
      </c>
    </row>
    <row r="139" spans="1:40" ht="13.4" customHeight="1">
      <c r="A139" s="20" t="str">
        <f t="shared" si="5"/>
        <v>HO</v>
      </c>
      <c r="B139" s="51"/>
      <c r="C139" s="541">
        <v>22</v>
      </c>
      <c r="D139" s="542"/>
      <c r="E139" s="563" t="s">
        <v>411</v>
      </c>
      <c r="F139" s="564"/>
      <c r="G139" s="564"/>
      <c r="H139" s="564"/>
      <c r="I139" s="564"/>
      <c r="J139" s="564"/>
      <c r="K139" s="564"/>
      <c r="L139" s="564"/>
      <c r="M139" s="564"/>
      <c r="N139" s="564"/>
      <c r="O139" s="564"/>
      <c r="P139" s="564"/>
      <c r="Q139" s="564"/>
      <c r="R139" s="564"/>
      <c r="S139" s="564"/>
      <c r="T139" s="565"/>
      <c r="U139" s="221" t="s">
        <v>516</v>
      </c>
      <c r="V139" s="546" t="s">
        <v>107</v>
      </c>
      <c r="W139" s="547"/>
      <c r="X139" s="547"/>
      <c r="Y139" s="547"/>
      <c r="Z139" s="548"/>
      <c r="AA139" s="623" t="s">
        <v>102</v>
      </c>
      <c r="AB139" s="624"/>
      <c r="AC139" s="625"/>
      <c r="AD139" s="415">
        <v>6</v>
      </c>
      <c r="AE139" s="415" t="s">
        <v>103</v>
      </c>
      <c r="AF139" s="541"/>
      <c r="AG139" s="542"/>
      <c r="AH139" s="549"/>
      <c r="AI139" s="550"/>
      <c r="AJ139" s="551"/>
      <c r="AK139" s="265"/>
      <c r="AL139" s="48"/>
      <c r="AM139" s="16"/>
      <c r="AN139" s="3" t="str">
        <f t="shared" si="6"/>
        <v>■</v>
      </c>
    </row>
    <row r="140" spans="1:40" ht="13.4" customHeight="1">
      <c r="A140" s="20" t="str">
        <f t="shared" si="5"/>
        <v>HO</v>
      </c>
      <c r="B140" s="51"/>
      <c r="C140" s="541">
        <v>23</v>
      </c>
      <c r="D140" s="542"/>
      <c r="E140" s="563" t="s">
        <v>970</v>
      </c>
      <c r="F140" s="564"/>
      <c r="G140" s="564"/>
      <c r="H140" s="564"/>
      <c r="I140" s="564"/>
      <c r="J140" s="564"/>
      <c r="K140" s="564"/>
      <c r="L140" s="564"/>
      <c r="M140" s="564"/>
      <c r="N140" s="564"/>
      <c r="O140" s="564"/>
      <c r="P140" s="564"/>
      <c r="Q140" s="564"/>
      <c r="R140" s="564"/>
      <c r="S140" s="564"/>
      <c r="T140" s="565"/>
      <c r="U140" s="221" t="s">
        <v>971</v>
      </c>
      <c r="V140" s="546" t="s">
        <v>107</v>
      </c>
      <c r="W140" s="547"/>
      <c r="X140" s="547"/>
      <c r="Y140" s="547"/>
      <c r="Z140" s="548"/>
      <c r="AA140" s="623" t="s">
        <v>102</v>
      </c>
      <c r="AB140" s="624"/>
      <c r="AC140" s="625"/>
      <c r="AD140" s="415">
        <v>1</v>
      </c>
      <c r="AE140" s="415" t="s">
        <v>103</v>
      </c>
      <c r="AF140" s="541"/>
      <c r="AG140" s="542"/>
      <c r="AH140" s="549"/>
      <c r="AI140" s="550"/>
      <c r="AJ140" s="551"/>
      <c r="AK140" s="265"/>
      <c r="AL140" s="48"/>
      <c r="AM140" s="16"/>
      <c r="AN140" s="3" t="str">
        <f t="shared" si="6"/>
        <v>■</v>
      </c>
    </row>
    <row r="141" spans="1:40" ht="13.4" customHeight="1">
      <c r="A141" s="20" t="str">
        <f t="shared" si="5"/>
        <v>HO</v>
      </c>
      <c r="B141" s="51"/>
      <c r="C141" s="541">
        <v>24</v>
      </c>
      <c r="D141" s="542"/>
      <c r="E141" s="563" t="s">
        <v>976</v>
      </c>
      <c r="F141" s="564"/>
      <c r="G141" s="564"/>
      <c r="H141" s="564"/>
      <c r="I141" s="564"/>
      <c r="J141" s="564"/>
      <c r="K141" s="564"/>
      <c r="L141" s="564"/>
      <c r="M141" s="564"/>
      <c r="N141" s="564"/>
      <c r="O141" s="564"/>
      <c r="P141" s="564"/>
      <c r="Q141" s="564"/>
      <c r="R141" s="564"/>
      <c r="S141" s="564"/>
      <c r="T141" s="565"/>
      <c r="U141" s="221" t="s">
        <v>977</v>
      </c>
      <c r="V141" s="546" t="s">
        <v>107</v>
      </c>
      <c r="W141" s="547"/>
      <c r="X141" s="547"/>
      <c r="Y141" s="547"/>
      <c r="Z141" s="548"/>
      <c r="AA141" s="623" t="s">
        <v>108</v>
      </c>
      <c r="AB141" s="624"/>
      <c r="AC141" s="625"/>
      <c r="AD141" s="415">
        <v>2</v>
      </c>
      <c r="AE141" s="415">
        <v>0</v>
      </c>
      <c r="AF141" s="541"/>
      <c r="AG141" s="542"/>
      <c r="AH141" s="549"/>
      <c r="AI141" s="550"/>
      <c r="AJ141" s="551"/>
      <c r="AK141" s="265"/>
      <c r="AL141" s="37"/>
      <c r="AM141" s="16"/>
      <c r="AN141" s="3" t="str">
        <f t="shared" si="6"/>
        <v>■</v>
      </c>
    </row>
    <row r="142" spans="1:40" ht="13.4" customHeight="1">
      <c r="A142" s="20" t="str">
        <f t="shared" si="5"/>
        <v>HO</v>
      </c>
      <c r="B142" s="25"/>
      <c r="C142" s="26"/>
      <c r="D142" s="26"/>
      <c r="E142" s="26"/>
      <c r="F142" s="26"/>
      <c r="G142" s="26"/>
      <c r="H142" s="26"/>
      <c r="I142" s="26"/>
      <c r="J142" s="26"/>
      <c r="K142" s="26"/>
      <c r="L142" s="26"/>
      <c r="M142" s="26"/>
      <c r="N142" s="26"/>
      <c r="O142" s="26"/>
      <c r="P142" s="26"/>
      <c r="Q142" s="26"/>
      <c r="R142" s="26"/>
      <c r="S142" s="26"/>
      <c r="T142" s="26"/>
      <c r="V142" s="122"/>
      <c r="W142" s="122"/>
      <c r="X142" s="122"/>
      <c r="Y142" s="122"/>
      <c r="Z142" s="122"/>
      <c r="AA142" s="634"/>
      <c r="AB142" s="634"/>
      <c r="AC142" s="634"/>
      <c r="AD142" s="122"/>
      <c r="AE142" s="122"/>
      <c r="AF142" s="122"/>
      <c r="AG142" s="122"/>
      <c r="AH142" s="122"/>
      <c r="AI142" s="122"/>
      <c r="AJ142" s="122"/>
      <c r="AK142" s="55"/>
      <c r="AL142" s="37"/>
      <c r="AM142" s="16"/>
    </row>
    <row r="143" spans="1:40" s="1" customFormat="1" ht="13.4" customHeight="1">
      <c r="A143" s="20" t="str">
        <f t="shared" si="5"/>
        <v>KO</v>
      </c>
      <c r="B143" s="20"/>
      <c r="C143" s="52" t="s">
        <v>380</v>
      </c>
      <c r="D143" s="53"/>
      <c r="E143" s="26"/>
      <c r="F143" s="26"/>
      <c r="G143" s="26"/>
      <c r="H143" s="26"/>
      <c r="I143" s="26"/>
      <c r="J143" s="26" t="s">
        <v>570</v>
      </c>
      <c r="K143" s="71"/>
      <c r="L143" s="26"/>
      <c r="M143" s="71"/>
      <c r="N143" s="26"/>
      <c r="O143" s="26"/>
      <c r="P143" s="26"/>
      <c r="Q143" s="26"/>
      <c r="R143" s="26"/>
      <c r="S143" s="26"/>
      <c r="T143" s="26"/>
      <c r="U143" s="26" t="s">
        <v>984</v>
      </c>
      <c r="V143" s="122"/>
      <c r="W143" s="122"/>
      <c r="X143" s="122"/>
      <c r="Y143" s="122"/>
      <c r="Z143" s="122"/>
      <c r="AA143" s="630"/>
      <c r="AB143" s="630"/>
      <c r="AC143" s="630"/>
      <c r="AD143" s="122"/>
      <c r="AE143" s="122"/>
      <c r="AF143" s="122"/>
      <c r="AG143" s="122"/>
      <c r="AH143" s="122"/>
      <c r="AI143" s="122"/>
      <c r="AJ143" s="122"/>
      <c r="AK143" s="26"/>
      <c r="AL143" s="38"/>
      <c r="AM143" s="26"/>
    </row>
    <row r="144" spans="1:40" ht="13.5" customHeight="1">
      <c r="A144" s="20" t="str">
        <f t="shared" si="5"/>
        <v>KO</v>
      </c>
      <c r="B144" s="51"/>
      <c r="C144" s="583" t="s">
        <v>73</v>
      </c>
      <c r="D144" s="573"/>
      <c r="E144" s="583" t="s">
        <v>94</v>
      </c>
      <c r="F144" s="583"/>
      <c r="G144" s="583"/>
      <c r="H144" s="583"/>
      <c r="I144" s="583"/>
      <c r="J144" s="583"/>
      <c r="K144" s="583"/>
      <c r="L144" s="583"/>
      <c r="M144" s="583"/>
      <c r="N144" s="583"/>
      <c r="O144" s="583"/>
      <c r="P144" s="583"/>
      <c r="Q144" s="583"/>
      <c r="R144" s="583"/>
      <c r="S144" s="583"/>
      <c r="T144" s="583"/>
      <c r="U144" s="226" t="s">
        <v>383</v>
      </c>
      <c r="V144" s="572" t="s">
        <v>138</v>
      </c>
      <c r="W144" s="572"/>
      <c r="X144" s="572"/>
      <c r="Y144" s="572"/>
      <c r="Z144" s="572"/>
      <c r="AA144" s="575" t="s">
        <v>959</v>
      </c>
      <c r="AB144" s="576"/>
      <c r="AC144" s="577"/>
      <c r="AD144" s="572" t="s">
        <v>97</v>
      </c>
      <c r="AE144" s="572"/>
      <c r="AF144" s="572" t="s">
        <v>98</v>
      </c>
      <c r="AG144" s="572"/>
      <c r="AH144" s="583" t="s">
        <v>75</v>
      </c>
      <c r="AI144" s="583"/>
      <c r="AJ144" s="583"/>
      <c r="AK144" s="621" t="s">
        <v>159</v>
      </c>
      <c r="AL144" s="38"/>
      <c r="AM144" s="16"/>
    </row>
    <row r="145" spans="1:40" ht="13.4" customHeight="1">
      <c r="A145" s="20" t="str">
        <f t="shared" si="5"/>
        <v>KO</v>
      </c>
      <c r="B145" s="51"/>
      <c r="C145" s="573"/>
      <c r="D145" s="573"/>
      <c r="E145" s="583"/>
      <c r="F145" s="583"/>
      <c r="G145" s="583"/>
      <c r="H145" s="583"/>
      <c r="I145" s="583"/>
      <c r="J145" s="583"/>
      <c r="K145" s="583"/>
      <c r="L145" s="583"/>
      <c r="M145" s="583"/>
      <c r="N145" s="583"/>
      <c r="O145" s="583"/>
      <c r="P145" s="583"/>
      <c r="Q145" s="583"/>
      <c r="R145" s="583"/>
      <c r="S145" s="583"/>
      <c r="T145" s="583"/>
      <c r="U145" s="227"/>
      <c r="V145" s="572"/>
      <c r="W145" s="572"/>
      <c r="X145" s="572"/>
      <c r="Y145" s="572"/>
      <c r="Z145" s="572"/>
      <c r="AA145" s="578"/>
      <c r="AB145" s="579"/>
      <c r="AC145" s="580"/>
      <c r="AD145" s="572"/>
      <c r="AE145" s="572"/>
      <c r="AF145" s="572"/>
      <c r="AG145" s="572"/>
      <c r="AH145" s="583"/>
      <c r="AI145" s="583"/>
      <c r="AJ145" s="583"/>
      <c r="AK145" s="622"/>
      <c r="AL145" s="38"/>
      <c r="AM145" s="16"/>
    </row>
    <row r="146" spans="1:40" s="1" customFormat="1" ht="13.4" customHeight="1">
      <c r="A146" s="20" t="str">
        <f t="shared" si="5"/>
        <v>KO</v>
      </c>
      <c r="B146" s="20"/>
      <c r="C146" s="541">
        <v>1</v>
      </c>
      <c r="D146" s="542"/>
      <c r="E146" s="563" t="s">
        <v>440</v>
      </c>
      <c r="F146" s="564"/>
      <c r="G146" s="564"/>
      <c r="H146" s="564"/>
      <c r="I146" s="564"/>
      <c r="J146" s="564"/>
      <c r="K146" s="564"/>
      <c r="L146" s="564"/>
      <c r="M146" s="564"/>
      <c r="N146" s="564"/>
      <c r="O146" s="564"/>
      <c r="P146" s="564"/>
      <c r="Q146" s="564"/>
      <c r="R146" s="564"/>
      <c r="S146" s="564"/>
      <c r="T146" s="565"/>
      <c r="U146" s="219" t="s">
        <v>441</v>
      </c>
      <c r="V146" s="546" t="s">
        <v>101</v>
      </c>
      <c r="W146" s="547"/>
      <c r="X146" s="547"/>
      <c r="Y146" s="547"/>
      <c r="Z146" s="548"/>
      <c r="AA146" s="623" t="s">
        <v>102</v>
      </c>
      <c r="AB146" s="624"/>
      <c r="AC146" s="625"/>
      <c r="AD146" s="415">
        <v>10</v>
      </c>
      <c r="AE146" s="415" t="s">
        <v>103</v>
      </c>
      <c r="AF146" s="541"/>
      <c r="AG146" s="542"/>
      <c r="AH146" s="549"/>
      <c r="AI146" s="550"/>
      <c r="AJ146" s="551"/>
      <c r="AK146" s="343"/>
      <c r="AL146" s="38"/>
      <c r="AM146" s="26"/>
      <c r="AN146" s="1" t="str">
        <f>$S$19</f>
        <v>■</v>
      </c>
    </row>
    <row r="147" spans="1:40" s="1" customFormat="1" ht="13.4" customHeight="1">
      <c r="A147" s="20" t="str">
        <f t="shared" si="5"/>
        <v>KO</v>
      </c>
      <c r="B147" s="20"/>
      <c r="C147" s="541">
        <v>2</v>
      </c>
      <c r="D147" s="542"/>
      <c r="E147" s="563" t="s">
        <v>442</v>
      </c>
      <c r="F147" s="564"/>
      <c r="G147" s="564"/>
      <c r="H147" s="564"/>
      <c r="I147" s="564"/>
      <c r="J147" s="564"/>
      <c r="K147" s="564"/>
      <c r="L147" s="564"/>
      <c r="M147" s="564"/>
      <c r="N147" s="564"/>
      <c r="O147" s="564"/>
      <c r="P147" s="564"/>
      <c r="Q147" s="564"/>
      <c r="R147" s="564"/>
      <c r="S147" s="564"/>
      <c r="T147" s="565"/>
      <c r="U147" s="219" t="s">
        <v>443</v>
      </c>
      <c r="V147" s="546" t="s">
        <v>101</v>
      </c>
      <c r="W147" s="547"/>
      <c r="X147" s="547"/>
      <c r="Y147" s="547"/>
      <c r="Z147" s="548"/>
      <c r="AA147" s="623" t="s">
        <v>102</v>
      </c>
      <c r="AB147" s="624"/>
      <c r="AC147" s="625"/>
      <c r="AD147" s="415">
        <v>51</v>
      </c>
      <c r="AE147" s="415" t="s">
        <v>103</v>
      </c>
      <c r="AF147" s="541"/>
      <c r="AG147" s="542"/>
      <c r="AH147" s="549"/>
      <c r="AI147" s="550"/>
      <c r="AJ147" s="551"/>
      <c r="AK147" s="343"/>
      <c r="AL147" s="38"/>
      <c r="AM147" s="26"/>
      <c r="AN147" s="1" t="str">
        <f t="shared" ref="AN147:AN165" si="7">$S$19</f>
        <v>■</v>
      </c>
    </row>
    <row r="148" spans="1:40" s="1" customFormat="1" ht="13.4" customHeight="1">
      <c r="A148" s="20" t="str">
        <f t="shared" si="5"/>
        <v>KO</v>
      </c>
      <c r="B148" s="20"/>
      <c r="C148" s="552">
        <v>3</v>
      </c>
      <c r="D148" s="553"/>
      <c r="E148" s="566" t="s">
        <v>106</v>
      </c>
      <c r="F148" s="567"/>
      <c r="G148" s="567"/>
      <c r="H148" s="567"/>
      <c r="I148" s="567"/>
      <c r="J148" s="567"/>
      <c r="K148" s="567"/>
      <c r="L148" s="567"/>
      <c r="M148" s="567"/>
      <c r="N148" s="567"/>
      <c r="O148" s="567"/>
      <c r="P148" s="567"/>
      <c r="Q148" s="567"/>
      <c r="R148" s="567"/>
      <c r="S148" s="567"/>
      <c r="T148" s="568"/>
      <c r="U148" s="220" t="s">
        <v>444</v>
      </c>
      <c r="V148" s="557" t="s">
        <v>107</v>
      </c>
      <c r="W148" s="558"/>
      <c r="X148" s="558"/>
      <c r="Y148" s="558"/>
      <c r="Z148" s="559"/>
      <c r="AA148" s="626" t="s">
        <v>108</v>
      </c>
      <c r="AB148" s="627"/>
      <c r="AC148" s="628"/>
      <c r="AD148" s="419">
        <v>1</v>
      </c>
      <c r="AE148" s="419">
        <v>0</v>
      </c>
      <c r="AF148" s="552" t="s">
        <v>109</v>
      </c>
      <c r="AG148" s="553"/>
      <c r="AH148" s="560"/>
      <c r="AI148" s="561"/>
      <c r="AJ148" s="562"/>
      <c r="AK148" s="321" t="s">
        <v>416</v>
      </c>
      <c r="AL148" s="38"/>
      <c r="AM148" s="26"/>
      <c r="AN148" s="1" t="str">
        <f t="shared" si="7"/>
        <v>■</v>
      </c>
    </row>
    <row r="149" spans="1:40" s="1" customFormat="1" ht="13.4" customHeight="1">
      <c r="A149" s="20" t="str">
        <f t="shared" si="5"/>
        <v>KO</v>
      </c>
      <c r="B149" s="20"/>
      <c r="C149" s="541">
        <v>4</v>
      </c>
      <c r="D149" s="542"/>
      <c r="E149" s="563" t="s">
        <v>110</v>
      </c>
      <c r="F149" s="564"/>
      <c r="G149" s="564"/>
      <c r="H149" s="564"/>
      <c r="I149" s="564"/>
      <c r="J149" s="564"/>
      <c r="K149" s="564"/>
      <c r="L149" s="564"/>
      <c r="M149" s="564"/>
      <c r="N149" s="564"/>
      <c r="O149" s="564"/>
      <c r="P149" s="564"/>
      <c r="Q149" s="564"/>
      <c r="R149" s="564"/>
      <c r="S149" s="564"/>
      <c r="T149" s="565"/>
      <c r="U149" s="221" t="s">
        <v>445</v>
      </c>
      <c r="V149" s="546" t="s">
        <v>107</v>
      </c>
      <c r="W149" s="547"/>
      <c r="X149" s="547"/>
      <c r="Y149" s="547"/>
      <c r="Z149" s="548"/>
      <c r="AA149" s="623" t="s">
        <v>108</v>
      </c>
      <c r="AB149" s="624"/>
      <c r="AC149" s="625"/>
      <c r="AD149" s="415">
        <v>1</v>
      </c>
      <c r="AE149" s="415">
        <v>0</v>
      </c>
      <c r="AF149" s="541"/>
      <c r="AG149" s="542"/>
      <c r="AH149" s="549"/>
      <c r="AI149" s="550"/>
      <c r="AJ149" s="551"/>
      <c r="AK149" s="265"/>
      <c r="AL149" s="38"/>
      <c r="AM149" s="26"/>
      <c r="AN149" s="1" t="str">
        <f t="shared" si="7"/>
        <v>■</v>
      </c>
    </row>
    <row r="150" spans="1:40" s="1" customFormat="1">
      <c r="A150" s="20" t="str">
        <f t="shared" si="5"/>
        <v>KO</v>
      </c>
      <c r="B150" s="20"/>
      <c r="C150" s="541">
        <v>5</v>
      </c>
      <c r="D150" s="542"/>
      <c r="E150" s="543" t="s">
        <v>80</v>
      </c>
      <c r="F150" s="544"/>
      <c r="G150" s="544"/>
      <c r="H150" s="544"/>
      <c r="I150" s="544"/>
      <c r="J150" s="544"/>
      <c r="K150" s="544"/>
      <c r="L150" s="544"/>
      <c r="M150" s="544"/>
      <c r="N150" s="544"/>
      <c r="O150" s="544"/>
      <c r="P150" s="544"/>
      <c r="Q150" s="544"/>
      <c r="R150" s="544"/>
      <c r="S150" s="544"/>
      <c r="T150" s="545"/>
      <c r="U150" s="221" t="s">
        <v>446</v>
      </c>
      <c r="V150" s="546" t="s">
        <v>101</v>
      </c>
      <c r="W150" s="547"/>
      <c r="X150" s="547"/>
      <c r="Y150" s="547"/>
      <c r="Z150" s="548"/>
      <c r="AA150" s="623" t="s">
        <v>102</v>
      </c>
      <c r="AB150" s="624"/>
      <c r="AC150" s="625"/>
      <c r="AD150" s="415">
        <v>2</v>
      </c>
      <c r="AE150" s="415" t="s">
        <v>103</v>
      </c>
      <c r="AF150" s="541"/>
      <c r="AG150" s="542"/>
      <c r="AH150" s="549"/>
      <c r="AI150" s="550"/>
      <c r="AJ150" s="551"/>
      <c r="AK150" s="265"/>
      <c r="AL150" s="38"/>
      <c r="AM150" s="26"/>
      <c r="AN150" s="1" t="str">
        <f t="shared" si="7"/>
        <v>■</v>
      </c>
    </row>
    <row r="151" spans="1:40" s="1" customFormat="1">
      <c r="A151" s="20" t="str">
        <f t="shared" si="5"/>
        <v>KO</v>
      </c>
      <c r="B151" s="20"/>
      <c r="C151" s="541">
        <v>6</v>
      </c>
      <c r="D151" s="542"/>
      <c r="E151" s="543" t="s">
        <v>572</v>
      </c>
      <c r="F151" s="544"/>
      <c r="G151" s="544"/>
      <c r="H151" s="544"/>
      <c r="I151" s="544"/>
      <c r="J151" s="544"/>
      <c r="K151" s="544"/>
      <c r="L151" s="544"/>
      <c r="M151" s="544"/>
      <c r="N151" s="544"/>
      <c r="O151" s="544"/>
      <c r="P151" s="544"/>
      <c r="Q151" s="544"/>
      <c r="R151" s="544"/>
      <c r="S151" s="544"/>
      <c r="T151" s="545"/>
      <c r="U151" s="221" t="s">
        <v>573</v>
      </c>
      <c r="V151" s="546" t="s">
        <v>101</v>
      </c>
      <c r="W151" s="547"/>
      <c r="X151" s="547"/>
      <c r="Y151" s="547"/>
      <c r="Z151" s="548"/>
      <c r="AA151" s="623" t="s">
        <v>102</v>
      </c>
      <c r="AB151" s="624"/>
      <c r="AC151" s="625"/>
      <c r="AD151" s="415">
        <v>8</v>
      </c>
      <c r="AE151" s="415" t="s">
        <v>103</v>
      </c>
      <c r="AF151" s="541"/>
      <c r="AG151" s="542"/>
      <c r="AH151" s="549"/>
      <c r="AI151" s="550"/>
      <c r="AJ151" s="551"/>
      <c r="AK151" s="265" t="s">
        <v>3020</v>
      </c>
      <c r="AL151" s="38"/>
      <c r="AM151" s="26"/>
      <c r="AN151" s="1" t="str">
        <f t="shared" si="7"/>
        <v>■</v>
      </c>
    </row>
    <row r="152" spans="1:40" s="1" customFormat="1">
      <c r="A152" s="20" t="str">
        <f t="shared" si="5"/>
        <v>KO</v>
      </c>
      <c r="B152" s="20"/>
      <c r="C152" s="541">
        <v>7</v>
      </c>
      <c r="D152" s="542"/>
      <c r="E152" s="543" t="s">
        <v>574</v>
      </c>
      <c r="F152" s="544"/>
      <c r="G152" s="544"/>
      <c r="H152" s="544"/>
      <c r="I152" s="544"/>
      <c r="J152" s="544"/>
      <c r="K152" s="544"/>
      <c r="L152" s="544"/>
      <c r="M152" s="544"/>
      <c r="N152" s="544"/>
      <c r="O152" s="544"/>
      <c r="P152" s="544"/>
      <c r="Q152" s="544"/>
      <c r="R152" s="544"/>
      <c r="S152" s="544"/>
      <c r="T152" s="545"/>
      <c r="U152" s="221" t="s">
        <v>575</v>
      </c>
      <c r="V152" s="546" t="s">
        <v>107</v>
      </c>
      <c r="W152" s="547"/>
      <c r="X152" s="547"/>
      <c r="Y152" s="547"/>
      <c r="Z152" s="548"/>
      <c r="AA152" s="623" t="s">
        <v>102</v>
      </c>
      <c r="AB152" s="624"/>
      <c r="AC152" s="625"/>
      <c r="AD152" s="415">
        <v>1</v>
      </c>
      <c r="AE152" s="415" t="s">
        <v>103</v>
      </c>
      <c r="AF152" s="541"/>
      <c r="AG152" s="542"/>
      <c r="AH152" s="549"/>
      <c r="AI152" s="550"/>
      <c r="AJ152" s="551"/>
      <c r="AK152" s="265"/>
      <c r="AL152" s="38"/>
      <c r="AM152" s="26"/>
      <c r="AN152" s="1" t="str">
        <f t="shared" si="7"/>
        <v>■</v>
      </c>
    </row>
    <row r="153" spans="1:40" s="1" customFormat="1">
      <c r="A153" s="20" t="str">
        <f t="shared" si="5"/>
        <v>KO</v>
      </c>
      <c r="B153" s="20"/>
      <c r="C153" s="541">
        <v>8</v>
      </c>
      <c r="D153" s="542"/>
      <c r="E153" s="543" t="s">
        <v>985</v>
      </c>
      <c r="F153" s="544"/>
      <c r="G153" s="544"/>
      <c r="H153" s="544"/>
      <c r="I153" s="544"/>
      <c r="J153" s="544"/>
      <c r="K153" s="544"/>
      <c r="L153" s="544"/>
      <c r="M153" s="544"/>
      <c r="N153" s="544"/>
      <c r="O153" s="544"/>
      <c r="P153" s="544"/>
      <c r="Q153" s="544"/>
      <c r="R153" s="544"/>
      <c r="S153" s="544"/>
      <c r="T153" s="545"/>
      <c r="U153" s="221" t="s">
        <v>552</v>
      </c>
      <c r="V153" s="546" t="s">
        <v>107</v>
      </c>
      <c r="W153" s="547"/>
      <c r="X153" s="547"/>
      <c r="Y153" s="547"/>
      <c r="Z153" s="548"/>
      <c r="AA153" s="623" t="s">
        <v>108</v>
      </c>
      <c r="AB153" s="624"/>
      <c r="AC153" s="625"/>
      <c r="AD153" s="415">
        <v>2</v>
      </c>
      <c r="AE153" s="415">
        <v>0</v>
      </c>
      <c r="AF153" s="541"/>
      <c r="AG153" s="542"/>
      <c r="AH153" s="549"/>
      <c r="AI153" s="550"/>
      <c r="AJ153" s="551"/>
      <c r="AK153" s="265"/>
      <c r="AL153" s="38"/>
      <c r="AM153" s="26"/>
      <c r="AN153" s="1" t="str">
        <f t="shared" si="7"/>
        <v>■</v>
      </c>
    </row>
    <row r="154" spans="1:40" s="1" customFormat="1">
      <c r="A154" s="20" t="str">
        <f t="shared" si="5"/>
        <v>KO</v>
      </c>
      <c r="B154" s="20"/>
      <c r="C154" s="541">
        <v>9</v>
      </c>
      <c r="D154" s="542"/>
      <c r="E154" s="543" t="s">
        <v>553</v>
      </c>
      <c r="F154" s="544"/>
      <c r="G154" s="544"/>
      <c r="H154" s="544"/>
      <c r="I154" s="544"/>
      <c r="J154" s="544"/>
      <c r="K154" s="544"/>
      <c r="L154" s="544"/>
      <c r="M154" s="544"/>
      <c r="N154" s="544"/>
      <c r="O154" s="544"/>
      <c r="P154" s="544"/>
      <c r="Q154" s="544"/>
      <c r="R154" s="544"/>
      <c r="S154" s="544"/>
      <c r="T154" s="545"/>
      <c r="U154" s="221" t="s">
        <v>554</v>
      </c>
      <c r="V154" s="546" t="s">
        <v>107</v>
      </c>
      <c r="W154" s="547"/>
      <c r="X154" s="547"/>
      <c r="Y154" s="547"/>
      <c r="Z154" s="548"/>
      <c r="AA154" s="623" t="s">
        <v>108</v>
      </c>
      <c r="AB154" s="624"/>
      <c r="AC154" s="625"/>
      <c r="AD154" s="415">
        <v>8</v>
      </c>
      <c r="AE154" s="415">
        <v>0</v>
      </c>
      <c r="AF154" s="541"/>
      <c r="AG154" s="542"/>
      <c r="AH154" s="549"/>
      <c r="AI154" s="550"/>
      <c r="AJ154" s="551"/>
      <c r="AK154" s="265"/>
      <c r="AL154" s="38"/>
      <c r="AM154" s="26"/>
      <c r="AN154" s="1" t="str">
        <f t="shared" si="7"/>
        <v>■</v>
      </c>
    </row>
    <row r="155" spans="1:40" s="1" customFormat="1">
      <c r="A155" s="20" t="str">
        <f t="shared" si="5"/>
        <v>KO</v>
      </c>
      <c r="B155" s="20"/>
      <c r="C155" s="541">
        <v>10</v>
      </c>
      <c r="D155" s="542"/>
      <c r="E155" s="543" t="s">
        <v>576</v>
      </c>
      <c r="F155" s="544"/>
      <c r="G155" s="544"/>
      <c r="H155" s="544"/>
      <c r="I155" s="544"/>
      <c r="J155" s="544"/>
      <c r="K155" s="544"/>
      <c r="L155" s="544"/>
      <c r="M155" s="544"/>
      <c r="N155" s="544"/>
      <c r="O155" s="544"/>
      <c r="P155" s="544"/>
      <c r="Q155" s="544"/>
      <c r="R155" s="544"/>
      <c r="S155" s="544"/>
      <c r="T155" s="545"/>
      <c r="U155" s="221" t="s">
        <v>577</v>
      </c>
      <c r="V155" s="546" t="s">
        <v>107</v>
      </c>
      <c r="W155" s="547"/>
      <c r="X155" s="547"/>
      <c r="Y155" s="547"/>
      <c r="Z155" s="548"/>
      <c r="AA155" s="623" t="s">
        <v>108</v>
      </c>
      <c r="AB155" s="624"/>
      <c r="AC155" s="625"/>
      <c r="AD155" s="415">
        <v>8</v>
      </c>
      <c r="AE155" s="415">
        <v>0</v>
      </c>
      <c r="AF155" s="541"/>
      <c r="AG155" s="542"/>
      <c r="AH155" s="549"/>
      <c r="AI155" s="550"/>
      <c r="AJ155" s="551"/>
      <c r="AK155" s="265"/>
      <c r="AL155" s="38"/>
      <c r="AM155" s="26"/>
      <c r="AN155" s="1" t="str">
        <f t="shared" si="7"/>
        <v>■</v>
      </c>
    </row>
    <row r="156" spans="1:40" s="1" customFormat="1" ht="13" customHeight="1">
      <c r="A156" s="20" t="str">
        <f t="shared" si="5"/>
        <v>KO</v>
      </c>
      <c r="B156" s="20"/>
      <c r="C156" s="552">
        <v>11</v>
      </c>
      <c r="D156" s="553"/>
      <c r="E156" s="554" t="s">
        <v>986</v>
      </c>
      <c r="F156" s="555"/>
      <c r="G156" s="555"/>
      <c r="H156" s="555"/>
      <c r="I156" s="555"/>
      <c r="J156" s="555"/>
      <c r="K156" s="555"/>
      <c r="L156" s="555"/>
      <c r="M156" s="555"/>
      <c r="N156" s="555"/>
      <c r="O156" s="555"/>
      <c r="P156" s="555"/>
      <c r="Q156" s="555"/>
      <c r="R156" s="555"/>
      <c r="S156" s="555"/>
      <c r="T156" s="556"/>
      <c r="U156" s="259" t="s">
        <v>474</v>
      </c>
      <c r="V156" s="557" t="s">
        <v>107</v>
      </c>
      <c r="W156" s="558"/>
      <c r="X156" s="558"/>
      <c r="Y156" s="558"/>
      <c r="Z156" s="559"/>
      <c r="AA156" s="626" t="s">
        <v>102</v>
      </c>
      <c r="AB156" s="627"/>
      <c r="AC156" s="628"/>
      <c r="AD156" s="419">
        <v>6</v>
      </c>
      <c r="AE156" s="419" t="s">
        <v>103</v>
      </c>
      <c r="AF156" s="552" t="s">
        <v>109</v>
      </c>
      <c r="AG156" s="553"/>
      <c r="AH156" s="560"/>
      <c r="AI156" s="561"/>
      <c r="AJ156" s="562"/>
      <c r="AK156" s="333" t="s">
        <v>416</v>
      </c>
      <c r="AL156" s="38"/>
      <c r="AM156" s="26"/>
      <c r="AN156" s="1" t="str">
        <f t="shared" si="7"/>
        <v>■</v>
      </c>
    </row>
    <row r="157" spans="1:40" s="1" customFormat="1" ht="13.4" customHeight="1">
      <c r="A157" s="20" t="str">
        <f t="shared" si="5"/>
        <v>KO</v>
      </c>
      <c r="B157" s="20"/>
      <c r="C157" s="541">
        <v>12</v>
      </c>
      <c r="D157" s="542"/>
      <c r="E157" s="543" t="s">
        <v>580</v>
      </c>
      <c r="F157" s="544"/>
      <c r="G157" s="544"/>
      <c r="H157" s="544"/>
      <c r="I157" s="544"/>
      <c r="J157" s="544"/>
      <c r="K157" s="544"/>
      <c r="L157" s="544"/>
      <c r="M157" s="544"/>
      <c r="N157" s="544"/>
      <c r="O157" s="544"/>
      <c r="P157" s="544"/>
      <c r="Q157" s="544"/>
      <c r="R157" s="544"/>
      <c r="S157" s="544"/>
      <c r="T157" s="545"/>
      <c r="U157" s="221" t="s">
        <v>581</v>
      </c>
      <c r="V157" s="546" t="s">
        <v>107</v>
      </c>
      <c r="W157" s="547"/>
      <c r="X157" s="547"/>
      <c r="Y157" s="547"/>
      <c r="Z157" s="548"/>
      <c r="AA157" s="623" t="s">
        <v>108</v>
      </c>
      <c r="AB157" s="624"/>
      <c r="AC157" s="625"/>
      <c r="AD157" s="415">
        <v>6</v>
      </c>
      <c r="AE157" s="415">
        <v>0</v>
      </c>
      <c r="AF157" s="541"/>
      <c r="AG157" s="542"/>
      <c r="AH157" s="549"/>
      <c r="AI157" s="550"/>
      <c r="AJ157" s="551"/>
      <c r="AK157" s="265"/>
      <c r="AL157" s="38"/>
      <c r="AM157" s="26"/>
      <c r="AN157" s="1" t="str">
        <f t="shared" si="7"/>
        <v>■</v>
      </c>
    </row>
    <row r="158" spans="1:40" s="1" customFormat="1" ht="13.4" customHeight="1">
      <c r="A158" s="20" t="str">
        <f t="shared" si="5"/>
        <v>KO</v>
      </c>
      <c r="B158" s="20"/>
      <c r="C158" s="552">
        <v>13</v>
      </c>
      <c r="D158" s="553"/>
      <c r="E158" s="554" t="s">
        <v>987</v>
      </c>
      <c r="F158" s="555"/>
      <c r="G158" s="555"/>
      <c r="H158" s="555"/>
      <c r="I158" s="555"/>
      <c r="J158" s="555"/>
      <c r="K158" s="555"/>
      <c r="L158" s="555"/>
      <c r="M158" s="555"/>
      <c r="N158" s="555"/>
      <c r="O158" s="555"/>
      <c r="P158" s="555"/>
      <c r="Q158" s="555"/>
      <c r="R158" s="555"/>
      <c r="S158" s="555"/>
      <c r="T158" s="556"/>
      <c r="U158" s="259" t="s">
        <v>475</v>
      </c>
      <c r="V158" s="557" t="s">
        <v>107</v>
      </c>
      <c r="W158" s="558"/>
      <c r="X158" s="558"/>
      <c r="Y158" s="558"/>
      <c r="Z158" s="559"/>
      <c r="AA158" s="626" t="s">
        <v>102</v>
      </c>
      <c r="AB158" s="627"/>
      <c r="AC158" s="628"/>
      <c r="AD158" s="419">
        <v>5</v>
      </c>
      <c r="AE158" s="419" t="s">
        <v>103</v>
      </c>
      <c r="AF158" s="552" t="s">
        <v>109</v>
      </c>
      <c r="AG158" s="553"/>
      <c r="AH158" s="560"/>
      <c r="AI158" s="561"/>
      <c r="AJ158" s="562"/>
      <c r="AK158" s="333" t="s">
        <v>399</v>
      </c>
      <c r="AL158" s="38"/>
      <c r="AM158" s="26"/>
      <c r="AN158" s="1" t="str">
        <f t="shared" si="7"/>
        <v>■</v>
      </c>
    </row>
    <row r="159" spans="1:40" s="1" customFormat="1" ht="14.15" customHeight="1">
      <c r="A159" s="20" t="str">
        <f t="shared" si="5"/>
        <v>KO</v>
      </c>
      <c r="B159" s="20"/>
      <c r="C159" s="541">
        <v>14</v>
      </c>
      <c r="D159" s="542"/>
      <c r="E159" s="543" t="s">
        <v>556</v>
      </c>
      <c r="F159" s="544"/>
      <c r="G159" s="544"/>
      <c r="H159" s="544"/>
      <c r="I159" s="544"/>
      <c r="J159" s="544"/>
      <c r="K159" s="544"/>
      <c r="L159" s="544"/>
      <c r="M159" s="544"/>
      <c r="N159" s="544"/>
      <c r="O159" s="544"/>
      <c r="P159" s="544"/>
      <c r="Q159" s="544"/>
      <c r="R159" s="544"/>
      <c r="S159" s="544"/>
      <c r="T159" s="545"/>
      <c r="U159" s="221" t="s">
        <v>557</v>
      </c>
      <c r="V159" s="546" t="s">
        <v>107</v>
      </c>
      <c r="W159" s="547"/>
      <c r="X159" s="547"/>
      <c r="Y159" s="547"/>
      <c r="Z159" s="548"/>
      <c r="AA159" s="623" t="s">
        <v>108</v>
      </c>
      <c r="AB159" s="624"/>
      <c r="AC159" s="625"/>
      <c r="AD159" s="415">
        <v>2</v>
      </c>
      <c r="AE159" s="415">
        <v>0</v>
      </c>
      <c r="AF159" s="541"/>
      <c r="AG159" s="542"/>
      <c r="AH159" s="549"/>
      <c r="AI159" s="550"/>
      <c r="AJ159" s="551"/>
      <c r="AK159" s="265"/>
      <c r="AL159" s="38"/>
      <c r="AM159" s="26"/>
      <c r="AN159" s="1" t="str">
        <f t="shared" si="7"/>
        <v>■</v>
      </c>
    </row>
    <row r="160" spans="1:40" s="1" customFormat="1" ht="14.15" customHeight="1">
      <c r="A160" s="20" t="str">
        <f t="shared" si="5"/>
        <v>KO</v>
      </c>
      <c r="B160" s="20"/>
      <c r="C160" s="541">
        <v>15</v>
      </c>
      <c r="D160" s="542"/>
      <c r="E160" s="543" t="s">
        <v>558</v>
      </c>
      <c r="F160" s="544"/>
      <c r="G160" s="544"/>
      <c r="H160" s="544"/>
      <c r="I160" s="544"/>
      <c r="J160" s="544"/>
      <c r="K160" s="544"/>
      <c r="L160" s="544"/>
      <c r="M160" s="544"/>
      <c r="N160" s="544"/>
      <c r="O160" s="544"/>
      <c r="P160" s="544"/>
      <c r="Q160" s="544"/>
      <c r="R160" s="544"/>
      <c r="S160" s="544"/>
      <c r="T160" s="545"/>
      <c r="U160" s="221" t="s">
        <v>559</v>
      </c>
      <c r="V160" s="546" t="s">
        <v>107</v>
      </c>
      <c r="W160" s="547"/>
      <c r="X160" s="547"/>
      <c r="Y160" s="547"/>
      <c r="Z160" s="548"/>
      <c r="AA160" s="623" t="s">
        <v>108</v>
      </c>
      <c r="AB160" s="624"/>
      <c r="AC160" s="625"/>
      <c r="AD160" s="415">
        <v>8</v>
      </c>
      <c r="AE160" s="415">
        <v>0</v>
      </c>
      <c r="AF160" s="541"/>
      <c r="AG160" s="542"/>
      <c r="AH160" s="549"/>
      <c r="AI160" s="550"/>
      <c r="AJ160" s="551"/>
      <c r="AK160" s="265"/>
      <c r="AL160" s="38"/>
      <c r="AM160" s="26"/>
      <c r="AN160" s="1" t="str">
        <f t="shared" si="7"/>
        <v>■</v>
      </c>
    </row>
    <row r="161" spans="1:40" s="1" customFormat="1" ht="13.4" customHeight="1">
      <c r="A161" s="20" t="str">
        <f t="shared" si="5"/>
        <v>KO</v>
      </c>
      <c r="B161" s="20"/>
      <c r="C161" s="541">
        <v>16</v>
      </c>
      <c r="D161" s="542"/>
      <c r="E161" s="543" t="s">
        <v>980</v>
      </c>
      <c r="F161" s="544"/>
      <c r="G161" s="544"/>
      <c r="H161" s="544"/>
      <c r="I161" s="544"/>
      <c r="J161" s="544"/>
      <c r="K161" s="544"/>
      <c r="L161" s="544"/>
      <c r="M161" s="544"/>
      <c r="N161" s="544"/>
      <c r="O161" s="544"/>
      <c r="P161" s="544"/>
      <c r="Q161" s="544"/>
      <c r="R161" s="544"/>
      <c r="S161" s="544"/>
      <c r="T161" s="545"/>
      <c r="U161" s="221" t="s">
        <v>981</v>
      </c>
      <c r="V161" s="546" t="s">
        <v>107</v>
      </c>
      <c r="W161" s="547"/>
      <c r="X161" s="547"/>
      <c r="Y161" s="547"/>
      <c r="Z161" s="548"/>
      <c r="AA161" s="623" t="s">
        <v>108</v>
      </c>
      <c r="AB161" s="624"/>
      <c r="AC161" s="625"/>
      <c r="AD161" s="415">
        <v>8</v>
      </c>
      <c r="AE161" s="415">
        <v>0</v>
      </c>
      <c r="AF161" s="541"/>
      <c r="AG161" s="542"/>
      <c r="AH161" s="549"/>
      <c r="AI161" s="550"/>
      <c r="AJ161" s="551"/>
      <c r="AK161" s="265"/>
      <c r="AL161" s="38"/>
      <c r="AM161" s="26"/>
      <c r="AN161" s="1" t="str">
        <f t="shared" si="7"/>
        <v>■</v>
      </c>
    </row>
    <row r="162" spans="1:40" s="1" customFormat="1">
      <c r="A162" s="20" t="str">
        <f t="shared" si="5"/>
        <v>KO</v>
      </c>
      <c r="B162" s="20"/>
      <c r="C162" s="541">
        <v>17</v>
      </c>
      <c r="D162" s="542"/>
      <c r="E162" s="543" t="s">
        <v>409</v>
      </c>
      <c r="F162" s="544"/>
      <c r="G162" s="544"/>
      <c r="H162" s="544"/>
      <c r="I162" s="544"/>
      <c r="J162" s="544"/>
      <c r="K162" s="544"/>
      <c r="L162" s="544"/>
      <c r="M162" s="544"/>
      <c r="N162" s="544"/>
      <c r="O162" s="544"/>
      <c r="P162" s="544"/>
      <c r="Q162" s="544"/>
      <c r="R162" s="544"/>
      <c r="S162" s="544"/>
      <c r="T162" s="545"/>
      <c r="U162" s="221" t="s">
        <v>453</v>
      </c>
      <c r="V162" s="546" t="s">
        <v>107</v>
      </c>
      <c r="W162" s="547"/>
      <c r="X162" s="547"/>
      <c r="Y162" s="547"/>
      <c r="Z162" s="548"/>
      <c r="AA162" s="623" t="s">
        <v>102</v>
      </c>
      <c r="AB162" s="624"/>
      <c r="AC162" s="625"/>
      <c r="AD162" s="415">
        <v>6</v>
      </c>
      <c r="AE162" s="415" t="s">
        <v>103</v>
      </c>
      <c r="AF162" s="541"/>
      <c r="AG162" s="542"/>
      <c r="AH162" s="549"/>
      <c r="AI162" s="550"/>
      <c r="AJ162" s="551"/>
      <c r="AK162" s="265"/>
      <c r="AL162" s="38"/>
      <c r="AM162" s="26"/>
      <c r="AN162" s="1" t="str">
        <f t="shared" si="7"/>
        <v>■</v>
      </c>
    </row>
    <row r="163" spans="1:40" s="1" customFormat="1" ht="13.4" customHeight="1">
      <c r="A163" s="20" t="str">
        <f t="shared" si="5"/>
        <v>KO</v>
      </c>
      <c r="B163" s="20"/>
      <c r="C163" s="541">
        <v>18</v>
      </c>
      <c r="D163" s="542"/>
      <c r="E163" s="543" t="s">
        <v>411</v>
      </c>
      <c r="F163" s="544"/>
      <c r="G163" s="544"/>
      <c r="H163" s="544"/>
      <c r="I163" s="544"/>
      <c r="J163" s="544"/>
      <c r="K163" s="544"/>
      <c r="L163" s="544"/>
      <c r="M163" s="544"/>
      <c r="N163" s="544"/>
      <c r="O163" s="544"/>
      <c r="P163" s="544"/>
      <c r="Q163" s="544"/>
      <c r="R163" s="544"/>
      <c r="S163" s="544"/>
      <c r="T163" s="545"/>
      <c r="U163" s="221" t="s">
        <v>516</v>
      </c>
      <c r="V163" s="546" t="s">
        <v>107</v>
      </c>
      <c r="W163" s="547"/>
      <c r="X163" s="547"/>
      <c r="Y163" s="547"/>
      <c r="Z163" s="548"/>
      <c r="AA163" s="623" t="s">
        <v>102</v>
      </c>
      <c r="AB163" s="624"/>
      <c r="AC163" s="625"/>
      <c r="AD163" s="415">
        <v>6</v>
      </c>
      <c r="AE163" s="415" t="s">
        <v>103</v>
      </c>
      <c r="AF163" s="541"/>
      <c r="AG163" s="542"/>
      <c r="AH163" s="549"/>
      <c r="AI163" s="550"/>
      <c r="AJ163" s="551"/>
      <c r="AK163" s="265"/>
      <c r="AL163" s="48"/>
      <c r="AM163" s="26"/>
      <c r="AN163" s="1" t="str">
        <f t="shared" si="7"/>
        <v>■</v>
      </c>
    </row>
    <row r="164" spans="1:40" s="1" customFormat="1" ht="13.4" customHeight="1">
      <c r="A164" s="20" t="str">
        <f t="shared" si="5"/>
        <v>KO</v>
      </c>
      <c r="B164" s="20"/>
      <c r="C164" s="541">
        <v>19</v>
      </c>
      <c r="D164" s="542"/>
      <c r="E164" s="543" t="s">
        <v>970</v>
      </c>
      <c r="F164" s="544"/>
      <c r="G164" s="544"/>
      <c r="H164" s="544"/>
      <c r="I164" s="544"/>
      <c r="J164" s="544"/>
      <c r="K164" s="544"/>
      <c r="L164" s="544"/>
      <c r="M164" s="544"/>
      <c r="N164" s="544"/>
      <c r="O164" s="544"/>
      <c r="P164" s="544"/>
      <c r="Q164" s="544"/>
      <c r="R164" s="544"/>
      <c r="S164" s="544"/>
      <c r="T164" s="545"/>
      <c r="U164" s="221" t="s">
        <v>971</v>
      </c>
      <c r="V164" s="546" t="s">
        <v>107</v>
      </c>
      <c r="W164" s="547"/>
      <c r="X164" s="547"/>
      <c r="Y164" s="547"/>
      <c r="Z164" s="548"/>
      <c r="AA164" s="623" t="s">
        <v>102</v>
      </c>
      <c r="AB164" s="624"/>
      <c r="AC164" s="625"/>
      <c r="AD164" s="415">
        <v>1</v>
      </c>
      <c r="AE164" s="415" t="s">
        <v>103</v>
      </c>
      <c r="AF164" s="541"/>
      <c r="AG164" s="542"/>
      <c r="AH164" s="549"/>
      <c r="AI164" s="550"/>
      <c r="AJ164" s="551"/>
      <c r="AK164" s="265"/>
      <c r="AL164" s="48"/>
      <c r="AM164" s="26"/>
      <c r="AN164" s="1" t="str">
        <f t="shared" si="7"/>
        <v>■</v>
      </c>
    </row>
    <row r="165" spans="1:40" s="1" customFormat="1" ht="13.4" customHeight="1">
      <c r="A165" s="20" t="str">
        <f t="shared" si="5"/>
        <v>KO</v>
      </c>
      <c r="B165" s="20"/>
      <c r="C165" s="541">
        <v>20</v>
      </c>
      <c r="D165" s="542"/>
      <c r="E165" s="543" t="s">
        <v>976</v>
      </c>
      <c r="F165" s="544"/>
      <c r="G165" s="544"/>
      <c r="H165" s="544"/>
      <c r="I165" s="544"/>
      <c r="J165" s="544"/>
      <c r="K165" s="544"/>
      <c r="L165" s="544"/>
      <c r="M165" s="544"/>
      <c r="N165" s="544"/>
      <c r="O165" s="544"/>
      <c r="P165" s="544"/>
      <c r="Q165" s="544"/>
      <c r="R165" s="544"/>
      <c r="S165" s="544"/>
      <c r="T165" s="545"/>
      <c r="U165" s="221" t="s">
        <v>977</v>
      </c>
      <c r="V165" s="546" t="s">
        <v>107</v>
      </c>
      <c r="W165" s="547"/>
      <c r="X165" s="547"/>
      <c r="Y165" s="547"/>
      <c r="Z165" s="548"/>
      <c r="AA165" s="623" t="s">
        <v>108</v>
      </c>
      <c r="AB165" s="624"/>
      <c r="AC165" s="625"/>
      <c r="AD165" s="415">
        <v>2</v>
      </c>
      <c r="AE165" s="415">
        <v>0</v>
      </c>
      <c r="AF165" s="541"/>
      <c r="AG165" s="542"/>
      <c r="AH165" s="549"/>
      <c r="AI165" s="550"/>
      <c r="AJ165" s="551"/>
      <c r="AK165" s="265"/>
      <c r="AL165" s="37"/>
      <c r="AM165" s="26"/>
      <c r="AN165" s="1" t="str">
        <f t="shared" si="7"/>
        <v>■</v>
      </c>
    </row>
    <row r="166" spans="1:40" ht="13.4" customHeight="1">
      <c r="A166" s="20" t="str">
        <f t="shared" si="5"/>
        <v>KO</v>
      </c>
      <c r="B166" s="25"/>
      <c r="C166" s="26"/>
      <c r="D166" s="26"/>
      <c r="E166" s="26"/>
      <c r="F166" s="26"/>
      <c r="G166" s="26"/>
      <c r="H166" s="26"/>
      <c r="I166" s="26"/>
      <c r="J166" s="26"/>
      <c r="K166" s="26"/>
      <c r="L166" s="26"/>
      <c r="M166" s="26"/>
      <c r="N166" s="26"/>
      <c r="O166" s="26"/>
      <c r="P166" s="26"/>
      <c r="Q166" s="26"/>
      <c r="R166" s="26"/>
      <c r="S166" s="26"/>
      <c r="T166" s="26"/>
      <c r="V166" s="122"/>
      <c r="W166" s="122"/>
      <c r="X166" s="122"/>
      <c r="Y166" s="122"/>
      <c r="Z166" s="122"/>
      <c r="AA166" s="634"/>
      <c r="AB166" s="634"/>
      <c r="AC166" s="634"/>
      <c r="AD166" s="122"/>
      <c r="AE166" s="122"/>
      <c r="AF166" s="122"/>
      <c r="AG166" s="122"/>
      <c r="AH166" s="122"/>
      <c r="AI166" s="122"/>
      <c r="AJ166" s="122"/>
      <c r="AK166" s="55"/>
      <c r="AL166" s="37"/>
      <c r="AM166" s="16"/>
    </row>
    <row r="167" spans="1:40" s="1" customFormat="1" ht="13.4" customHeight="1">
      <c r="A167" s="20" t="str">
        <f t="shared" si="5"/>
        <v>CO</v>
      </c>
      <c r="B167" s="20"/>
      <c r="C167" s="52" t="s">
        <v>380</v>
      </c>
      <c r="D167" s="53"/>
      <c r="E167" s="26"/>
      <c r="F167" s="26"/>
      <c r="G167" s="26"/>
      <c r="H167" s="26"/>
      <c r="I167" s="26"/>
      <c r="J167" s="26" t="s">
        <v>726</v>
      </c>
      <c r="K167" s="71"/>
      <c r="L167" s="26"/>
      <c r="M167" s="71"/>
      <c r="N167" s="26"/>
      <c r="O167" s="26"/>
      <c r="P167" s="26"/>
      <c r="Q167" s="26"/>
      <c r="R167" s="26"/>
      <c r="S167" s="26"/>
      <c r="T167" s="26"/>
      <c r="U167" s="26" t="s">
        <v>988</v>
      </c>
      <c r="V167" s="122"/>
      <c r="W167" s="122"/>
      <c r="X167" s="122"/>
      <c r="Y167" s="122"/>
      <c r="Z167" s="122"/>
      <c r="AA167" s="630"/>
      <c r="AB167" s="630"/>
      <c r="AC167" s="630"/>
      <c r="AD167" s="122"/>
      <c r="AE167" s="122"/>
      <c r="AF167" s="122"/>
      <c r="AG167" s="122"/>
      <c r="AH167" s="122"/>
      <c r="AI167" s="122"/>
      <c r="AJ167" s="122"/>
      <c r="AK167" s="26"/>
      <c r="AL167" s="38"/>
      <c r="AM167" s="26"/>
    </row>
    <row r="168" spans="1:40" ht="13.5" customHeight="1">
      <c r="A168" s="20" t="str">
        <f t="shared" si="5"/>
        <v>CO</v>
      </c>
      <c r="B168" s="51"/>
      <c r="C168" s="583" t="s">
        <v>73</v>
      </c>
      <c r="D168" s="573"/>
      <c r="E168" s="583" t="s">
        <v>94</v>
      </c>
      <c r="F168" s="583"/>
      <c r="G168" s="583"/>
      <c r="H168" s="583"/>
      <c r="I168" s="583"/>
      <c r="J168" s="583"/>
      <c r="K168" s="583"/>
      <c r="L168" s="583"/>
      <c r="M168" s="583"/>
      <c r="N168" s="583"/>
      <c r="O168" s="583"/>
      <c r="P168" s="583"/>
      <c r="Q168" s="583"/>
      <c r="R168" s="583"/>
      <c r="S168" s="583"/>
      <c r="T168" s="583"/>
      <c r="U168" s="226" t="s">
        <v>383</v>
      </c>
      <c r="V168" s="572" t="s">
        <v>138</v>
      </c>
      <c r="W168" s="572"/>
      <c r="X168" s="572"/>
      <c r="Y168" s="572"/>
      <c r="Z168" s="572"/>
      <c r="AA168" s="575" t="s">
        <v>959</v>
      </c>
      <c r="AB168" s="576"/>
      <c r="AC168" s="577"/>
      <c r="AD168" s="572" t="s">
        <v>97</v>
      </c>
      <c r="AE168" s="572"/>
      <c r="AF168" s="572" t="s">
        <v>98</v>
      </c>
      <c r="AG168" s="572"/>
      <c r="AH168" s="583" t="s">
        <v>75</v>
      </c>
      <c r="AI168" s="583"/>
      <c r="AJ168" s="583"/>
      <c r="AK168" s="621" t="s">
        <v>159</v>
      </c>
      <c r="AL168" s="38"/>
      <c r="AM168" s="16"/>
    </row>
    <row r="169" spans="1:40" ht="13.4" customHeight="1">
      <c r="A169" s="20" t="str">
        <f t="shared" si="5"/>
        <v>CO</v>
      </c>
      <c r="B169" s="51"/>
      <c r="C169" s="573"/>
      <c r="D169" s="573"/>
      <c r="E169" s="583"/>
      <c r="F169" s="583"/>
      <c r="G169" s="583"/>
      <c r="H169" s="583"/>
      <c r="I169" s="583"/>
      <c r="J169" s="583"/>
      <c r="K169" s="583"/>
      <c r="L169" s="583"/>
      <c r="M169" s="583"/>
      <c r="N169" s="583"/>
      <c r="O169" s="583"/>
      <c r="P169" s="583"/>
      <c r="Q169" s="583"/>
      <c r="R169" s="583"/>
      <c r="S169" s="583"/>
      <c r="T169" s="583"/>
      <c r="U169" s="227"/>
      <c r="V169" s="572"/>
      <c r="W169" s="572"/>
      <c r="X169" s="572"/>
      <c r="Y169" s="572"/>
      <c r="Z169" s="572"/>
      <c r="AA169" s="578"/>
      <c r="AB169" s="579"/>
      <c r="AC169" s="580"/>
      <c r="AD169" s="572"/>
      <c r="AE169" s="572"/>
      <c r="AF169" s="572"/>
      <c r="AG169" s="572"/>
      <c r="AH169" s="583"/>
      <c r="AI169" s="583"/>
      <c r="AJ169" s="583"/>
      <c r="AK169" s="622"/>
      <c r="AL169" s="38"/>
      <c r="AM169" s="16"/>
    </row>
    <row r="170" spans="1:40" s="13" customFormat="1" ht="13.4" customHeight="1">
      <c r="A170" s="20" t="str">
        <f t="shared" si="5"/>
        <v>CO</v>
      </c>
      <c r="B170" s="20"/>
      <c r="C170" s="541">
        <v>1</v>
      </c>
      <c r="D170" s="542"/>
      <c r="E170" s="563" t="s">
        <v>440</v>
      </c>
      <c r="F170" s="564"/>
      <c r="G170" s="564"/>
      <c r="H170" s="564"/>
      <c r="I170" s="564"/>
      <c r="J170" s="564"/>
      <c r="K170" s="564"/>
      <c r="L170" s="564"/>
      <c r="M170" s="564"/>
      <c r="N170" s="564"/>
      <c r="O170" s="564"/>
      <c r="P170" s="564"/>
      <c r="Q170" s="564"/>
      <c r="R170" s="564"/>
      <c r="S170" s="564"/>
      <c r="T170" s="565"/>
      <c r="U170" s="219" t="s">
        <v>441</v>
      </c>
      <c r="V170" s="546" t="s">
        <v>101</v>
      </c>
      <c r="W170" s="547"/>
      <c r="X170" s="547"/>
      <c r="Y170" s="547"/>
      <c r="Z170" s="548"/>
      <c r="AA170" s="623" t="s">
        <v>102</v>
      </c>
      <c r="AB170" s="624"/>
      <c r="AC170" s="625"/>
      <c r="AD170" s="415">
        <v>10</v>
      </c>
      <c r="AE170" s="415" t="s">
        <v>103</v>
      </c>
      <c r="AF170" s="541"/>
      <c r="AG170" s="542"/>
      <c r="AH170" s="549"/>
      <c r="AI170" s="550"/>
      <c r="AJ170" s="551"/>
      <c r="AK170" s="265"/>
      <c r="AL170" s="38"/>
      <c r="AM170" s="54"/>
      <c r="AN170" s="13" t="str">
        <f>$G$20</f>
        <v>■</v>
      </c>
    </row>
    <row r="171" spans="1:40" s="13" customFormat="1" ht="13.4" customHeight="1">
      <c r="A171" s="20" t="str">
        <f t="shared" si="5"/>
        <v>CO</v>
      </c>
      <c r="B171" s="20"/>
      <c r="C171" s="541">
        <v>2</v>
      </c>
      <c r="D171" s="542"/>
      <c r="E171" s="563" t="s">
        <v>442</v>
      </c>
      <c r="F171" s="564"/>
      <c r="G171" s="564"/>
      <c r="H171" s="564"/>
      <c r="I171" s="564"/>
      <c r="J171" s="564"/>
      <c r="K171" s="564"/>
      <c r="L171" s="564"/>
      <c r="M171" s="564"/>
      <c r="N171" s="564"/>
      <c r="O171" s="564"/>
      <c r="P171" s="564"/>
      <c r="Q171" s="564"/>
      <c r="R171" s="564"/>
      <c r="S171" s="564"/>
      <c r="T171" s="565"/>
      <c r="U171" s="219" t="s">
        <v>443</v>
      </c>
      <c r="V171" s="546" t="s">
        <v>101</v>
      </c>
      <c r="W171" s="547"/>
      <c r="X171" s="547"/>
      <c r="Y171" s="547"/>
      <c r="Z171" s="548"/>
      <c r="AA171" s="623" t="s">
        <v>102</v>
      </c>
      <c r="AB171" s="624"/>
      <c r="AC171" s="625"/>
      <c r="AD171" s="415">
        <v>51</v>
      </c>
      <c r="AE171" s="415" t="s">
        <v>103</v>
      </c>
      <c r="AF171" s="541"/>
      <c r="AG171" s="542"/>
      <c r="AH171" s="549"/>
      <c r="AI171" s="550"/>
      <c r="AJ171" s="551"/>
      <c r="AK171" s="265"/>
      <c r="AL171" s="38"/>
      <c r="AM171" s="54"/>
      <c r="AN171" s="13" t="str">
        <f t="shared" ref="AN171:AN185" si="8">$G$20</f>
        <v>■</v>
      </c>
    </row>
    <row r="172" spans="1:40" s="13" customFormat="1" ht="13.4" customHeight="1">
      <c r="A172" s="20" t="str">
        <f t="shared" si="5"/>
        <v>CO</v>
      </c>
      <c r="B172" s="20"/>
      <c r="C172" s="552">
        <v>3</v>
      </c>
      <c r="D172" s="553"/>
      <c r="E172" s="566" t="s">
        <v>106</v>
      </c>
      <c r="F172" s="567"/>
      <c r="G172" s="567"/>
      <c r="H172" s="567"/>
      <c r="I172" s="567"/>
      <c r="J172" s="567"/>
      <c r="K172" s="567"/>
      <c r="L172" s="567"/>
      <c r="M172" s="567"/>
      <c r="N172" s="567"/>
      <c r="O172" s="567"/>
      <c r="P172" s="567"/>
      <c r="Q172" s="567"/>
      <c r="R172" s="567"/>
      <c r="S172" s="567"/>
      <c r="T172" s="568"/>
      <c r="U172" s="220" t="s">
        <v>444</v>
      </c>
      <c r="V172" s="557" t="s">
        <v>107</v>
      </c>
      <c r="W172" s="558"/>
      <c r="X172" s="558"/>
      <c r="Y172" s="558"/>
      <c r="Z172" s="559"/>
      <c r="AA172" s="626" t="s">
        <v>108</v>
      </c>
      <c r="AB172" s="627"/>
      <c r="AC172" s="628"/>
      <c r="AD172" s="419">
        <v>1</v>
      </c>
      <c r="AE172" s="419">
        <v>0</v>
      </c>
      <c r="AF172" s="552" t="s">
        <v>109</v>
      </c>
      <c r="AG172" s="553"/>
      <c r="AH172" s="560"/>
      <c r="AI172" s="561"/>
      <c r="AJ172" s="562"/>
      <c r="AK172" s="321" t="s">
        <v>416</v>
      </c>
      <c r="AL172" s="38"/>
      <c r="AM172" s="54"/>
      <c r="AN172" s="13" t="str">
        <f t="shared" si="8"/>
        <v>■</v>
      </c>
    </row>
    <row r="173" spans="1:40" s="13" customFormat="1" ht="13.4" customHeight="1">
      <c r="A173" s="20" t="str">
        <f t="shared" si="5"/>
        <v>CO</v>
      </c>
      <c r="B173" s="20"/>
      <c r="C173" s="541">
        <v>4</v>
      </c>
      <c r="D173" s="542"/>
      <c r="E173" s="563" t="s">
        <v>110</v>
      </c>
      <c r="F173" s="564"/>
      <c r="G173" s="564"/>
      <c r="H173" s="564"/>
      <c r="I173" s="564"/>
      <c r="J173" s="564"/>
      <c r="K173" s="564"/>
      <c r="L173" s="564"/>
      <c r="M173" s="564"/>
      <c r="N173" s="564"/>
      <c r="O173" s="564"/>
      <c r="P173" s="564"/>
      <c r="Q173" s="564"/>
      <c r="R173" s="564"/>
      <c r="S173" s="564"/>
      <c r="T173" s="565"/>
      <c r="U173" s="221" t="s">
        <v>445</v>
      </c>
      <c r="V173" s="546" t="s">
        <v>107</v>
      </c>
      <c r="W173" s="547"/>
      <c r="X173" s="547"/>
      <c r="Y173" s="547"/>
      <c r="Z173" s="548"/>
      <c r="AA173" s="623" t="s">
        <v>108</v>
      </c>
      <c r="AB173" s="624"/>
      <c r="AC173" s="625"/>
      <c r="AD173" s="415">
        <v>1</v>
      </c>
      <c r="AE173" s="415">
        <v>0</v>
      </c>
      <c r="AF173" s="541"/>
      <c r="AG173" s="542"/>
      <c r="AH173" s="549"/>
      <c r="AI173" s="550"/>
      <c r="AJ173" s="551"/>
      <c r="AK173" s="265"/>
      <c r="AL173" s="38"/>
      <c r="AM173" s="54"/>
      <c r="AN173" s="13" t="str">
        <f t="shared" si="8"/>
        <v>■</v>
      </c>
    </row>
    <row r="174" spans="1:40" s="13" customFormat="1">
      <c r="A174" s="20" t="str">
        <f t="shared" si="5"/>
        <v>CO</v>
      </c>
      <c r="B174" s="20"/>
      <c r="C174" s="541">
        <v>5</v>
      </c>
      <c r="D174" s="542"/>
      <c r="E174" s="543" t="s">
        <v>80</v>
      </c>
      <c r="F174" s="544"/>
      <c r="G174" s="544"/>
      <c r="H174" s="544"/>
      <c r="I174" s="544"/>
      <c r="J174" s="544"/>
      <c r="K174" s="544"/>
      <c r="L174" s="544"/>
      <c r="M174" s="544"/>
      <c r="N174" s="544"/>
      <c r="O174" s="544"/>
      <c r="P174" s="544"/>
      <c r="Q174" s="544"/>
      <c r="R174" s="544"/>
      <c r="S174" s="544"/>
      <c r="T174" s="545"/>
      <c r="U174" s="221" t="s">
        <v>446</v>
      </c>
      <c r="V174" s="546" t="s">
        <v>101</v>
      </c>
      <c r="W174" s="547"/>
      <c r="X174" s="547"/>
      <c r="Y174" s="547"/>
      <c r="Z174" s="548"/>
      <c r="AA174" s="623" t="s">
        <v>102</v>
      </c>
      <c r="AB174" s="624"/>
      <c r="AC174" s="625"/>
      <c r="AD174" s="415">
        <v>2</v>
      </c>
      <c r="AE174" s="415" t="s">
        <v>103</v>
      </c>
      <c r="AF174" s="541"/>
      <c r="AG174" s="542"/>
      <c r="AH174" s="549"/>
      <c r="AI174" s="550"/>
      <c r="AJ174" s="551"/>
      <c r="AK174" s="265"/>
      <c r="AL174" s="38"/>
      <c r="AM174" s="54"/>
      <c r="AN174" s="13" t="str">
        <f t="shared" si="8"/>
        <v>■</v>
      </c>
    </row>
    <row r="175" spans="1:40" s="13" customFormat="1">
      <c r="A175" s="20" t="str">
        <f t="shared" si="5"/>
        <v>CO</v>
      </c>
      <c r="B175" s="51"/>
      <c r="C175" s="541">
        <v>6</v>
      </c>
      <c r="D175" s="542"/>
      <c r="E175" s="543" t="s">
        <v>172</v>
      </c>
      <c r="F175" s="544"/>
      <c r="G175" s="544"/>
      <c r="H175" s="544"/>
      <c r="I175" s="544"/>
      <c r="J175" s="544"/>
      <c r="K175" s="544"/>
      <c r="L175" s="544"/>
      <c r="M175" s="544"/>
      <c r="N175" s="544"/>
      <c r="O175" s="544"/>
      <c r="P175" s="544"/>
      <c r="Q175" s="544"/>
      <c r="R175" s="544"/>
      <c r="S175" s="544"/>
      <c r="T175" s="545"/>
      <c r="U175" s="221" t="s">
        <v>605</v>
      </c>
      <c r="V175" s="546" t="s">
        <v>107</v>
      </c>
      <c r="W175" s="547"/>
      <c r="X175" s="547"/>
      <c r="Y175" s="547"/>
      <c r="Z175" s="548"/>
      <c r="AA175" s="623" t="s">
        <v>102</v>
      </c>
      <c r="AB175" s="624"/>
      <c r="AC175" s="625"/>
      <c r="AD175" s="415">
        <v>2</v>
      </c>
      <c r="AE175" s="415" t="s">
        <v>103</v>
      </c>
      <c r="AF175" s="541"/>
      <c r="AG175" s="542"/>
      <c r="AH175" s="549"/>
      <c r="AI175" s="550"/>
      <c r="AJ175" s="551"/>
      <c r="AK175" s="265"/>
      <c r="AL175" s="38"/>
      <c r="AM175" s="54"/>
      <c r="AN175" s="13" t="str">
        <f t="shared" si="8"/>
        <v>■</v>
      </c>
    </row>
    <row r="176" spans="1:40" s="13" customFormat="1">
      <c r="A176" s="20" t="str">
        <f t="shared" si="5"/>
        <v>CO</v>
      </c>
      <c r="B176" s="20"/>
      <c r="C176" s="541">
        <v>7</v>
      </c>
      <c r="D176" s="542"/>
      <c r="E176" s="543" t="s">
        <v>606</v>
      </c>
      <c r="F176" s="544"/>
      <c r="G176" s="544"/>
      <c r="H176" s="544"/>
      <c r="I176" s="544"/>
      <c r="J176" s="544"/>
      <c r="K176" s="544"/>
      <c r="L176" s="544"/>
      <c r="M176" s="544"/>
      <c r="N176" s="544"/>
      <c r="O176" s="544"/>
      <c r="P176" s="544"/>
      <c r="Q176" s="544"/>
      <c r="R176" s="544"/>
      <c r="S176" s="544"/>
      <c r="T176" s="545"/>
      <c r="U176" s="221" t="s">
        <v>607</v>
      </c>
      <c r="V176" s="546" t="s">
        <v>101</v>
      </c>
      <c r="W176" s="547"/>
      <c r="X176" s="547"/>
      <c r="Y176" s="547"/>
      <c r="Z176" s="548"/>
      <c r="AA176" s="623" t="s">
        <v>102</v>
      </c>
      <c r="AB176" s="624"/>
      <c r="AC176" s="625"/>
      <c r="AD176" s="415">
        <v>1</v>
      </c>
      <c r="AE176" s="415" t="s">
        <v>103</v>
      </c>
      <c r="AF176" s="541"/>
      <c r="AG176" s="542"/>
      <c r="AH176" s="549"/>
      <c r="AI176" s="550"/>
      <c r="AJ176" s="551"/>
      <c r="AK176" s="265"/>
      <c r="AL176" s="38"/>
      <c r="AM176" s="54"/>
      <c r="AN176" s="13" t="str">
        <f t="shared" si="8"/>
        <v>■</v>
      </c>
    </row>
    <row r="177" spans="1:40" s="13" customFormat="1">
      <c r="A177" s="20" t="str">
        <f t="shared" si="5"/>
        <v>CO</v>
      </c>
      <c r="B177" s="20"/>
      <c r="C177" s="541">
        <v>8</v>
      </c>
      <c r="D177" s="542"/>
      <c r="E177" s="543" t="s">
        <v>728</v>
      </c>
      <c r="F177" s="544"/>
      <c r="G177" s="544"/>
      <c r="H177" s="544"/>
      <c r="I177" s="544"/>
      <c r="J177" s="544"/>
      <c r="K177" s="544"/>
      <c r="L177" s="544"/>
      <c r="M177" s="544"/>
      <c r="N177" s="544"/>
      <c r="O177" s="544"/>
      <c r="P177" s="544"/>
      <c r="Q177" s="544"/>
      <c r="R177" s="544"/>
      <c r="S177" s="544"/>
      <c r="T177" s="545"/>
      <c r="U177" s="225" t="s">
        <v>729</v>
      </c>
      <c r="V177" s="546" t="s">
        <v>107</v>
      </c>
      <c r="W177" s="547"/>
      <c r="X177" s="547"/>
      <c r="Y177" s="547"/>
      <c r="Z177" s="548"/>
      <c r="AA177" s="623" t="s">
        <v>102</v>
      </c>
      <c r="AB177" s="624"/>
      <c r="AC177" s="625"/>
      <c r="AD177" s="415">
        <v>9</v>
      </c>
      <c r="AE177" s="415" t="s">
        <v>103</v>
      </c>
      <c r="AF177" s="541"/>
      <c r="AG177" s="542"/>
      <c r="AH177" s="549"/>
      <c r="AI177" s="550"/>
      <c r="AJ177" s="551"/>
      <c r="AK177" s="265"/>
      <c r="AL177" s="38"/>
      <c r="AM177" s="54"/>
      <c r="AN177" s="13" t="str">
        <f t="shared" si="8"/>
        <v>■</v>
      </c>
    </row>
    <row r="178" spans="1:40" s="13" customFormat="1">
      <c r="A178" s="20" t="str">
        <f t="shared" ref="A178:A241" si="9">IF(LEN(J178)&gt;0,MID(J178,FIND("（",J178,1)+1,2),A177)</f>
        <v>CO</v>
      </c>
      <c r="B178" s="20"/>
      <c r="C178" s="552">
        <v>9</v>
      </c>
      <c r="D178" s="553"/>
      <c r="E178" s="554" t="s">
        <v>730</v>
      </c>
      <c r="F178" s="555"/>
      <c r="G178" s="555"/>
      <c r="H178" s="555"/>
      <c r="I178" s="555"/>
      <c r="J178" s="555"/>
      <c r="K178" s="555"/>
      <c r="L178" s="555"/>
      <c r="M178" s="555"/>
      <c r="N178" s="555"/>
      <c r="O178" s="555"/>
      <c r="P178" s="555"/>
      <c r="Q178" s="555"/>
      <c r="R178" s="555"/>
      <c r="S178" s="555"/>
      <c r="T178" s="556"/>
      <c r="U178" s="261" t="s">
        <v>731</v>
      </c>
      <c r="V178" s="557" t="s">
        <v>398</v>
      </c>
      <c r="W178" s="558"/>
      <c r="X178" s="558"/>
      <c r="Y178" s="558"/>
      <c r="Z178" s="559"/>
      <c r="AA178" s="626" t="s">
        <v>102</v>
      </c>
      <c r="AB178" s="627"/>
      <c r="AC178" s="628"/>
      <c r="AD178" s="419">
        <v>38</v>
      </c>
      <c r="AE178" s="419" t="s">
        <v>103</v>
      </c>
      <c r="AF178" s="552" t="s">
        <v>109</v>
      </c>
      <c r="AG178" s="553"/>
      <c r="AH178" s="560"/>
      <c r="AI178" s="561"/>
      <c r="AJ178" s="562"/>
      <c r="AK178" s="321" t="s">
        <v>391</v>
      </c>
      <c r="AL178" s="38"/>
      <c r="AM178" s="54"/>
      <c r="AN178" s="13" t="str">
        <f t="shared" si="8"/>
        <v>■</v>
      </c>
    </row>
    <row r="179" spans="1:40" s="13" customFormat="1">
      <c r="A179" s="20" t="str">
        <f t="shared" si="9"/>
        <v>CO</v>
      </c>
      <c r="B179" s="20"/>
      <c r="C179" s="541">
        <v>10</v>
      </c>
      <c r="D179" s="542"/>
      <c r="E179" s="543" t="s">
        <v>689</v>
      </c>
      <c r="F179" s="544"/>
      <c r="G179" s="544"/>
      <c r="H179" s="544"/>
      <c r="I179" s="544"/>
      <c r="J179" s="544"/>
      <c r="K179" s="544"/>
      <c r="L179" s="544"/>
      <c r="M179" s="544"/>
      <c r="N179" s="544"/>
      <c r="O179" s="544"/>
      <c r="P179" s="544"/>
      <c r="Q179" s="544"/>
      <c r="R179" s="544"/>
      <c r="S179" s="544"/>
      <c r="T179" s="545"/>
      <c r="U179" s="225" t="s">
        <v>690</v>
      </c>
      <c r="V179" s="546" t="s">
        <v>107</v>
      </c>
      <c r="W179" s="547"/>
      <c r="X179" s="547"/>
      <c r="Y179" s="547"/>
      <c r="Z179" s="548"/>
      <c r="AA179" s="623" t="s">
        <v>102</v>
      </c>
      <c r="AB179" s="624"/>
      <c r="AC179" s="625"/>
      <c r="AD179" s="415">
        <v>2</v>
      </c>
      <c r="AE179" s="415" t="s">
        <v>103</v>
      </c>
      <c r="AF179" s="541"/>
      <c r="AG179" s="542"/>
      <c r="AH179" s="549"/>
      <c r="AI179" s="550"/>
      <c r="AJ179" s="551"/>
      <c r="AK179" s="265"/>
      <c r="AL179" s="38"/>
      <c r="AM179" s="54"/>
      <c r="AN179" s="13" t="str">
        <f t="shared" si="8"/>
        <v>■</v>
      </c>
    </row>
    <row r="180" spans="1:40" s="13" customFormat="1">
      <c r="A180" s="20" t="str">
        <f t="shared" si="9"/>
        <v>CO</v>
      </c>
      <c r="B180" s="20"/>
      <c r="C180" s="541">
        <v>11</v>
      </c>
      <c r="D180" s="542"/>
      <c r="E180" s="543" t="s">
        <v>691</v>
      </c>
      <c r="F180" s="544"/>
      <c r="G180" s="544"/>
      <c r="H180" s="544"/>
      <c r="I180" s="544"/>
      <c r="J180" s="544"/>
      <c r="K180" s="544"/>
      <c r="L180" s="544"/>
      <c r="M180" s="544"/>
      <c r="N180" s="544"/>
      <c r="O180" s="544"/>
      <c r="P180" s="544"/>
      <c r="Q180" s="544"/>
      <c r="R180" s="544"/>
      <c r="S180" s="544"/>
      <c r="T180" s="545"/>
      <c r="U180" s="225" t="s">
        <v>692</v>
      </c>
      <c r="V180" s="546" t="s">
        <v>107</v>
      </c>
      <c r="W180" s="547"/>
      <c r="X180" s="547"/>
      <c r="Y180" s="547"/>
      <c r="Z180" s="548"/>
      <c r="AA180" s="623" t="s">
        <v>108</v>
      </c>
      <c r="AB180" s="624"/>
      <c r="AC180" s="625"/>
      <c r="AD180" s="415">
        <v>5</v>
      </c>
      <c r="AE180" s="415">
        <v>0</v>
      </c>
      <c r="AF180" s="541"/>
      <c r="AG180" s="542"/>
      <c r="AH180" s="549"/>
      <c r="AI180" s="550"/>
      <c r="AJ180" s="551"/>
      <c r="AK180" s="265"/>
      <c r="AL180" s="38"/>
      <c r="AM180" s="54"/>
      <c r="AN180" s="13" t="str">
        <f t="shared" si="8"/>
        <v>■</v>
      </c>
    </row>
    <row r="181" spans="1:40" s="13" customFormat="1">
      <c r="A181" s="20" t="str">
        <f t="shared" si="9"/>
        <v>CO</v>
      </c>
      <c r="B181" s="20"/>
      <c r="C181" s="541">
        <v>12</v>
      </c>
      <c r="D181" s="542"/>
      <c r="E181" s="543" t="s">
        <v>693</v>
      </c>
      <c r="F181" s="544"/>
      <c r="G181" s="544"/>
      <c r="H181" s="544"/>
      <c r="I181" s="544"/>
      <c r="J181" s="544"/>
      <c r="K181" s="544"/>
      <c r="L181" s="544"/>
      <c r="M181" s="544"/>
      <c r="N181" s="544"/>
      <c r="O181" s="544"/>
      <c r="P181" s="544"/>
      <c r="Q181" s="544"/>
      <c r="R181" s="544"/>
      <c r="S181" s="544"/>
      <c r="T181" s="545"/>
      <c r="U181" s="225" t="s">
        <v>694</v>
      </c>
      <c r="V181" s="546" t="s">
        <v>107</v>
      </c>
      <c r="W181" s="547"/>
      <c r="X181" s="547"/>
      <c r="Y181" s="547"/>
      <c r="Z181" s="548"/>
      <c r="AA181" s="623" t="s">
        <v>108</v>
      </c>
      <c r="AB181" s="624"/>
      <c r="AC181" s="625"/>
      <c r="AD181" s="415">
        <v>5</v>
      </c>
      <c r="AE181" s="415">
        <v>0</v>
      </c>
      <c r="AF181" s="541"/>
      <c r="AG181" s="542"/>
      <c r="AH181" s="549"/>
      <c r="AI181" s="550"/>
      <c r="AJ181" s="551"/>
      <c r="AK181" s="265"/>
      <c r="AL181" s="38"/>
      <c r="AM181" s="54"/>
      <c r="AN181" s="13" t="str">
        <f t="shared" si="8"/>
        <v>■</v>
      </c>
    </row>
    <row r="182" spans="1:40" s="13" customFormat="1">
      <c r="A182" s="20" t="str">
        <f t="shared" si="9"/>
        <v>CO</v>
      </c>
      <c r="B182" s="20"/>
      <c r="C182" s="541">
        <v>13</v>
      </c>
      <c r="D182" s="542"/>
      <c r="E182" s="543" t="s">
        <v>409</v>
      </c>
      <c r="F182" s="544"/>
      <c r="G182" s="544"/>
      <c r="H182" s="544"/>
      <c r="I182" s="544"/>
      <c r="J182" s="544"/>
      <c r="K182" s="544"/>
      <c r="L182" s="544"/>
      <c r="M182" s="544"/>
      <c r="N182" s="544"/>
      <c r="O182" s="544"/>
      <c r="P182" s="544"/>
      <c r="Q182" s="544"/>
      <c r="R182" s="544"/>
      <c r="S182" s="544"/>
      <c r="T182" s="545"/>
      <c r="U182" s="225" t="s">
        <v>453</v>
      </c>
      <c r="V182" s="546" t="s">
        <v>107</v>
      </c>
      <c r="W182" s="547"/>
      <c r="X182" s="547"/>
      <c r="Y182" s="547"/>
      <c r="Z182" s="548"/>
      <c r="AA182" s="623" t="s">
        <v>102</v>
      </c>
      <c r="AB182" s="624"/>
      <c r="AC182" s="625"/>
      <c r="AD182" s="415">
        <v>6</v>
      </c>
      <c r="AE182" s="415" t="s">
        <v>103</v>
      </c>
      <c r="AF182" s="541"/>
      <c r="AG182" s="542"/>
      <c r="AH182" s="549"/>
      <c r="AI182" s="550"/>
      <c r="AJ182" s="551"/>
      <c r="AK182" s="265"/>
      <c r="AL182" s="38"/>
      <c r="AM182" s="54"/>
      <c r="AN182" s="13" t="str">
        <f t="shared" si="8"/>
        <v>■</v>
      </c>
    </row>
    <row r="183" spans="1:40" s="13" customFormat="1">
      <c r="A183" s="20" t="str">
        <f t="shared" si="9"/>
        <v>CO</v>
      </c>
      <c r="B183" s="51"/>
      <c r="C183" s="541">
        <v>14</v>
      </c>
      <c r="D183" s="542"/>
      <c r="E183" s="543" t="s">
        <v>411</v>
      </c>
      <c r="F183" s="544"/>
      <c r="G183" s="544"/>
      <c r="H183" s="544"/>
      <c r="I183" s="544"/>
      <c r="J183" s="544"/>
      <c r="K183" s="544"/>
      <c r="L183" s="544"/>
      <c r="M183" s="544"/>
      <c r="N183" s="544"/>
      <c r="O183" s="544"/>
      <c r="P183" s="544"/>
      <c r="Q183" s="544"/>
      <c r="R183" s="544"/>
      <c r="S183" s="544"/>
      <c r="T183" s="545"/>
      <c r="U183" s="221" t="s">
        <v>516</v>
      </c>
      <c r="V183" s="546" t="s">
        <v>107</v>
      </c>
      <c r="W183" s="547"/>
      <c r="X183" s="547"/>
      <c r="Y183" s="547"/>
      <c r="Z183" s="548"/>
      <c r="AA183" s="623" t="s">
        <v>102</v>
      </c>
      <c r="AB183" s="624"/>
      <c r="AC183" s="625"/>
      <c r="AD183" s="415">
        <v>6</v>
      </c>
      <c r="AE183" s="415" t="s">
        <v>103</v>
      </c>
      <c r="AF183" s="541"/>
      <c r="AG183" s="542"/>
      <c r="AH183" s="549"/>
      <c r="AI183" s="550"/>
      <c r="AJ183" s="551"/>
      <c r="AK183" s="265"/>
      <c r="AL183" s="48"/>
      <c r="AM183" s="54"/>
      <c r="AN183" s="13" t="str">
        <f t="shared" si="8"/>
        <v>■</v>
      </c>
    </row>
    <row r="184" spans="1:40" s="13" customFormat="1">
      <c r="A184" s="20" t="str">
        <f t="shared" si="9"/>
        <v>CO</v>
      </c>
      <c r="B184" s="20"/>
      <c r="C184" s="541">
        <v>15</v>
      </c>
      <c r="D184" s="542"/>
      <c r="E184" s="543" t="s">
        <v>970</v>
      </c>
      <c r="F184" s="544"/>
      <c r="G184" s="544"/>
      <c r="H184" s="544"/>
      <c r="I184" s="544"/>
      <c r="J184" s="544"/>
      <c r="K184" s="544"/>
      <c r="L184" s="544"/>
      <c r="M184" s="544"/>
      <c r="N184" s="544"/>
      <c r="O184" s="544"/>
      <c r="P184" s="544"/>
      <c r="Q184" s="544"/>
      <c r="R184" s="544"/>
      <c r="S184" s="544"/>
      <c r="T184" s="545"/>
      <c r="U184" s="221" t="s">
        <v>971</v>
      </c>
      <c r="V184" s="546" t="s">
        <v>107</v>
      </c>
      <c r="W184" s="547"/>
      <c r="X184" s="547"/>
      <c r="Y184" s="547"/>
      <c r="Z184" s="548"/>
      <c r="AA184" s="623" t="s">
        <v>102</v>
      </c>
      <c r="AB184" s="624"/>
      <c r="AC184" s="625"/>
      <c r="AD184" s="415">
        <v>1</v>
      </c>
      <c r="AE184" s="415" t="s">
        <v>103</v>
      </c>
      <c r="AF184" s="541"/>
      <c r="AG184" s="542"/>
      <c r="AH184" s="549"/>
      <c r="AI184" s="550"/>
      <c r="AJ184" s="551"/>
      <c r="AK184" s="265"/>
      <c r="AL184" s="48"/>
      <c r="AM184" s="54"/>
      <c r="AN184" s="13" t="str">
        <f t="shared" si="8"/>
        <v>■</v>
      </c>
    </row>
    <row r="185" spans="1:40" s="13" customFormat="1">
      <c r="A185" s="20" t="str">
        <f t="shared" si="9"/>
        <v>CO</v>
      </c>
      <c r="B185" s="20"/>
      <c r="C185" s="541">
        <v>16</v>
      </c>
      <c r="D185" s="542"/>
      <c r="E185" s="543" t="s">
        <v>976</v>
      </c>
      <c r="F185" s="544"/>
      <c r="G185" s="544"/>
      <c r="H185" s="544"/>
      <c r="I185" s="544"/>
      <c r="J185" s="544"/>
      <c r="K185" s="544"/>
      <c r="L185" s="544"/>
      <c r="M185" s="544"/>
      <c r="N185" s="544"/>
      <c r="O185" s="544"/>
      <c r="P185" s="544"/>
      <c r="Q185" s="544"/>
      <c r="R185" s="544"/>
      <c r="S185" s="544"/>
      <c r="T185" s="545"/>
      <c r="U185" s="221" t="s">
        <v>977</v>
      </c>
      <c r="V185" s="546" t="s">
        <v>107</v>
      </c>
      <c r="W185" s="547"/>
      <c r="X185" s="547"/>
      <c r="Y185" s="547"/>
      <c r="Z185" s="548"/>
      <c r="AA185" s="623" t="s">
        <v>108</v>
      </c>
      <c r="AB185" s="624"/>
      <c r="AC185" s="625"/>
      <c r="AD185" s="415">
        <v>2</v>
      </c>
      <c r="AE185" s="415">
        <v>0</v>
      </c>
      <c r="AF185" s="541"/>
      <c r="AG185" s="542"/>
      <c r="AH185" s="549"/>
      <c r="AI185" s="550"/>
      <c r="AJ185" s="551"/>
      <c r="AK185" s="265"/>
      <c r="AL185" s="37"/>
      <c r="AM185" s="54"/>
      <c r="AN185" s="13" t="str">
        <f t="shared" si="8"/>
        <v>■</v>
      </c>
    </row>
    <row r="186" spans="1:40" ht="13.4" customHeight="1">
      <c r="A186" s="20" t="str">
        <f t="shared" si="9"/>
        <v>CO</v>
      </c>
      <c r="B186" s="25"/>
      <c r="C186" s="26"/>
      <c r="D186" s="26"/>
      <c r="E186" s="26"/>
      <c r="F186" s="26"/>
      <c r="G186" s="26"/>
      <c r="H186" s="26"/>
      <c r="I186" s="26"/>
      <c r="J186" s="26"/>
      <c r="K186" s="26"/>
      <c r="L186" s="26"/>
      <c r="M186" s="26"/>
      <c r="N186" s="26"/>
      <c r="O186" s="26"/>
      <c r="P186" s="26"/>
      <c r="Q186" s="26"/>
      <c r="R186" s="26"/>
      <c r="S186" s="26"/>
      <c r="T186" s="26"/>
      <c r="V186" s="122"/>
      <c r="W186" s="122"/>
      <c r="X186" s="122"/>
      <c r="Y186" s="122"/>
      <c r="Z186" s="122"/>
      <c r="AA186" s="634"/>
      <c r="AB186" s="634"/>
      <c r="AC186" s="634"/>
      <c r="AD186" s="122"/>
      <c r="AE186" s="122"/>
      <c r="AF186" s="122"/>
      <c r="AG186" s="122"/>
      <c r="AH186" s="122"/>
      <c r="AI186" s="122"/>
      <c r="AJ186" s="122"/>
      <c r="AK186" s="55"/>
      <c r="AL186" s="37"/>
      <c r="AM186" s="16"/>
    </row>
    <row r="187" spans="1:40" s="1" customFormat="1" ht="13.4" customHeight="1">
      <c r="A187" s="20" t="str">
        <f t="shared" si="9"/>
        <v>SJ</v>
      </c>
      <c r="B187" s="20"/>
      <c r="C187" s="52" t="s">
        <v>380</v>
      </c>
      <c r="D187" s="53"/>
      <c r="E187" s="26"/>
      <c r="F187" s="26"/>
      <c r="G187" s="26"/>
      <c r="H187" s="26"/>
      <c r="I187" s="26"/>
      <c r="J187" s="26" t="s">
        <v>734</v>
      </c>
      <c r="K187" s="71"/>
      <c r="L187" s="26"/>
      <c r="M187" s="71"/>
      <c r="N187" s="26"/>
      <c r="O187" s="26"/>
      <c r="P187" s="26"/>
      <c r="Q187" s="26"/>
      <c r="R187" s="26"/>
      <c r="S187" s="26"/>
      <c r="T187" s="26"/>
      <c r="U187" s="26" t="s">
        <v>989</v>
      </c>
      <c r="V187" s="122"/>
      <c r="W187" s="122"/>
      <c r="X187" s="122"/>
      <c r="Y187" s="122"/>
      <c r="Z187" s="122"/>
      <c r="AA187" s="630"/>
      <c r="AB187" s="630"/>
      <c r="AC187" s="630"/>
      <c r="AD187" s="122"/>
      <c r="AE187" s="122"/>
      <c r="AF187" s="122"/>
      <c r="AG187" s="122"/>
      <c r="AH187" s="122"/>
      <c r="AI187" s="122"/>
      <c r="AJ187" s="122"/>
      <c r="AK187" s="26"/>
      <c r="AL187" s="38"/>
      <c r="AM187" s="26"/>
    </row>
    <row r="188" spans="1:40" ht="13.5" customHeight="1">
      <c r="A188" s="20" t="str">
        <f t="shared" si="9"/>
        <v>SJ</v>
      </c>
      <c r="B188" s="51"/>
      <c r="C188" s="583" t="s">
        <v>73</v>
      </c>
      <c r="D188" s="573"/>
      <c r="E188" s="583" t="s">
        <v>94</v>
      </c>
      <c r="F188" s="583"/>
      <c r="G188" s="583"/>
      <c r="H188" s="583"/>
      <c r="I188" s="583"/>
      <c r="J188" s="583"/>
      <c r="K188" s="583"/>
      <c r="L188" s="583"/>
      <c r="M188" s="583"/>
      <c r="N188" s="583"/>
      <c r="O188" s="583"/>
      <c r="P188" s="583"/>
      <c r="Q188" s="583"/>
      <c r="R188" s="583"/>
      <c r="S188" s="583"/>
      <c r="T188" s="583"/>
      <c r="U188" s="226" t="s">
        <v>383</v>
      </c>
      <c r="V188" s="572" t="s">
        <v>138</v>
      </c>
      <c r="W188" s="572"/>
      <c r="X188" s="572"/>
      <c r="Y188" s="572"/>
      <c r="Z188" s="572"/>
      <c r="AA188" s="575" t="s">
        <v>959</v>
      </c>
      <c r="AB188" s="576"/>
      <c r="AC188" s="577"/>
      <c r="AD188" s="572" t="s">
        <v>97</v>
      </c>
      <c r="AE188" s="572"/>
      <c r="AF188" s="572" t="s">
        <v>98</v>
      </c>
      <c r="AG188" s="572"/>
      <c r="AH188" s="583" t="s">
        <v>75</v>
      </c>
      <c r="AI188" s="583"/>
      <c r="AJ188" s="583"/>
      <c r="AK188" s="621" t="s">
        <v>159</v>
      </c>
      <c r="AL188" s="38"/>
      <c r="AM188" s="16"/>
    </row>
    <row r="189" spans="1:40" ht="13.4" customHeight="1">
      <c r="A189" s="20" t="str">
        <f t="shared" si="9"/>
        <v>SJ</v>
      </c>
      <c r="B189" s="51"/>
      <c r="C189" s="573"/>
      <c r="D189" s="573"/>
      <c r="E189" s="583"/>
      <c r="F189" s="583"/>
      <c r="G189" s="583"/>
      <c r="H189" s="583"/>
      <c r="I189" s="583"/>
      <c r="J189" s="583"/>
      <c r="K189" s="583"/>
      <c r="L189" s="583"/>
      <c r="M189" s="583"/>
      <c r="N189" s="583"/>
      <c r="O189" s="583"/>
      <c r="P189" s="583"/>
      <c r="Q189" s="583"/>
      <c r="R189" s="583"/>
      <c r="S189" s="583"/>
      <c r="T189" s="583"/>
      <c r="U189" s="227"/>
      <c r="V189" s="572"/>
      <c r="W189" s="572"/>
      <c r="X189" s="572"/>
      <c r="Y189" s="572"/>
      <c r="Z189" s="572"/>
      <c r="AA189" s="578"/>
      <c r="AB189" s="579"/>
      <c r="AC189" s="580"/>
      <c r="AD189" s="572"/>
      <c r="AE189" s="572"/>
      <c r="AF189" s="572"/>
      <c r="AG189" s="572"/>
      <c r="AH189" s="583"/>
      <c r="AI189" s="583"/>
      <c r="AJ189" s="583"/>
      <c r="AK189" s="622"/>
      <c r="AL189" s="38"/>
      <c r="AM189" s="16"/>
    </row>
    <row r="190" spans="1:40" s="13" customFormat="1" ht="13.4" customHeight="1">
      <c r="A190" s="20" t="str">
        <f t="shared" si="9"/>
        <v>SJ</v>
      </c>
      <c r="B190" s="20"/>
      <c r="C190" s="541">
        <v>1</v>
      </c>
      <c r="D190" s="542"/>
      <c r="E190" s="563" t="s">
        <v>440</v>
      </c>
      <c r="F190" s="564"/>
      <c r="G190" s="564"/>
      <c r="H190" s="564"/>
      <c r="I190" s="564"/>
      <c r="J190" s="564"/>
      <c r="K190" s="564"/>
      <c r="L190" s="564"/>
      <c r="M190" s="564"/>
      <c r="N190" s="564"/>
      <c r="O190" s="564"/>
      <c r="P190" s="564"/>
      <c r="Q190" s="564"/>
      <c r="R190" s="564"/>
      <c r="S190" s="564"/>
      <c r="T190" s="565"/>
      <c r="U190" s="219" t="s">
        <v>441</v>
      </c>
      <c r="V190" s="546" t="s">
        <v>101</v>
      </c>
      <c r="W190" s="547"/>
      <c r="X190" s="547"/>
      <c r="Y190" s="547"/>
      <c r="Z190" s="548"/>
      <c r="AA190" s="623" t="s">
        <v>102</v>
      </c>
      <c r="AB190" s="624"/>
      <c r="AC190" s="625"/>
      <c r="AD190" s="415">
        <v>10</v>
      </c>
      <c r="AE190" s="415" t="s">
        <v>103</v>
      </c>
      <c r="AF190" s="541"/>
      <c r="AG190" s="542"/>
      <c r="AH190" s="549"/>
      <c r="AI190" s="550"/>
      <c r="AJ190" s="551"/>
      <c r="AK190" s="265"/>
      <c r="AL190" s="38"/>
      <c r="AM190" s="54"/>
      <c r="AN190" s="13" t="str">
        <f>$J$20</f>
        <v>■</v>
      </c>
    </row>
    <row r="191" spans="1:40" s="13" customFormat="1" ht="13.4" customHeight="1">
      <c r="A191" s="20" t="str">
        <f t="shared" si="9"/>
        <v>SJ</v>
      </c>
      <c r="B191" s="20"/>
      <c r="C191" s="541">
        <v>2</v>
      </c>
      <c r="D191" s="542"/>
      <c r="E191" s="563" t="s">
        <v>442</v>
      </c>
      <c r="F191" s="564"/>
      <c r="G191" s="564"/>
      <c r="H191" s="564"/>
      <c r="I191" s="564"/>
      <c r="J191" s="564"/>
      <c r="K191" s="564"/>
      <c r="L191" s="564"/>
      <c r="M191" s="564"/>
      <c r="N191" s="564"/>
      <c r="O191" s="564"/>
      <c r="P191" s="564"/>
      <c r="Q191" s="564"/>
      <c r="R191" s="564"/>
      <c r="S191" s="564"/>
      <c r="T191" s="565"/>
      <c r="U191" s="219" t="s">
        <v>443</v>
      </c>
      <c r="V191" s="546" t="s">
        <v>101</v>
      </c>
      <c r="W191" s="547"/>
      <c r="X191" s="547"/>
      <c r="Y191" s="547"/>
      <c r="Z191" s="548"/>
      <c r="AA191" s="623" t="s">
        <v>102</v>
      </c>
      <c r="AB191" s="624"/>
      <c r="AC191" s="625"/>
      <c r="AD191" s="415">
        <v>51</v>
      </c>
      <c r="AE191" s="415" t="s">
        <v>103</v>
      </c>
      <c r="AF191" s="541"/>
      <c r="AG191" s="542"/>
      <c r="AH191" s="549"/>
      <c r="AI191" s="550"/>
      <c r="AJ191" s="551"/>
      <c r="AK191" s="265"/>
      <c r="AL191" s="38"/>
      <c r="AM191" s="54"/>
      <c r="AN191" s="13" t="str">
        <f t="shared" ref="AN191:AN200" si="10">$J$20</f>
        <v>■</v>
      </c>
    </row>
    <row r="192" spans="1:40" s="13" customFormat="1" ht="13.4" customHeight="1">
      <c r="A192" s="20" t="str">
        <f t="shared" si="9"/>
        <v>SJ</v>
      </c>
      <c r="B192" s="20"/>
      <c r="C192" s="552">
        <v>3</v>
      </c>
      <c r="D192" s="553"/>
      <c r="E192" s="566" t="s">
        <v>106</v>
      </c>
      <c r="F192" s="567"/>
      <c r="G192" s="567"/>
      <c r="H192" s="567"/>
      <c r="I192" s="567"/>
      <c r="J192" s="567"/>
      <c r="K192" s="567"/>
      <c r="L192" s="567"/>
      <c r="M192" s="567"/>
      <c r="N192" s="567"/>
      <c r="O192" s="567"/>
      <c r="P192" s="567"/>
      <c r="Q192" s="567"/>
      <c r="R192" s="567"/>
      <c r="S192" s="567"/>
      <c r="T192" s="568"/>
      <c r="U192" s="220" t="s">
        <v>444</v>
      </c>
      <c r="V192" s="557" t="s">
        <v>107</v>
      </c>
      <c r="W192" s="558"/>
      <c r="X192" s="558"/>
      <c r="Y192" s="558"/>
      <c r="Z192" s="559"/>
      <c r="AA192" s="626" t="s">
        <v>108</v>
      </c>
      <c r="AB192" s="627"/>
      <c r="AC192" s="628"/>
      <c r="AD192" s="419">
        <v>1</v>
      </c>
      <c r="AE192" s="419">
        <v>0</v>
      </c>
      <c r="AF192" s="552" t="s">
        <v>109</v>
      </c>
      <c r="AG192" s="553"/>
      <c r="AH192" s="560"/>
      <c r="AI192" s="561"/>
      <c r="AJ192" s="562"/>
      <c r="AK192" s="321" t="s">
        <v>391</v>
      </c>
      <c r="AL192" s="38"/>
      <c r="AM192" s="54"/>
      <c r="AN192" s="13" t="str">
        <f t="shared" si="10"/>
        <v>■</v>
      </c>
    </row>
    <row r="193" spans="1:40" s="13" customFormat="1" ht="13.4" customHeight="1">
      <c r="A193" s="20" t="str">
        <f t="shared" si="9"/>
        <v>SJ</v>
      </c>
      <c r="B193" s="20"/>
      <c r="C193" s="541">
        <v>4</v>
      </c>
      <c r="D193" s="542"/>
      <c r="E193" s="563" t="s">
        <v>110</v>
      </c>
      <c r="F193" s="564"/>
      <c r="G193" s="564"/>
      <c r="H193" s="564"/>
      <c r="I193" s="564"/>
      <c r="J193" s="564"/>
      <c r="K193" s="564"/>
      <c r="L193" s="564"/>
      <c r="M193" s="564"/>
      <c r="N193" s="564"/>
      <c r="O193" s="564"/>
      <c r="P193" s="564"/>
      <c r="Q193" s="564"/>
      <c r="R193" s="564"/>
      <c r="S193" s="564"/>
      <c r="T193" s="565"/>
      <c r="U193" s="221" t="s">
        <v>445</v>
      </c>
      <c r="V193" s="546" t="s">
        <v>107</v>
      </c>
      <c r="W193" s="547"/>
      <c r="X193" s="547"/>
      <c r="Y193" s="547"/>
      <c r="Z193" s="548"/>
      <c r="AA193" s="623" t="s">
        <v>108</v>
      </c>
      <c r="AB193" s="624"/>
      <c r="AC193" s="625"/>
      <c r="AD193" s="415">
        <v>1</v>
      </c>
      <c r="AE193" s="415">
        <v>0</v>
      </c>
      <c r="AF193" s="541"/>
      <c r="AG193" s="542"/>
      <c r="AH193" s="549"/>
      <c r="AI193" s="550"/>
      <c r="AJ193" s="551"/>
      <c r="AK193" s="265"/>
      <c r="AL193" s="38"/>
      <c r="AM193" s="54"/>
      <c r="AN193" s="13" t="str">
        <f t="shared" si="10"/>
        <v>■</v>
      </c>
    </row>
    <row r="194" spans="1:40" s="13" customFormat="1">
      <c r="A194" s="20" t="str">
        <f t="shared" si="9"/>
        <v>SJ</v>
      </c>
      <c r="B194" s="20"/>
      <c r="C194" s="541">
        <v>5</v>
      </c>
      <c r="D194" s="542"/>
      <c r="E194" s="543" t="s">
        <v>80</v>
      </c>
      <c r="F194" s="544"/>
      <c r="G194" s="544"/>
      <c r="H194" s="544"/>
      <c r="I194" s="544"/>
      <c r="J194" s="544"/>
      <c r="K194" s="544"/>
      <c r="L194" s="544"/>
      <c r="M194" s="544"/>
      <c r="N194" s="544"/>
      <c r="O194" s="544"/>
      <c r="P194" s="544"/>
      <c r="Q194" s="544"/>
      <c r="R194" s="544"/>
      <c r="S194" s="544"/>
      <c r="T194" s="545"/>
      <c r="U194" s="221" t="s">
        <v>446</v>
      </c>
      <c r="V194" s="546" t="s">
        <v>101</v>
      </c>
      <c r="W194" s="547"/>
      <c r="X194" s="547"/>
      <c r="Y194" s="547"/>
      <c r="Z194" s="548"/>
      <c r="AA194" s="623" t="s">
        <v>102</v>
      </c>
      <c r="AB194" s="624"/>
      <c r="AC194" s="625"/>
      <c r="AD194" s="415">
        <v>2</v>
      </c>
      <c r="AE194" s="415" t="s">
        <v>103</v>
      </c>
      <c r="AF194" s="541"/>
      <c r="AG194" s="542"/>
      <c r="AH194" s="549"/>
      <c r="AI194" s="550"/>
      <c r="AJ194" s="551"/>
      <c r="AK194" s="265"/>
      <c r="AL194" s="38"/>
      <c r="AM194" s="54"/>
      <c r="AN194" s="13" t="str">
        <f t="shared" si="10"/>
        <v>■</v>
      </c>
    </row>
    <row r="195" spans="1:40" s="13" customFormat="1">
      <c r="A195" s="20" t="str">
        <f t="shared" si="9"/>
        <v>SJ</v>
      </c>
      <c r="B195" s="20"/>
      <c r="C195" s="541">
        <v>6</v>
      </c>
      <c r="D195" s="542"/>
      <c r="E195" s="543" t="s">
        <v>736</v>
      </c>
      <c r="F195" s="544"/>
      <c r="G195" s="544"/>
      <c r="H195" s="544"/>
      <c r="I195" s="544"/>
      <c r="J195" s="544"/>
      <c r="K195" s="544"/>
      <c r="L195" s="544"/>
      <c r="M195" s="544"/>
      <c r="N195" s="544"/>
      <c r="O195" s="544"/>
      <c r="P195" s="544"/>
      <c r="Q195" s="544"/>
      <c r="R195" s="544"/>
      <c r="S195" s="544"/>
      <c r="T195" s="545"/>
      <c r="U195" s="221" t="s">
        <v>737</v>
      </c>
      <c r="V195" s="546" t="s">
        <v>107</v>
      </c>
      <c r="W195" s="547"/>
      <c r="X195" s="547"/>
      <c r="Y195" s="547"/>
      <c r="Z195" s="548"/>
      <c r="AA195" s="623" t="s">
        <v>102</v>
      </c>
      <c r="AB195" s="624"/>
      <c r="AC195" s="625"/>
      <c r="AD195" s="415">
        <v>2</v>
      </c>
      <c r="AE195" s="415" t="s">
        <v>103</v>
      </c>
      <c r="AF195" s="541"/>
      <c r="AG195" s="542"/>
      <c r="AH195" s="549"/>
      <c r="AI195" s="550"/>
      <c r="AJ195" s="551"/>
      <c r="AK195" s="265"/>
      <c r="AL195" s="38"/>
      <c r="AM195" s="54"/>
      <c r="AN195" s="13" t="str">
        <f t="shared" si="10"/>
        <v>■</v>
      </c>
    </row>
    <row r="196" spans="1:40" s="13" customFormat="1">
      <c r="A196" s="20" t="str">
        <f t="shared" si="9"/>
        <v>SJ</v>
      </c>
      <c r="B196" s="20"/>
      <c r="C196" s="552">
        <v>7</v>
      </c>
      <c r="D196" s="553"/>
      <c r="E196" s="554" t="s">
        <v>738</v>
      </c>
      <c r="F196" s="555"/>
      <c r="G196" s="555"/>
      <c r="H196" s="555"/>
      <c r="I196" s="555"/>
      <c r="J196" s="555"/>
      <c r="K196" s="555"/>
      <c r="L196" s="555"/>
      <c r="M196" s="555"/>
      <c r="N196" s="555"/>
      <c r="O196" s="555"/>
      <c r="P196" s="555"/>
      <c r="Q196" s="555"/>
      <c r="R196" s="555"/>
      <c r="S196" s="555"/>
      <c r="T196" s="556"/>
      <c r="U196" s="259" t="s">
        <v>739</v>
      </c>
      <c r="V196" s="557" t="s">
        <v>398</v>
      </c>
      <c r="W196" s="558"/>
      <c r="X196" s="558"/>
      <c r="Y196" s="558"/>
      <c r="Z196" s="559"/>
      <c r="AA196" s="626" t="s">
        <v>102</v>
      </c>
      <c r="AB196" s="627"/>
      <c r="AC196" s="628"/>
      <c r="AD196" s="419">
        <v>1200</v>
      </c>
      <c r="AE196" s="419" t="s">
        <v>103</v>
      </c>
      <c r="AF196" s="552" t="s">
        <v>109</v>
      </c>
      <c r="AG196" s="553"/>
      <c r="AH196" s="560"/>
      <c r="AI196" s="561"/>
      <c r="AJ196" s="562"/>
      <c r="AK196" s="333" t="s">
        <v>399</v>
      </c>
      <c r="AL196" s="38"/>
      <c r="AM196" s="54"/>
      <c r="AN196" s="13" t="str">
        <f t="shared" si="10"/>
        <v>■</v>
      </c>
    </row>
    <row r="197" spans="1:40" s="13" customFormat="1" ht="13.4" customHeight="1">
      <c r="A197" s="20" t="str">
        <f t="shared" si="9"/>
        <v>SJ</v>
      </c>
      <c r="B197" s="20"/>
      <c r="C197" s="541">
        <v>8</v>
      </c>
      <c r="D197" s="542"/>
      <c r="E197" s="563" t="s">
        <v>409</v>
      </c>
      <c r="F197" s="564"/>
      <c r="G197" s="564"/>
      <c r="H197" s="564"/>
      <c r="I197" s="564"/>
      <c r="J197" s="564"/>
      <c r="K197" s="564"/>
      <c r="L197" s="564"/>
      <c r="M197" s="564"/>
      <c r="N197" s="564"/>
      <c r="O197" s="564"/>
      <c r="P197" s="564"/>
      <c r="Q197" s="564"/>
      <c r="R197" s="564"/>
      <c r="S197" s="564"/>
      <c r="T197" s="565"/>
      <c r="U197" s="221" t="s">
        <v>453</v>
      </c>
      <c r="V197" s="546" t="s">
        <v>107</v>
      </c>
      <c r="W197" s="547"/>
      <c r="X197" s="547"/>
      <c r="Y197" s="547"/>
      <c r="Z197" s="548"/>
      <c r="AA197" s="623" t="s">
        <v>102</v>
      </c>
      <c r="AB197" s="624"/>
      <c r="AC197" s="625"/>
      <c r="AD197" s="415">
        <v>6</v>
      </c>
      <c r="AE197" s="415" t="s">
        <v>103</v>
      </c>
      <c r="AF197" s="541"/>
      <c r="AG197" s="542"/>
      <c r="AH197" s="549"/>
      <c r="AI197" s="550"/>
      <c r="AJ197" s="551"/>
      <c r="AK197" s="265"/>
      <c r="AL197" s="38"/>
      <c r="AM197" s="54"/>
      <c r="AN197" s="13" t="str">
        <f t="shared" si="10"/>
        <v>■</v>
      </c>
    </row>
    <row r="198" spans="1:40" s="13" customFormat="1">
      <c r="A198" s="20" t="str">
        <f t="shared" si="9"/>
        <v>SJ</v>
      </c>
      <c r="B198" s="20"/>
      <c r="C198" s="541">
        <v>9</v>
      </c>
      <c r="D198" s="542"/>
      <c r="E198" s="543" t="s">
        <v>411</v>
      </c>
      <c r="F198" s="544"/>
      <c r="G198" s="544"/>
      <c r="H198" s="544"/>
      <c r="I198" s="544"/>
      <c r="J198" s="544"/>
      <c r="K198" s="544"/>
      <c r="L198" s="544"/>
      <c r="M198" s="544"/>
      <c r="N198" s="544"/>
      <c r="O198" s="544"/>
      <c r="P198" s="544"/>
      <c r="Q198" s="544"/>
      <c r="R198" s="544"/>
      <c r="S198" s="544"/>
      <c r="T198" s="545"/>
      <c r="U198" s="221" t="s">
        <v>516</v>
      </c>
      <c r="V198" s="546" t="s">
        <v>107</v>
      </c>
      <c r="W198" s="547"/>
      <c r="X198" s="547"/>
      <c r="Y198" s="547"/>
      <c r="Z198" s="548"/>
      <c r="AA198" s="623" t="s">
        <v>102</v>
      </c>
      <c r="AB198" s="624"/>
      <c r="AC198" s="625"/>
      <c r="AD198" s="415">
        <v>6</v>
      </c>
      <c r="AE198" s="415" t="s">
        <v>103</v>
      </c>
      <c r="AF198" s="541"/>
      <c r="AG198" s="542"/>
      <c r="AH198" s="549"/>
      <c r="AI198" s="550"/>
      <c r="AJ198" s="551"/>
      <c r="AK198" s="265"/>
      <c r="AL198" s="29"/>
      <c r="AM198" s="54"/>
      <c r="AN198" s="13" t="str">
        <f t="shared" si="10"/>
        <v>■</v>
      </c>
    </row>
    <row r="199" spans="1:40" s="13" customFormat="1">
      <c r="A199" s="20" t="str">
        <f t="shared" si="9"/>
        <v>SJ</v>
      </c>
      <c r="B199" s="20"/>
      <c r="C199" s="541">
        <v>10</v>
      </c>
      <c r="D199" s="542"/>
      <c r="E199" s="543" t="s">
        <v>970</v>
      </c>
      <c r="F199" s="544"/>
      <c r="G199" s="544"/>
      <c r="H199" s="544"/>
      <c r="I199" s="544"/>
      <c r="J199" s="544"/>
      <c r="K199" s="544"/>
      <c r="L199" s="544"/>
      <c r="M199" s="544"/>
      <c r="N199" s="544"/>
      <c r="O199" s="544"/>
      <c r="P199" s="544"/>
      <c r="Q199" s="544"/>
      <c r="R199" s="544"/>
      <c r="S199" s="544"/>
      <c r="T199" s="545"/>
      <c r="U199" s="221" t="s">
        <v>971</v>
      </c>
      <c r="V199" s="546" t="s">
        <v>107</v>
      </c>
      <c r="W199" s="547"/>
      <c r="X199" s="547"/>
      <c r="Y199" s="547"/>
      <c r="Z199" s="548"/>
      <c r="AA199" s="623" t="s">
        <v>102</v>
      </c>
      <c r="AB199" s="624"/>
      <c r="AC199" s="625"/>
      <c r="AD199" s="415">
        <v>1</v>
      </c>
      <c r="AE199" s="415" t="s">
        <v>103</v>
      </c>
      <c r="AF199" s="541"/>
      <c r="AG199" s="542"/>
      <c r="AH199" s="549"/>
      <c r="AI199" s="550"/>
      <c r="AJ199" s="551"/>
      <c r="AK199" s="265"/>
      <c r="AL199" s="48"/>
      <c r="AM199" s="54"/>
      <c r="AN199" s="13" t="str">
        <f t="shared" si="10"/>
        <v>■</v>
      </c>
    </row>
    <row r="200" spans="1:40" s="13" customFormat="1">
      <c r="A200" s="20" t="str">
        <f t="shared" si="9"/>
        <v>SJ</v>
      </c>
      <c r="B200" s="20"/>
      <c r="C200" s="541">
        <v>11</v>
      </c>
      <c r="D200" s="542"/>
      <c r="E200" s="543" t="s">
        <v>976</v>
      </c>
      <c r="F200" s="544"/>
      <c r="G200" s="544"/>
      <c r="H200" s="544"/>
      <c r="I200" s="544"/>
      <c r="J200" s="544"/>
      <c r="K200" s="544"/>
      <c r="L200" s="544"/>
      <c r="M200" s="544"/>
      <c r="N200" s="544"/>
      <c r="O200" s="544"/>
      <c r="P200" s="544"/>
      <c r="Q200" s="544"/>
      <c r="R200" s="544"/>
      <c r="S200" s="544"/>
      <c r="T200" s="545"/>
      <c r="U200" s="221" t="s">
        <v>977</v>
      </c>
      <c r="V200" s="546" t="s">
        <v>107</v>
      </c>
      <c r="W200" s="547"/>
      <c r="X200" s="547"/>
      <c r="Y200" s="547"/>
      <c r="Z200" s="548"/>
      <c r="AA200" s="623" t="s">
        <v>108</v>
      </c>
      <c r="AB200" s="624"/>
      <c r="AC200" s="625"/>
      <c r="AD200" s="415">
        <v>2</v>
      </c>
      <c r="AE200" s="415">
        <v>0</v>
      </c>
      <c r="AF200" s="541"/>
      <c r="AG200" s="542"/>
      <c r="AH200" s="549"/>
      <c r="AI200" s="550"/>
      <c r="AJ200" s="551"/>
      <c r="AK200" s="265"/>
      <c r="AL200" s="37"/>
      <c r="AM200" s="54"/>
      <c r="AN200" s="13" t="str">
        <f t="shared" si="10"/>
        <v>■</v>
      </c>
    </row>
    <row r="201" spans="1:40" ht="13.4" customHeight="1">
      <c r="A201" s="20" t="str">
        <f t="shared" si="9"/>
        <v>SJ</v>
      </c>
      <c r="B201" s="25"/>
      <c r="V201" s="238"/>
      <c r="W201" s="238"/>
      <c r="X201" s="238"/>
      <c r="Y201" s="238"/>
      <c r="Z201" s="238"/>
      <c r="AA201" s="629"/>
      <c r="AB201" s="629"/>
      <c r="AC201" s="629"/>
      <c r="AD201" s="238"/>
      <c r="AE201" s="238"/>
      <c r="AF201" s="238"/>
      <c r="AG201" s="238"/>
      <c r="AH201" s="238"/>
      <c r="AI201" s="238"/>
      <c r="AJ201" s="238"/>
      <c r="AK201" s="55"/>
      <c r="AL201" s="37"/>
      <c r="AM201" s="16"/>
    </row>
    <row r="202" spans="1:40" s="1" customFormat="1" ht="13.4" customHeight="1">
      <c r="A202" s="20" t="str">
        <f t="shared" si="9"/>
        <v>BU</v>
      </c>
      <c r="B202" s="20"/>
      <c r="C202" s="52" t="s">
        <v>380</v>
      </c>
      <c r="D202" s="53"/>
      <c r="E202" s="26"/>
      <c r="F202" s="26"/>
      <c r="G202" s="26"/>
      <c r="H202" s="26"/>
      <c r="I202" s="26"/>
      <c r="J202" s="26" t="s">
        <v>990</v>
      </c>
      <c r="K202" s="71"/>
      <c r="L202" s="26"/>
      <c r="M202" s="71"/>
      <c r="N202" s="26"/>
      <c r="O202" s="26"/>
      <c r="P202" s="26"/>
      <c r="Q202" s="26"/>
      <c r="R202" s="26"/>
      <c r="S202" s="26"/>
      <c r="T202" s="26"/>
      <c r="U202" s="26" t="s">
        <v>991</v>
      </c>
      <c r="V202" s="122"/>
      <c r="W202" s="122"/>
      <c r="X202" s="122"/>
      <c r="Y202" s="122"/>
      <c r="Z202" s="122"/>
      <c r="AA202" s="630"/>
      <c r="AB202" s="630"/>
      <c r="AC202" s="630"/>
      <c r="AD202" s="122"/>
      <c r="AE202" s="122"/>
      <c r="AF202" s="122"/>
      <c r="AG202" s="122"/>
      <c r="AH202" s="122"/>
      <c r="AI202" s="122"/>
      <c r="AJ202" s="122"/>
      <c r="AK202" s="26"/>
      <c r="AL202" s="38"/>
      <c r="AM202" s="26"/>
    </row>
    <row r="203" spans="1:40" ht="13.5" customHeight="1">
      <c r="A203" s="20" t="str">
        <f t="shared" si="9"/>
        <v>BU</v>
      </c>
      <c r="B203" s="51"/>
      <c r="C203" s="583" t="s">
        <v>73</v>
      </c>
      <c r="D203" s="573"/>
      <c r="E203" s="583" t="s">
        <v>94</v>
      </c>
      <c r="F203" s="583"/>
      <c r="G203" s="583"/>
      <c r="H203" s="583"/>
      <c r="I203" s="583"/>
      <c r="J203" s="583"/>
      <c r="K203" s="583"/>
      <c r="L203" s="583"/>
      <c r="M203" s="583"/>
      <c r="N203" s="583"/>
      <c r="O203" s="583"/>
      <c r="P203" s="583"/>
      <c r="Q203" s="583"/>
      <c r="R203" s="583"/>
      <c r="S203" s="583"/>
      <c r="T203" s="583"/>
      <c r="U203" s="226" t="s">
        <v>383</v>
      </c>
      <c r="V203" s="572" t="s">
        <v>138</v>
      </c>
      <c r="W203" s="572"/>
      <c r="X203" s="572"/>
      <c r="Y203" s="572"/>
      <c r="Z203" s="572"/>
      <c r="AA203" s="575" t="s">
        <v>959</v>
      </c>
      <c r="AB203" s="576"/>
      <c r="AC203" s="577"/>
      <c r="AD203" s="572" t="s">
        <v>97</v>
      </c>
      <c r="AE203" s="572"/>
      <c r="AF203" s="572" t="s">
        <v>98</v>
      </c>
      <c r="AG203" s="572"/>
      <c r="AH203" s="583" t="s">
        <v>75</v>
      </c>
      <c r="AI203" s="583"/>
      <c r="AJ203" s="583"/>
      <c r="AK203" s="621" t="s">
        <v>159</v>
      </c>
      <c r="AL203" s="38"/>
      <c r="AM203" s="16"/>
    </row>
    <row r="204" spans="1:40" ht="13.4" customHeight="1">
      <c r="A204" s="20" t="str">
        <f t="shared" si="9"/>
        <v>BU</v>
      </c>
      <c r="B204" s="51"/>
      <c r="C204" s="573"/>
      <c r="D204" s="573"/>
      <c r="E204" s="583"/>
      <c r="F204" s="583"/>
      <c r="G204" s="583"/>
      <c r="H204" s="583"/>
      <c r="I204" s="583"/>
      <c r="J204" s="583"/>
      <c r="K204" s="583"/>
      <c r="L204" s="583"/>
      <c r="M204" s="583"/>
      <c r="N204" s="583"/>
      <c r="O204" s="583"/>
      <c r="P204" s="583"/>
      <c r="Q204" s="583"/>
      <c r="R204" s="583"/>
      <c r="S204" s="583"/>
      <c r="T204" s="583"/>
      <c r="U204" s="227"/>
      <c r="V204" s="572"/>
      <c r="W204" s="572"/>
      <c r="X204" s="572"/>
      <c r="Y204" s="572"/>
      <c r="Z204" s="572"/>
      <c r="AA204" s="578"/>
      <c r="AB204" s="579"/>
      <c r="AC204" s="580"/>
      <c r="AD204" s="572"/>
      <c r="AE204" s="572"/>
      <c r="AF204" s="572"/>
      <c r="AG204" s="572"/>
      <c r="AH204" s="583"/>
      <c r="AI204" s="583"/>
      <c r="AJ204" s="583"/>
      <c r="AK204" s="622"/>
      <c r="AL204" s="38"/>
      <c r="AM204" s="16"/>
    </row>
    <row r="205" spans="1:40" s="13" customFormat="1" ht="13.4" customHeight="1">
      <c r="A205" s="20" t="str">
        <f t="shared" si="9"/>
        <v>BU</v>
      </c>
      <c r="B205" s="20"/>
      <c r="C205" s="541">
        <v>1</v>
      </c>
      <c r="D205" s="542"/>
      <c r="E205" s="563" t="s">
        <v>440</v>
      </c>
      <c r="F205" s="564"/>
      <c r="G205" s="564"/>
      <c r="H205" s="564"/>
      <c r="I205" s="564"/>
      <c r="J205" s="564"/>
      <c r="K205" s="564"/>
      <c r="L205" s="564"/>
      <c r="M205" s="564"/>
      <c r="N205" s="564"/>
      <c r="O205" s="564"/>
      <c r="P205" s="564"/>
      <c r="Q205" s="564"/>
      <c r="R205" s="564"/>
      <c r="S205" s="564"/>
      <c r="T205" s="565"/>
      <c r="U205" s="219" t="s">
        <v>441</v>
      </c>
      <c r="V205" s="546" t="s">
        <v>101</v>
      </c>
      <c r="W205" s="547"/>
      <c r="X205" s="547"/>
      <c r="Y205" s="547"/>
      <c r="Z205" s="548"/>
      <c r="AA205" s="623" t="s">
        <v>102</v>
      </c>
      <c r="AB205" s="624"/>
      <c r="AC205" s="625"/>
      <c r="AD205" s="415">
        <v>10</v>
      </c>
      <c r="AE205" s="415" t="s">
        <v>103</v>
      </c>
      <c r="AF205" s="541"/>
      <c r="AG205" s="542"/>
      <c r="AH205" s="549"/>
      <c r="AI205" s="550"/>
      <c r="AJ205" s="551"/>
      <c r="AK205" s="343"/>
      <c r="AL205" s="38"/>
      <c r="AM205" s="54"/>
      <c r="AN205" s="13" t="str">
        <f>$M$20</f>
        <v>■</v>
      </c>
    </row>
    <row r="206" spans="1:40" s="13" customFormat="1" ht="13.4" customHeight="1">
      <c r="A206" s="20" t="str">
        <f t="shared" si="9"/>
        <v>BU</v>
      </c>
      <c r="B206" s="20"/>
      <c r="C206" s="541">
        <v>2</v>
      </c>
      <c r="D206" s="542"/>
      <c r="E206" s="563" t="s">
        <v>442</v>
      </c>
      <c r="F206" s="564"/>
      <c r="G206" s="564"/>
      <c r="H206" s="564"/>
      <c r="I206" s="564"/>
      <c r="J206" s="564"/>
      <c r="K206" s="564"/>
      <c r="L206" s="564"/>
      <c r="M206" s="564"/>
      <c r="N206" s="564"/>
      <c r="O206" s="564"/>
      <c r="P206" s="564"/>
      <c r="Q206" s="564"/>
      <c r="R206" s="564"/>
      <c r="S206" s="564"/>
      <c r="T206" s="565"/>
      <c r="U206" s="219" t="s">
        <v>443</v>
      </c>
      <c r="V206" s="546" t="s">
        <v>101</v>
      </c>
      <c r="W206" s="547"/>
      <c r="X206" s="547"/>
      <c r="Y206" s="547"/>
      <c r="Z206" s="548"/>
      <c r="AA206" s="623" t="s">
        <v>102</v>
      </c>
      <c r="AB206" s="624"/>
      <c r="AC206" s="625"/>
      <c r="AD206" s="415">
        <v>51</v>
      </c>
      <c r="AE206" s="415" t="s">
        <v>103</v>
      </c>
      <c r="AF206" s="541"/>
      <c r="AG206" s="542"/>
      <c r="AH206" s="549"/>
      <c r="AI206" s="550"/>
      <c r="AJ206" s="551"/>
      <c r="AK206" s="343"/>
      <c r="AL206" s="38"/>
      <c r="AM206" s="54"/>
      <c r="AN206" s="13" t="str">
        <f t="shared" ref="AN206:AN218" si="11">$M$20</f>
        <v>■</v>
      </c>
    </row>
    <row r="207" spans="1:40" s="13" customFormat="1" ht="13.4" customHeight="1">
      <c r="A207" s="20" t="str">
        <f t="shared" si="9"/>
        <v>BU</v>
      </c>
      <c r="B207" s="20"/>
      <c r="C207" s="552">
        <v>3</v>
      </c>
      <c r="D207" s="553"/>
      <c r="E207" s="566" t="s">
        <v>106</v>
      </c>
      <c r="F207" s="567"/>
      <c r="G207" s="567"/>
      <c r="H207" s="567"/>
      <c r="I207" s="567"/>
      <c r="J207" s="567"/>
      <c r="K207" s="567"/>
      <c r="L207" s="567"/>
      <c r="M207" s="567"/>
      <c r="N207" s="567"/>
      <c r="O207" s="567"/>
      <c r="P207" s="567"/>
      <c r="Q207" s="567"/>
      <c r="R207" s="567"/>
      <c r="S207" s="567"/>
      <c r="T207" s="568"/>
      <c r="U207" s="220" t="s">
        <v>444</v>
      </c>
      <c r="V207" s="557" t="s">
        <v>107</v>
      </c>
      <c r="W207" s="558"/>
      <c r="X207" s="558"/>
      <c r="Y207" s="558"/>
      <c r="Z207" s="559"/>
      <c r="AA207" s="626" t="s">
        <v>108</v>
      </c>
      <c r="AB207" s="627"/>
      <c r="AC207" s="628"/>
      <c r="AD207" s="419">
        <v>1</v>
      </c>
      <c r="AE207" s="419">
        <v>0</v>
      </c>
      <c r="AF207" s="552" t="s">
        <v>109</v>
      </c>
      <c r="AG207" s="553"/>
      <c r="AH207" s="560"/>
      <c r="AI207" s="561"/>
      <c r="AJ207" s="562"/>
      <c r="AK207" s="321" t="s">
        <v>391</v>
      </c>
      <c r="AL207" s="38"/>
      <c r="AM207" s="54"/>
      <c r="AN207" s="13" t="str">
        <f t="shared" si="11"/>
        <v>■</v>
      </c>
    </row>
    <row r="208" spans="1:40" s="13" customFormat="1" ht="13.4" customHeight="1">
      <c r="A208" s="20" t="str">
        <f t="shared" si="9"/>
        <v>BU</v>
      </c>
      <c r="B208" s="20"/>
      <c r="C208" s="541">
        <v>4</v>
      </c>
      <c r="D208" s="542"/>
      <c r="E208" s="563" t="s">
        <v>110</v>
      </c>
      <c r="F208" s="564"/>
      <c r="G208" s="564"/>
      <c r="H208" s="564"/>
      <c r="I208" s="564"/>
      <c r="J208" s="564"/>
      <c r="K208" s="564"/>
      <c r="L208" s="564"/>
      <c r="M208" s="564"/>
      <c r="N208" s="564"/>
      <c r="O208" s="564"/>
      <c r="P208" s="564"/>
      <c r="Q208" s="564"/>
      <c r="R208" s="564"/>
      <c r="S208" s="564"/>
      <c r="T208" s="565"/>
      <c r="U208" s="221" t="s">
        <v>445</v>
      </c>
      <c r="V208" s="546" t="s">
        <v>107</v>
      </c>
      <c r="W208" s="547"/>
      <c r="X208" s="547"/>
      <c r="Y208" s="547"/>
      <c r="Z208" s="548"/>
      <c r="AA208" s="623" t="s">
        <v>108</v>
      </c>
      <c r="AB208" s="624"/>
      <c r="AC208" s="625"/>
      <c r="AD208" s="415">
        <v>1</v>
      </c>
      <c r="AE208" s="415">
        <v>0</v>
      </c>
      <c r="AF208" s="541"/>
      <c r="AG208" s="542"/>
      <c r="AH208" s="549"/>
      <c r="AI208" s="550"/>
      <c r="AJ208" s="551"/>
      <c r="AK208" s="265"/>
      <c r="AL208" s="38"/>
      <c r="AM208" s="54"/>
      <c r="AN208" s="13" t="str">
        <f t="shared" si="11"/>
        <v>■</v>
      </c>
    </row>
    <row r="209" spans="1:40" s="13" customFormat="1">
      <c r="A209" s="20" t="str">
        <f t="shared" si="9"/>
        <v>BU</v>
      </c>
      <c r="B209" s="20"/>
      <c r="C209" s="541">
        <v>5</v>
      </c>
      <c r="D209" s="542"/>
      <c r="E209" s="543" t="s">
        <v>80</v>
      </c>
      <c r="F209" s="544"/>
      <c r="G209" s="544"/>
      <c r="H209" s="544"/>
      <c r="I209" s="544"/>
      <c r="J209" s="544"/>
      <c r="K209" s="544"/>
      <c r="L209" s="544"/>
      <c r="M209" s="544"/>
      <c r="N209" s="544"/>
      <c r="O209" s="544"/>
      <c r="P209" s="544"/>
      <c r="Q209" s="544"/>
      <c r="R209" s="544"/>
      <c r="S209" s="544"/>
      <c r="T209" s="545"/>
      <c r="U209" s="221" t="s">
        <v>446</v>
      </c>
      <c r="V209" s="546" t="s">
        <v>101</v>
      </c>
      <c r="W209" s="547"/>
      <c r="X209" s="547"/>
      <c r="Y209" s="547"/>
      <c r="Z209" s="548"/>
      <c r="AA209" s="623" t="s">
        <v>102</v>
      </c>
      <c r="AB209" s="624"/>
      <c r="AC209" s="625"/>
      <c r="AD209" s="415">
        <v>2</v>
      </c>
      <c r="AE209" s="415" t="s">
        <v>103</v>
      </c>
      <c r="AF209" s="541"/>
      <c r="AG209" s="542"/>
      <c r="AH209" s="549"/>
      <c r="AI209" s="550"/>
      <c r="AJ209" s="551"/>
      <c r="AK209" s="265"/>
      <c r="AL209" s="38"/>
      <c r="AM209" s="54"/>
      <c r="AN209" s="13" t="str">
        <f t="shared" si="11"/>
        <v>■</v>
      </c>
    </row>
    <row r="210" spans="1:40" s="13" customFormat="1">
      <c r="A210" s="20" t="str">
        <f t="shared" si="9"/>
        <v>BU</v>
      </c>
      <c r="B210" s="20"/>
      <c r="C210" s="541">
        <v>6</v>
      </c>
      <c r="D210" s="542"/>
      <c r="E210" s="543" t="s">
        <v>992</v>
      </c>
      <c r="F210" s="544"/>
      <c r="G210" s="544"/>
      <c r="H210" s="544"/>
      <c r="I210" s="544"/>
      <c r="J210" s="544"/>
      <c r="K210" s="544"/>
      <c r="L210" s="544"/>
      <c r="M210" s="544"/>
      <c r="N210" s="544"/>
      <c r="O210" s="544"/>
      <c r="P210" s="544"/>
      <c r="Q210" s="544"/>
      <c r="R210" s="544"/>
      <c r="S210" s="544"/>
      <c r="T210" s="545"/>
      <c r="U210" s="221" t="s">
        <v>776</v>
      </c>
      <c r="V210" s="546" t="s">
        <v>101</v>
      </c>
      <c r="W210" s="547"/>
      <c r="X210" s="547"/>
      <c r="Y210" s="547"/>
      <c r="Z210" s="548"/>
      <c r="AA210" s="623" t="s">
        <v>102</v>
      </c>
      <c r="AB210" s="624"/>
      <c r="AC210" s="625"/>
      <c r="AD210" s="415">
        <v>14</v>
      </c>
      <c r="AE210" s="415" t="s">
        <v>103</v>
      </c>
      <c r="AF210" s="541"/>
      <c r="AG210" s="542"/>
      <c r="AH210" s="549"/>
      <c r="AI210" s="550"/>
      <c r="AJ210" s="551"/>
      <c r="AK210" s="265"/>
      <c r="AL210" s="38"/>
      <c r="AM210" s="54"/>
      <c r="AN210" s="13" t="str">
        <f t="shared" si="11"/>
        <v>■</v>
      </c>
    </row>
    <row r="211" spans="1:40" s="13" customFormat="1">
      <c r="A211" s="20" t="str">
        <f t="shared" si="9"/>
        <v>BU</v>
      </c>
      <c r="B211" s="20"/>
      <c r="C211" s="541">
        <v>7</v>
      </c>
      <c r="D211" s="542"/>
      <c r="E211" s="543" t="s">
        <v>993</v>
      </c>
      <c r="F211" s="544"/>
      <c r="G211" s="544"/>
      <c r="H211" s="544"/>
      <c r="I211" s="544"/>
      <c r="J211" s="544"/>
      <c r="K211" s="544"/>
      <c r="L211" s="544"/>
      <c r="M211" s="544"/>
      <c r="N211" s="544"/>
      <c r="O211" s="544"/>
      <c r="P211" s="544"/>
      <c r="Q211" s="544"/>
      <c r="R211" s="544"/>
      <c r="S211" s="544"/>
      <c r="T211" s="545"/>
      <c r="U211" s="221" t="s">
        <v>994</v>
      </c>
      <c r="V211" s="546" t="s">
        <v>107</v>
      </c>
      <c r="W211" s="547"/>
      <c r="X211" s="547"/>
      <c r="Y211" s="547"/>
      <c r="Z211" s="548"/>
      <c r="AA211" s="623" t="s">
        <v>102</v>
      </c>
      <c r="AB211" s="624"/>
      <c r="AC211" s="625"/>
      <c r="AD211" s="415">
        <v>8</v>
      </c>
      <c r="AE211" s="415" t="s">
        <v>103</v>
      </c>
      <c r="AF211" s="541"/>
      <c r="AG211" s="542"/>
      <c r="AH211" s="549"/>
      <c r="AI211" s="550"/>
      <c r="AJ211" s="551"/>
      <c r="AK211" s="265"/>
      <c r="AL211" s="38"/>
      <c r="AM211" s="54"/>
      <c r="AN211" s="13" t="str">
        <f t="shared" si="11"/>
        <v>■</v>
      </c>
    </row>
    <row r="212" spans="1:40" s="13" customFormat="1">
      <c r="A212" s="20" t="str">
        <f t="shared" si="9"/>
        <v>BU</v>
      </c>
      <c r="B212" s="20"/>
      <c r="C212" s="541">
        <v>8</v>
      </c>
      <c r="D212" s="542"/>
      <c r="E212" s="543" t="s">
        <v>995</v>
      </c>
      <c r="F212" s="544"/>
      <c r="G212" s="544"/>
      <c r="H212" s="544"/>
      <c r="I212" s="544"/>
      <c r="J212" s="544"/>
      <c r="K212" s="544"/>
      <c r="L212" s="544"/>
      <c r="M212" s="544"/>
      <c r="N212" s="544"/>
      <c r="O212" s="544"/>
      <c r="P212" s="544"/>
      <c r="Q212" s="544"/>
      <c r="R212" s="544"/>
      <c r="S212" s="544"/>
      <c r="T212" s="545"/>
      <c r="U212" s="221" t="s">
        <v>996</v>
      </c>
      <c r="V212" s="546" t="s">
        <v>107</v>
      </c>
      <c r="W212" s="547"/>
      <c r="X212" s="547"/>
      <c r="Y212" s="547"/>
      <c r="Z212" s="548"/>
      <c r="AA212" s="623" t="s">
        <v>102</v>
      </c>
      <c r="AB212" s="624"/>
      <c r="AC212" s="625"/>
      <c r="AD212" s="415">
        <v>8</v>
      </c>
      <c r="AE212" s="415" t="s">
        <v>103</v>
      </c>
      <c r="AF212" s="541"/>
      <c r="AG212" s="542"/>
      <c r="AH212" s="549"/>
      <c r="AI212" s="550"/>
      <c r="AJ212" s="551"/>
      <c r="AK212" s="265"/>
      <c r="AL212" s="38"/>
      <c r="AM212" s="54"/>
      <c r="AN212" s="13" t="str">
        <f t="shared" si="11"/>
        <v>■</v>
      </c>
    </row>
    <row r="213" spans="1:40" s="13" customFormat="1">
      <c r="A213" s="20" t="str">
        <f t="shared" si="9"/>
        <v>BU</v>
      </c>
      <c r="B213" s="20"/>
      <c r="C213" s="541">
        <v>9</v>
      </c>
      <c r="D213" s="542"/>
      <c r="E213" s="543" t="s">
        <v>997</v>
      </c>
      <c r="F213" s="544"/>
      <c r="G213" s="544"/>
      <c r="H213" s="544"/>
      <c r="I213" s="544"/>
      <c r="J213" s="544"/>
      <c r="K213" s="544"/>
      <c r="L213" s="544"/>
      <c r="M213" s="544"/>
      <c r="N213" s="544"/>
      <c r="O213" s="544"/>
      <c r="P213" s="544"/>
      <c r="Q213" s="544"/>
      <c r="R213" s="544"/>
      <c r="S213" s="544"/>
      <c r="T213" s="545"/>
      <c r="U213" s="221" t="s">
        <v>998</v>
      </c>
      <c r="V213" s="546" t="s">
        <v>107</v>
      </c>
      <c r="W213" s="547"/>
      <c r="X213" s="547"/>
      <c r="Y213" s="547"/>
      <c r="Z213" s="548"/>
      <c r="AA213" s="623" t="s">
        <v>102</v>
      </c>
      <c r="AB213" s="624"/>
      <c r="AC213" s="625"/>
      <c r="AD213" s="415">
        <v>1</v>
      </c>
      <c r="AE213" s="415" t="s">
        <v>103</v>
      </c>
      <c r="AF213" s="541"/>
      <c r="AG213" s="542"/>
      <c r="AH213" s="549"/>
      <c r="AI213" s="550"/>
      <c r="AJ213" s="551"/>
      <c r="AK213" s="265"/>
      <c r="AL213" s="38"/>
      <c r="AM213" s="54"/>
      <c r="AN213" s="13" t="str">
        <f t="shared" si="11"/>
        <v>■</v>
      </c>
    </row>
    <row r="214" spans="1:40" s="13" customFormat="1">
      <c r="A214" s="20" t="str">
        <f t="shared" si="9"/>
        <v>BU</v>
      </c>
      <c r="B214" s="20"/>
      <c r="C214" s="552">
        <v>10</v>
      </c>
      <c r="D214" s="553"/>
      <c r="E214" s="554" t="s">
        <v>999</v>
      </c>
      <c r="F214" s="555"/>
      <c r="G214" s="555"/>
      <c r="H214" s="555"/>
      <c r="I214" s="555"/>
      <c r="J214" s="555"/>
      <c r="K214" s="555"/>
      <c r="L214" s="555"/>
      <c r="M214" s="555"/>
      <c r="N214" s="555"/>
      <c r="O214" s="555"/>
      <c r="P214" s="555"/>
      <c r="Q214" s="555"/>
      <c r="R214" s="555"/>
      <c r="S214" s="555"/>
      <c r="T214" s="556"/>
      <c r="U214" s="259" t="s">
        <v>1000</v>
      </c>
      <c r="V214" s="557" t="s">
        <v>398</v>
      </c>
      <c r="W214" s="558"/>
      <c r="X214" s="558"/>
      <c r="Y214" s="558"/>
      <c r="Z214" s="559"/>
      <c r="AA214" s="626" t="s">
        <v>102</v>
      </c>
      <c r="AB214" s="627"/>
      <c r="AC214" s="628"/>
      <c r="AD214" s="419">
        <v>50</v>
      </c>
      <c r="AE214" s="419" t="s">
        <v>103</v>
      </c>
      <c r="AF214" s="552" t="s">
        <v>109</v>
      </c>
      <c r="AG214" s="553"/>
      <c r="AH214" s="560"/>
      <c r="AI214" s="561"/>
      <c r="AJ214" s="562"/>
      <c r="AK214" s="333" t="s">
        <v>399</v>
      </c>
      <c r="AL214" s="38"/>
      <c r="AM214" s="54"/>
      <c r="AN214" s="13" t="str">
        <f t="shared" si="11"/>
        <v>■</v>
      </c>
    </row>
    <row r="215" spans="1:40" s="13" customFormat="1">
      <c r="A215" s="20" t="str">
        <f t="shared" si="9"/>
        <v>BU</v>
      </c>
      <c r="B215" s="20"/>
      <c r="C215" s="541">
        <v>11</v>
      </c>
      <c r="D215" s="542"/>
      <c r="E215" s="543" t="s">
        <v>409</v>
      </c>
      <c r="F215" s="544"/>
      <c r="G215" s="544"/>
      <c r="H215" s="544"/>
      <c r="I215" s="544"/>
      <c r="J215" s="544"/>
      <c r="K215" s="544"/>
      <c r="L215" s="544"/>
      <c r="M215" s="544"/>
      <c r="N215" s="544"/>
      <c r="O215" s="544"/>
      <c r="P215" s="544"/>
      <c r="Q215" s="544"/>
      <c r="R215" s="544"/>
      <c r="S215" s="544"/>
      <c r="T215" s="545"/>
      <c r="U215" s="221" t="s">
        <v>453</v>
      </c>
      <c r="V215" s="546" t="s">
        <v>107</v>
      </c>
      <c r="W215" s="547"/>
      <c r="X215" s="547"/>
      <c r="Y215" s="547"/>
      <c r="Z215" s="548"/>
      <c r="AA215" s="623" t="s">
        <v>102</v>
      </c>
      <c r="AB215" s="624"/>
      <c r="AC215" s="625"/>
      <c r="AD215" s="415">
        <v>6</v>
      </c>
      <c r="AE215" s="415" t="s">
        <v>103</v>
      </c>
      <c r="AF215" s="541"/>
      <c r="AG215" s="542"/>
      <c r="AH215" s="549"/>
      <c r="AI215" s="550"/>
      <c r="AJ215" s="551"/>
      <c r="AK215" s="265"/>
      <c r="AL215" s="38"/>
      <c r="AM215" s="54"/>
      <c r="AN215" s="13" t="str">
        <f t="shared" si="11"/>
        <v>■</v>
      </c>
    </row>
    <row r="216" spans="1:40" s="13" customFormat="1">
      <c r="A216" s="20" t="str">
        <f t="shared" si="9"/>
        <v>BU</v>
      </c>
      <c r="B216" s="20"/>
      <c r="C216" s="541">
        <v>12</v>
      </c>
      <c r="D216" s="542"/>
      <c r="E216" s="543" t="s">
        <v>411</v>
      </c>
      <c r="F216" s="544"/>
      <c r="G216" s="544"/>
      <c r="H216" s="544"/>
      <c r="I216" s="544"/>
      <c r="J216" s="544"/>
      <c r="K216" s="544"/>
      <c r="L216" s="544"/>
      <c r="M216" s="544"/>
      <c r="N216" s="544"/>
      <c r="O216" s="544"/>
      <c r="P216" s="544"/>
      <c r="Q216" s="544"/>
      <c r="R216" s="544"/>
      <c r="S216" s="544"/>
      <c r="T216" s="545"/>
      <c r="U216" s="221" t="s">
        <v>516</v>
      </c>
      <c r="V216" s="546" t="s">
        <v>107</v>
      </c>
      <c r="W216" s="547"/>
      <c r="X216" s="547"/>
      <c r="Y216" s="547"/>
      <c r="Z216" s="548"/>
      <c r="AA216" s="623" t="s">
        <v>102</v>
      </c>
      <c r="AB216" s="624"/>
      <c r="AC216" s="625"/>
      <c r="AD216" s="415">
        <v>6</v>
      </c>
      <c r="AE216" s="415" t="s">
        <v>103</v>
      </c>
      <c r="AF216" s="541"/>
      <c r="AG216" s="542"/>
      <c r="AH216" s="549"/>
      <c r="AI216" s="550"/>
      <c r="AJ216" s="551"/>
      <c r="AK216" s="265"/>
      <c r="AL216" s="48"/>
      <c r="AM216" s="54"/>
      <c r="AN216" s="13" t="str">
        <f t="shared" si="11"/>
        <v>■</v>
      </c>
    </row>
    <row r="217" spans="1:40" s="13" customFormat="1">
      <c r="A217" s="20" t="str">
        <f t="shared" si="9"/>
        <v>BU</v>
      </c>
      <c r="B217" s="20"/>
      <c r="C217" s="541">
        <v>13</v>
      </c>
      <c r="D217" s="542"/>
      <c r="E217" s="543" t="s">
        <v>970</v>
      </c>
      <c r="F217" s="544"/>
      <c r="G217" s="544"/>
      <c r="H217" s="544"/>
      <c r="I217" s="544"/>
      <c r="J217" s="544"/>
      <c r="K217" s="544"/>
      <c r="L217" s="544"/>
      <c r="M217" s="544"/>
      <c r="N217" s="544"/>
      <c r="O217" s="544"/>
      <c r="P217" s="544"/>
      <c r="Q217" s="544"/>
      <c r="R217" s="544"/>
      <c r="S217" s="544"/>
      <c r="T217" s="545"/>
      <c r="U217" s="221" t="s">
        <v>971</v>
      </c>
      <c r="V217" s="546" t="s">
        <v>107</v>
      </c>
      <c r="W217" s="547"/>
      <c r="X217" s="547"/>
      <c r="Y217" s="547"/>
      <c r="Z217" s="548"/>
      <c r="AA217" s="623" t="s">
        <v>102</v>
      </c>
      <c r="AB217" s="624"/>
      <c r="AC217" s="625"/>
      <c r="AD217" s="415">
        <v>1</v>
      </c>
      <c r="AE217" s="415" t="s">
        <v>103</v>
      </c>
      <c r="AF217" s="541"/>
      <c r="AG217" s="542"/>
      <c r="AH217" s="549"/>
      <c r="AI217" s="550"/>
      <c r="AJ217" s="551"/>
      <c r="AK217" s="344"/>
      <c r="AL217" s="48"/>
      <c r="AM217" s="54"/>
      <c r="AN217" s="13" t="str">
        <f t="shared" si="11"/>
        <v>■</v>
      </c>
    </row>
    <row r="218" spans="1:40" s="13" customFormat="1">
      <c r="A218" s="20" t="str">
        <f t="shared" si="9"/>
        <v>BU</v>
      </c>
      <c r="B218" s="20"/>
      <c r="C218" s="541">
        <v>14</v>
      </c>
      <c r="D218" s="542"/>
      <c r="E218" s="543" t="s">
        <v>976</v>
      </c>
      <c r="F218" s="544"/>
      <c r="G218" s="544"/>
      <c r="H218" s="544"/>
      <c r="I218" s="544"/>
      <c r="J218" s="544"/>
      <c r="K218" s="544"/>
      <c r="L218" s="544"/>
      <c r="M218" s="544"/>
      <c r="N218" s="544"/>
      <c r="O218" s="544"/>
      <c r="P218" s="544"/>
      <c r="Q218" s="544"/>
      <c r="R218" s="544"/>
      <c r="S218" s="544"/>
      <c r="T218" s="545"/>
      <c r="U218" s="221" t="s">
        <v>977</v>
      </c>
      <c r="V218" s="546" t="s">
        <v>107</v>
      </c>
      <c r="W218" s="547"/>
      <c r="X218" s="547"/>
      <c r="Y218" s="547"/>
      <c r="Z218" s="548"/>
      <c r="AA218" s="623" t="s">
        <v>108</v>
      </c>
      <c r="AB218" s="624"/>
      <c r="AC218" s="625"/>
      <c r="AD218" s="415">
        <v>2</v>
      </c>
      <c r="AE218" s="415">
        <v>0</v>
      </c>
      <c r="AF218" s="541"/>
      <c r="AG218" s="542"/>
      <c r="AH218" s="549"/>
      <c r="AI218" s="550"/>
      <c r="AJ218" s="551"/>
      <c r="AK218" s="344"/>
      <c r="AL218" s="37"/>
      <c r="AM218" s="54"/>
      <c r="AN218" s="13" t="str">
        <f t="shared" si="11"/>
        <v>■</v>
      </c>
    </row>
    <row r="219" spans="1:40" ht="13.4" customHeight="1">
      <c r="A219" s="20" t="str">
        <f t="shared" si="9"/>
        <v>BU</v>
      </c>
      <c r="B219" s="25"/>
      <c r="C219" s="26"/>
      <c r="D219" s="26"/>
      <c r="E219" s="26"/>
      <c r="F219" s="26"/>
      <c r="G219" s="26"/>
      <c r="H219" s="26"/>
      <c r="I219" s="26"/>
      <c r="J219" s="26"/>
      <c r="K219" s="26"/>
      <c r="L219" s="26"/>
      <c r="M219" s="26"/>
      <c r="N219" s="26"/>
      <c r="O219" s="26"/>
      <c r="P219" s="26"/>
      <c r="Q219" s="26"/>
      <c r="R219" s="26"/>
      <c r="S219" s="26"/>
      <c r="T219" s="26"/>
      <c r="V219" s="122"/>
      <c r="W219" s="122"/>
      <c r="X219" s="122"/>
      <c r="Y219" s="122"/>
      <c r="Z219" s="122"/>
      <c r="AA219" s="634"/>
      <c r="AB219" s="634"/>
      <c r="AC219" s="634"/>
      <c r="AD219" s="122"/>
      <c r="AE219" s="122"/>
      <c r="AF219" s="122"/>
      <c r="AG219" s="122"/>
      <c r="AH219" s="122"/>
      <c r="AI219" s="122"/>
      <c r="AJ219" s="122"/>
      <c r="AK219" s="55"/>
      <c r="AL219" s="37"/>
      <c r="AM219" s="16"/>
    </row>
    <row r="220" spans="1:40" s="1" customFormat="1" ht="13.4" customHeight="1">
      <c r="A220" s="20" t="str">
        <f t="shared" si="9"/>
        <v>SB</v>
      </c>
      <c r="B220" s="20"/>
      <c r="C220" s="52" t="s">
        <v>380</v>
      </c>
      <c r="D220" s="53"/>
      <c r="E220" s="26"/>
      <c r="F220" s="26"/>
      <c r="G220" s="26"/>
      <c r="H220" s="26"/>
      <c r="I220" s="26"/>
      <c r="J220" s="26" t="s">
        <v>1001</v>
      </c>
      <c r="K220" s="71"/>
      <c r="L220" s="26"/>
      <c r="M220" s="71"/>
      <c r="N220" s="26"/>
      <c r="O220" s="26"/>
      <c r="P220" s="26"/>
      <c r="Q220" s="26"/>
      <c r="R220" s="26"/>
      <c r="S220" s="26"/>
      <c r="T220" s="26"/>
      <c r="U220" s="26" t="s">
        <v>1002</v>
      </c>
      <c r="V220" s="122"/>
      <c r="W220" s="122"/>
      <c r="X220" s="122"/>
      <c r="Y220" s="122"/>
      <c r="Z220" s="122"/>
      <c r="AA220" s="630"/>
      <c r="AB220" s="630"/>
      <c r="AC220" s="630"/>
      <c r="AD220" s="122"/>
      <c r="AE220" s="122"/>
      <c r="AF220" s="122"/>
      <c r="AG220" s="122"/>
      <c r="AH220" s="122"/>
      <c r="AI220" s="122"/>
      <c r="AJ220" s="122"/>
      <c r="AK220" s="26"/>
      <c r="AL220" s="38"/>
      <c r="AM220" s="26"/>
    </row>
    <row r="221" spans="1:40" ht="13.5" customHeight="1">
      <c r="A221" s="20" t="str">
        <f t="shared" si="9"/>
        <v>SB</v>
      </c>
      <c r="B221" s="51"/>
      <c r="C221" s="583" t="s">
        <v>73</v>
      </c>
      <c r="D221" s="573"/>
      <c r="E221" s="583" t="s">
        <v>94</v>
      </c>
      <c r="F221" s="583"/>
      <c r="G221" s="583"/>
      <c r="H221" s="583"/>
      <c r="I221" s="583"/>
      <c r="J221" s="583"/>
      <c r="K221" s="583"/>
      <c r="L221" s="583"/>
      <c r="M221" s="583"/>
      <c r="N221" s="583"/>
      <c r="O221" s="583"/>
      <c r="P221" s="583"/>
      <c r="Q221" s="583"/>
      <c r="R221" s="583"/>
      <c r="S221" s="583"/>
      <c r="T221" s="583"/>
      <c r="U221" s="226" t="s">
        <v>383</v>
      </c>
      <c r="V221" s="572" t="s">
        <v>138</v>
      </c>
      <c r="W221" s="572"/>
      <c r="X221" s="572"/>
      <c r="Y221" s="572"/>
      <c r="Z221" s="572"/>
      <c r="AA221" s="575" t="s">
        <v>959</v>
      </c>
      <c r="AB221" s="576"/>
      <c r="AC221" s="577"/>
      <c r="AD221" s="572" t="s">
        <v>97</v>
      </c>
      <c r="AE221" s="572"/>
      <c r="AF221" s="572" t="s">
        <v>98</v>
      </c>
      <c r="AG221" s="572"/>
      <c r="AH221" s="583" t="s">
        <v>75</v>
      </c>
      <c r="AI221" s="583"/>
      <c r="AJ221" s="583"/>
      <c r="AK221" s="621" t="s">
        <v>159</v>
      </c>
      <c r="AL221" s="38"/>
      <c r="AM221" s="16"/>
    </row>
    <row r="222" spans="1:40" ht="13.4" customHeight="1">
      <c r="A222" s="20" t="str">
        <f t="shared" si="9"/>
        <v>SB</v>
      </c>
      <c r="B222" s="51"/>
      <c r="C222" s="573"/>
      <c r="D222" s="573"/>
      <c r="E222" s="583"/>
      <c r="F222" s="583"/>
      <c r="G222" s="583"/>
      <c r="H222" s="583"/>
      <c r="I222" s="583"/>
      <c r="J222" s="583"/>
      <c r="K222" s="583"/>
      <c r="L222" s="583"/>
      <c r="M222" s="583"/>
      <c r="N222" s="583"/>
      <c r="O222" s="583"/>
      <c r="P222" s="583"/>
      <c r="Q222" s="583"/>
      <c r="R222" s="583"/>
      <c r="S222" s="583"/>
      <c r="T222" s="583"/>
      <c r="U222" s="227"/>
      <c r="V222" s="572"/>
      <c r="W222" s="572"/>
      <c r="X222" s="572"/>
      <c r="Y222" s="572"/>
      <c r="Z222" s="572"/>
      <c r="AA222" s="578"/>
      <c r="AB222" s="579"/>
      <c r="AC222" s="580"/>
      <c r="AD222" s="572"/>
      <c r="AE222" s="572"/>
      <c r="AF222" s="572"/>
      <c r="AG222" s="572"/>
      <c r="AH222" s="583"/>
      <c r="AI222" s="583"/>
      <c r="AJ222" s="583"/>
      <c r="AK222" s="622"/>
      <c r="AL222" s="38"/>
      <c r="AM222" s="16"/>
    </row>
    <row r="223" spans="1:40" s="13" customFormat="1" ht="13.4" customHeight="1">
      <c r="A223" s="20" t="str">
        <f t="shared" si="9"/>
        <v>SB</v>
      </c>
      <c r="B223" s="20"/>
      <c r="C223" s="541">
        <v>1</v>
      </c>
      <c r="D223" s="542"/>
      <c r="E223" s="563" t="s">
        <v>440</v>
      </c>
      <c r="F223" s="564"/>
      <c r="G223" s="564"/>
      <c r="H223" s="564"/>
      <c r="I223" s="564"/>
      <c r="J223" s="564"/>
      <c r="K223" s="564"/>
      <c r="L223" s="564"/>
      <c r="M223" s="564"/>
      <c r="N223" s="564"/>
      <c r="O223" s="564"/>
      <c r="P223" s="564"/>
      <c r="Q223" s="564"/>
      <c r="R223" s="564"/>
      <c r="S223" s="564"/>
      <c r="T223" s="565"/>
      <c r="U223" s="219" t="s">
        <v>441</v>
      </c>
      <c r="V223" s="546" t="s">
        <v>101</v>
      </c>
      <c r="W223" s="547"/>
      <c r="X223" s="547"/>
      <c r="Y223" s="547"/>
      <c r="Z223" s="548"/>
      <c r="AA223" s="623" t="s">
        <v>102</v>
      </c>
      <c r="AB223" s="624"/>
      <c r="AC223" s="625"/>
      <c r="AD223" s="415">
        <v>10</v>
      </c>
      <c r="AE223" s="415" t="s">
        <v>103</v>
      </c>
      <c r="AF223" s="541"/>
      <c r="AG223" s="542"/>
      <c r="AH223" s="549"/>
      <c r="AI223" s="550"/>
      <c r="AJ223" s="551"/>
      <c r="AK223" s="343"/>
      <c r="AL223" s="38"/>
      <c r="AM223" s="54"/>
      <c r="AN223" s="13" t="str">
        <f>$P$20</f>
        <v>■</v>
      </c>
    </row>
    <row r="224" spans="1:40" s="13" customFormat="1" ht="13.4" customHeight="1">
      <c r="A224" s="20" t="str">
        <f t="shared" si="9"/>
        <v>SB</v>
      </c>
      <c r="B224" s="20"/>
      <c r="C224" s="541">
        <v>2</v>
      </c>
      <c r="D224" s="542"/>
      <c r="E224" s="563" t="s">
        <v>442</v>
      </c>
      <c r="F224" s="564"/>
      <c r="G224" s="564"/>
      <c r="H224" s="564"/>
      <c r="I224" s="564"/>
      <c r="J224" s="564"/>
      <c r="K224" s="564"/>
      <c r="L224" s="564"/>
      <c r="M224" s="564"/>
      <c r="N224" s="564"/>
      <c r="O224" s="564"/>
      <c r="P224" s="564"/>
      <c r="Q224" s="564"/>
      <c r="R224" s="564"/>
      <c r="S224" s="564"/>
      <c r="T224" s="565"/>
      <c r="U224" s="219" t="s">
        <v>443</v>
      </c>
      <c r="V224" s="546" t="s">
        <v>101</v>
      </c>
      <c r="W224" s="547"/>
      <c r="X224" s="547"/>
      <c r="Y224" s="547"/>
      <c r="Z224" s="548"/>
      <c r="AA224" s="623" t="s">
        <v>102</v>
      </c>
      <c r="AB224" s="624"/>
      <c r="AC224" s="625"/>
      <c r="AD224" s="415">
        <v>51</v>
      </c>
      <c r="AE224" s="415" t="s">
        <v>103</v>
      </c>
      <c r="AF224" s="541"/>
      <c r="AG224" s="542"/>
      <c r="AH224" s="549"/>
      <c r="AI224" s="550"/>
      <c r="AJ224" s="551"/>
      <c r="AK224" s="343"/>
      <c r="AL224" s="38"/>
      <c r="AM224" s="54"/>
      <c r="AN224" s="13" t="str">
        <f t="shared" ref="AN224:AN241" si="12">$P$20</f>
        <v>■</v>
      </c>
    </row>
    <row r="225" spans="1:40" s="13" customFormat="1" ht="13.4" customHeight="1">
      <c r="A225" s="20" t="str">
        <f t="shared" si="9"/>
        <v>SB</v>
      </c>
      <c r="B225" s="20"/>
      <c r="C225" s="552">
        <v>3</v>
      </c>
      <c r="D225" s="553"/>
      <c r="E225" s="566" t="s">
        <v>106</v>
      </c>
      <c r="F225" s="567"/>
      <c r="G225" s="567"/>
      <c r="H225" s="567"/>
      <c r="I225" s="567"/>
      <c r="J225" s="567"/>
      <c r="K225" s="567"/>
      <c r="L225" s="567"/>
      <c r="M225" s="567"/>
      <c r="N225" s="567"/>
      <c r="O225" s="567"/>
      <c r="P225" s="567"/>
      <c r="Q225" s="567"/>
      <c r="R225" s="567"/>
      <c r="S225" s="567"/>
      <c r="T225" s="568"/>
      <c r="U225" s="220" t="s">
        <v>444</v>
      </c>
      <c r="V225" s="557" t="s">
        <v>107</v>
      </c>
      <c r="W225" s="558"/>
      <c r="X225" s="558"/>
      <c r="Y225" s="558"/>
      <c r="Z225" s="559"/>
      <c r="AA225" s="626" t="s">
        <v>108</v>
      </c>
      <c r="AB225" s="627"/>
      <c r="AC225" s="628"/>
      <c r="AD225" s="419">
        <v>1</v>
      </c>
      <c r="AE225" s="419">
        <v>0</v>
      </c>
      <c r="AF225" s="552" t="s">
        <v>109</v>
      </c>
      <c r="AG225" s="553"/>
      <c r="AH225" s="560"/>
      <c r="AI225" s="561"/>
      <c r="AJ225" s="562"/>
      <c r="AK225" s="321" t="s">
        <v>391</v>
      </c>
      <c r="AL225" s="38"/>
      <c r="AM225" s="54"/>
      <c r="AN225" s="13" t="str">
        <f t="shared" si="12"/>
        <v>■</v>
      </c>
    </row>
    <row r="226" spans="1:40" s="13" customFormat="1" ht="13.4" customHeight="1">
      <c r="A226" s="20" t="str">
        <f t="shared" si="9"/>
        <v>SB</v>
      </c>
      <c r="B226" s="20"/>
      <c r="C226" s="541">
        <v>4</v>
      </c>
      <c r="D226" s="542"/>
      <c r="E226" s="563" t="s">
        <v>110</v>
      </c>
      <c r="F226" s="564"/>
      <c r="G226" s="564"/>
      <c r="H226" s="564"/>
      <c r="I226" s="564"/>
      <c r="J226" s="564"/>
      <c r="K226" s="564"/>
      <c r="L226" s="564"/>
      <c r="M226" s="564"/>
      <c r="N226" s="564"/>
      <c r="O226" s="564"/>
      <c r="P226" s="564"/>
      <c r="Q226" s="564"/>
      <c r="R226" s="564"/>
      <c r="S226" s="564"/>
      <c r="T226" s="565"/>
      <c r="U226" s="221" t="s">
        <v>445</v>
      </c>
      <c r="V226" s="546" t="s">
        <v>107</v>
      </c>
      <c r="W226" s="547"/>
      <c r="X226" s="547"/>
      <c r="Y226" s="547"/>
      <c r="Z226" s="548"/>
      <c r="AA226" s="623" t="s">
        <v>108</v>
      </c>
      <c r="AB226" s="624"/>
      <c r="AC226" s="625"/>
      <c r="AD226" s="415">
        <v>1</v>
      </c>
      <c r="AE226" s="415">
        <v>0</v>
      </c>
      <c r="AF226" s="541"/>
      <c r="AG226" s="542"/>
      <c r="AH226" s="549"/>
      <c r="AI226" s="550"/>
      <c r="AJ226" s="551"/>
      <c r="AK226" s="265"/>
      <c r="AL226" s="38"/>
      <c r="AM226" s="54"/>
      <c r="AN226" s="13" t="str">
        <f t="shared" si="12"/>
        <v>■</v>
      </c>
    </row>
    <row r="227" spans="1:40" s="13" customFormat="1">
      <c r="A227" s="20" t="str">
        <f t="shared" si="9"/>
        <v>SB</v>
      </c>
      <c r="B227" s="20"/>
      <c r="C227" s="541">
        <v>5</v>
      </c>
      <c r="D227" s="542"/>
      <c r="E227" s="543" t="s">
        <v>80</v>
      </c>
      <c r="F227" s="544"/>
      <c r="G227" s="544"/>
      <c r="H227" s="544"/>
      <c r="I227" s="544"/>
      <c r="J227" s="544"/>
      <c r="K227" s="544"/>
      <c r="L227" s="544"/>
      <c r="M227" s="544"/>
      <c r="N227" s="544"/>
      <c r="O227" s="544"/>
      <c r="P227" s="544"/>
      <c r="Q227" s="544"/>
      <c r="R227" s="544"/>
      <c r="S227" s="544"/>
      <c r="T227" s="545"/>
      <c r="U227" s="221" t="s">
        <v>446</v>
      </c>
      <c r="V227" s="546" t="s">
        <v>101</v>
      </c>
      <c r="W227" s="547"/>
      <c r="X227" s="547"/>
      <c r="Y227" s="547"/>
      <c r="Z227" s="548"/>
      <c r="AA227" s="623" t="s">
        <v>102</v>
      </c>
      <c r="AB227" s="624"/>
      <c r="AC227" s="625"/>
      <c r="AD227" s="415">
        <v>2</v>
      </c>
      <c r="AE227" s="415" t="s">
        <v>103</v>
      </c>
      <c r="AF227" s="541"/>
      <c r="AG227" s="542"/>
      <c r="AH227" s="549"/>
      <c r="AI227" s="550"/>
      <c r="AJ227" s="551"/>
      <c r="AK227" s="265"/>
      <c r="AL227" s="38"/>
      <c r="AM227" s="54"/>
      <c r="AN227" s="13" t="str">
        <f t="shared" si="12"/>
        <v>■</v>
      </c>
    </row>
    <row r="228" spans="1:40" s="13" customFormat="1">
      <c r="A228" s="20" t="str">
        <f t="shared" si="9"/>
        <v>SB</v>
      </c>
      <c r="B228" s="20"/>
      <c r="C228" s="541">
        <v>6</v>
      </c>
      <c r="D228" s="542"/>
      <c r="E228" s="543" t="s">
        <v>81</v>
      </c>
      <c r="F228" s="544"/>
      <c r="G228" s="544"/>
      <c r="H228" s="544"/>
      <c r="I228" s="544"/>
      <c r="J228" s="544"/>
      <c r="K228" s="544"/>
      <c r="L228" s="544"/>
      <c r="M228" s="544"/>
      <c r="N228" s="544"/>
      <c r="O228" s="544"/>
      <c r="P228" s="544"/>
      <c r="Q228" s="544"/>
      <c r="R228" s="544"/>
      <c r="S228" s="544"/>
      <c r="T228" s="545"/>
      <c r="U228" s="221" t="s">
        <v>584</v>
      </c>
      <c r="V228" s="546" t="s">
        <v>107</v>
      </c>
      <c r="W228" s="547"/>
      <c r="X228" s="547"/>
      <c r="Y228" s="547"/>
      <c r="Z228" s="548"/>
      <c r="AA228" s="623" t="s">
        <v>102</v>
      </c>
      <c r="AB228" s="624"/>
      <c r="AC228" s="625"/>
      <c r="AD228" s="415">
        <v>7</v>
      </c>
      <c r="AE228" s="415" t="s">
        <v>103</v>
      </c>
      <c r="AF228" s="541"/>
      <c r="AG228" s="542"/>
      <c r="AH228" s="549"/>
      <c r="AI228" s="550"/>
      <c r="AJ228" s="551"/>
      <c r="AK228" s="265"/>
      <c r="AL228" s="38"/>
      <c r="AM228" s="54"/>
      <c r="AN228" s="13" t="str">
        <f t="shared" si="12"/>
        <v>■</v>
      </c>
    </row>
    <row r="229" spans="1:40" s="13" customFormat="1">
      <c r="A229" s="20" t="str">
        <f t="shared" si="9"/>
        <v>SB</v>
      </c>
      <c r="B229" s="20"/>
      <c r="C229" s="541">
        <v>7</v>
      </c>
      <c r="D229" s="542"/>
      <c r="E229" s="543" t="s">
        <v>589</v>
      </c>
      <c r="F229" s="544"/>
      <c r="G229" s="544"/>
      <c r="H229" s="544"/>
      <c r="I229" s="544"/>
      <c r="J229" s="544"/>
      <c r="K229" s="544"/>
      <c r="L229" s="544"/>
      <c r="M229" s="544"/>
      <c r="N229" s="544"/>
      <c r="O229" s="544"/>
      <c r="P229" s="544"/>
      <c r="Q229" s="544"/>
      <c r="R229" s="544"/>
      <c r="S229" s="544"/>
      <c r="T229" s="545"/>
      <c r="U229" s="221" t="s">
        <v>590</v>
      </c>
      <c r="V229" s="546" t="s">
        <v>101</v>
      </c>
      <c r="W229" s="547"/>
      <c r="X229" s="547"/>
      <c r="Y229" s="547"/>
      <c r="Z229" s="548"/>
      <c r="AA229" s="623" t="s">
        <v>102</v>
      </c>
      <c r="AB229" s="624"/>
      <c r="AC229" s="625"/>
      <c r="AD229" s="415">
        <v>80</v>
      </c>
      <c r="AE229" s="415" t="s">
        <v>103</v>
      </c>
      <c r="AF229" s="541"/>
      <c r="AG229" s="542"/>
      <c r="AH229" s="549"/>
      <c r="AI229" s="550"/>
      <c r="AJ229" s="551"/>
      <c r="AK229" s="344"/>
      <c r="AL229" s="38"/>
      <c r="AM229" s="54"/>
      <c r="AN229" s="13" t="str">
        <f t="shared" si="12"/>
        <v>■</v>
      </c>
    </row>
    <row r="230" spans="1:40" s="13" customFormat="1">
      <c r="A230" s="20" t="str">
        <f t="shared" si="9"/>
        <v>SB</v>
      </c>
      <c r="B230" s="20"/>
      <c r="C230" s="541">
        <v>8</v>
      </c>
      <c r="D230" s="542"/>
      <c r="E230" s="543" t="s">
        <v>591</v>
      </c>
      <c r="F230" s="544"/>
      <c r="G230" s="544"/>
      <c r="H230" s="544"/>
      <c r="I230" s="544"/>
      <c r="J230" s="544"/>
      <c r="K230" s="544"/>
      <c r="L230" s="544"/>
      <c r="M230" s="544"/>
      <c r="N230" s="544"/>
      <c r="O230" s="544"/>
      <c r="P230" s="544"/>
      <c r="Q230" s="544"/>
      <c r="R230" s="544"/>
      <c r="S230" s="544"/>
      <c r="T230" s="545"/>
      <c r="U230" s="221" t="s">
        <v>592</v>
      </c>
      <c r="V230" s="546" t="s">
        <v>107</v>
      </c>
      <c r="W230" s="547"/>
      <c r="X230" s="547"/>
      <c r="Y230" s="547"/>
      <c r="Z230" s="548"/>
      <c r="AA230" s="623" t="s">
        <v>108</v>
      </c>
      <c r="AB230" s="624"/>
      <c r="AC230" s="625"/>
      <c r="AD230" s="415">
        <v>1</v>
      </c>
      <c r="AE230" s="415">
        <v>0</v>
      </c>
      <c r="AF230" s="541"/>
      <c r="AG230" s="542"/>
      <c r="AH230" s="549"/>
      <c r="AI230" s="550"/>
      <c r="AJ230" s="551"/>
      <c r="AK230" s="265"/>
      <c r="AL230" s="38"/>
      <c r="AM230" s="54"/>
      <c r="AN230" s="13" t="str">
        <f t="shared" si="12"/>
        <v>■</v>
      </c>
    </row>
    <row r="231" spans="1:40" s="13" customFormat="1">
      <c r="A231" s="20" t="str">
        <f t="shared" si="9"/>
        <v>SB</v>
      </c>
      <c r="B231" s="20"/>
      <c r="C231" s="552">
        <v>9</v>
      </c>
      <c r="D231" s="553"/>
      <c r="E231" s="554" t="s">
        <v>1003</v>
      </c>
      <c r="F231" s="555"/>
      <c r="G231" s="555"/>
      <c r="H231" s="555"/>
      <c r="I231" s="555"/>
      <c r="J231" s="555"/>
      <c r="K231" s="555"/>
      <c r="L231" s="555"/>
      <c r="M231" s="555"/>
      <c r="N231" s="555"/>
      <c r="O231" s="555"/>
      <c r="P231" s="555"/>
      <c r="Q231" s="555"/>
      <c r="R231" s="555"/>
      <c r="S231" s="555"/>
      <c r="T231" s="556"/>
      <c r="U231" s="259" t="s">
        <v>594</v>
      </c>
      <c r="V231" s="557" t="s">
        <v>398</v>
      </c>
      <c r="W231" s="558"/>
      <c r="X231" s="558"/>
      <c r="Y231" s="558"/>
      <c r="Z231" s="559"/>
      <c r="AA231" s="626" t="s">
        <v>102</v>
      </c>
      <c r="AB231" s="627"/>
      <c r="AC231" s="628"/>
      <c r="AD231" s="419">
        <v>20</v>
      </c>
      <c r="AE231" s="419" t="s">
        <v>103</v>
      </c>
      <c r="AF231" s="552" t="s">
        <v>109</v>
      </c>
      <c r="AG231" s="553"/>
      <c r="AH231" s="560"/>
      <c r="AI231" s="561"/>
      <c r="AJ231" s="562"/>
      <c r="AK231" s="333" t="s">
        <v>399</v>
      </c>
      <c r="AL231" s="38"/>
      <c r="AM231" s="54"/>
      <c r="AN231" s="13" t="str">
        <f t="shared" si="12"/>
        <v>■</v>
      </c>
    </row>
    <row r="232" spans="1:40" s="13" customFormat="1">
      <c r="A232" s="20" t="str">
        <f t="shared" si="9"/>
        <v>SB</v>
      </c>
      <c r="B232" s="20"/>
      <c r="C232" s="541">
        <v>10</v>
      </c>
      <c r="D232" s="542"/>
      <c r="E232" s="543" t="s">
        <v>1004</v>
      </c>
      <c r="F232" s="544"/>
      <c r="G232" s="544"/>
      <c r="H232" s="544"/>
      <c r="I232" s="544"/>
      <c r="J232" s="544"/>
      <c r="K232" s="544"/>
      <c r="L232" s="544"/>
      <c r="M232" s="544"/>
      <c r="N232" s="544"/>
      <c r="O232" s="544"/>
      <c r="P232" s="544"/>
      <c r="Q232" s="544"/>
      <c r="R232" s="544"/>
      <c r="S232" s="544"/>
      <c r="T232" s="545"/>
      <c r="U232" s="221" t="s">
        <v>1005</v>
      </c>
      <c r="V232" s="546" t="s">
        <v>101</v>
      </c>
      <c r="W232" s="547"/>
      <c r="X232" s="547"/>
      <c r="Y232" s="547"/>
      <c r="Z232" s="548"/>
      <c r="AA232" s="623" t="s">
        <v>102</v>
      </c>
      <c r="AB232" s="624"/>
      <c r="AC232" s="625"/>
      <c r="AD232" s="415">
        <v>5</v>
      </c>
      <c r="AE232" s="415" t="s">
        <v>103</v>
      </c>
      <c r="AF232" s="541"/>
      <c r="AG232" s="542"/>
      <c r="AH232" s="549"/>
      <c r="AI232" s="550"/>
      <c r="AJ232" s="551"/>
      <c r="AK232" s="265"/>
      <c r="AL232" s="38"/>
      <c r="AM232" s="54"/>
      <c r="AN232" s="13" t="str">
        <f t="shared" si="12"/>
        <v>■</v>
      </c>
    </row>
    <row r="233" spans="1:40" s="13" customFormat="1">
      <c r="A233" s="20" t="str">
        <f t="shared" si="9"/>
        <v>SB</v>
      </c>
      <c r="B233" s="20"/>
      <c r="C233" s="541">
        <v>11</v>
      </c>
      <c r="D233" s="542"/>
      <c r="E233" s="543" t="s">
        <v>1006</v>
      </c>
      <c r="F233" s="544"/>
      <c r="G233" s="544"/>
      <c r="H233" s="544"/>
      <c r="I233" s="544"/>
      <c r="J233" s="544"/>
      <c r="K233" s="544"/>
      <c r="L233" s="544"/>
      <c r="M233" s="544"/>
      <c r="N233" s="544"/>
      <c r="O233" s="544"/>
      <c r="P233" s="544"/>
      <c r="Q233" s="544"/>
      <c r="R233" s="544"/>
      <c r="S233" s="544"/>
      <c r="T233" s="545"/>
      <c r="U233" s="221" t="s">
        <v>1007</v>
      </c>
      <c r="V233" s="546" t="s">
        <v>107</v>
      </c>
      <c r="W233" s="547"/>
      <c r="X233" s="547"/>
      <c r="Y233" s="547"/>
      <c r="Z233" s="548"/>
      <c r="AA233" s="623" t="s">
        <v>102</v>
      </c>
      <c r="AB233" s="624"/>
      <c r="AC233" s="625"/>
      <c r="AD233" s="415">
        <v>2</v>
      </c>
      <c r="AE233" s="415" t="s">
        <v>103</v>
      </c>
      <c r="AF233" s="541"/>
      <c r="AG233" s="542"/>
      <c r="AH233" s="549"/>
      <c r="AI233" s="550"/>
      <c r="AJ233" s="551"/>
      <c r="AK233" s="265"/>
      <c r="AL233" s="38"/>
      <c r="AM233" s="54"/>
      <c r="AN233" s="13" t="str">
        <f t="shared" si="12"/>
        <v>■</v>
      </c>
    </row>
    <row r="234" spans="1:40" s="13" customFormat="1">
      <c r="A234" s="20" t="str">
        <f t="shared" si="9"/>
        <v>SB</v>
      </c>
      <c r="B234" s="20"/>
      <c r="C234" s="541">
        <v>12</v>
      </c>
      <c r="D234" s="542"/>
      <c r="E234" s="543" t="s">
        <v>1008</v>
      </c>
      <c r="F234" s="544"/>
      <c r="G234" s="544"/>
      <c r="H234" s="544"/>
      <c r="I234" s="544"/>
      <c r="J234" s="544"/>
      <c r="K234" s="544"/>
      <c r="L234" s="544"/>
      <c r="M234" s="544"/>
      <c r="N234" s="544"/>
      <c r="O234" s="544"/>
      <c r="P234" s="544"/>
      <c r="Q234" s="544"/>
      <c r="R234" s="544"/>
      <c r="S234" s="544"/>
      <c r="T234" s="545"/>
      <c r="U234" s="221" t="s">
        <v>1000</v>
      </c>
      <c r="V234" s="546" t="s">
        <v>107</v>
      </c>
      <c r="W234" s="547"/>
      <c r="X234" s="547"/>
      <c r="Y234" s="547"/>
      <c r="Z234" s="548"/>
      <c r="AA234" s="623" t="s">
        <v>102</v>
      </c>
      <c r="AB234" s="624"/>
      <c r="AC234" s="625"/>
      <c r="AD234" s="415">
        <v>1</v>
      </c>
      <c r="AE234" s="415" t="s">
        <v>103</v>
      </c>
      <c r="AF234" s="541"/>
      <c r="AG234" s="542"/>
      <c r="AH234" s="549"/>
      <c r="AI234" s="550"/>
      <c r="AJ234" s="551"/>
      <c r="AK234" s="265"/>
      <c r="AL234" s="38"/>
      <c r="AM234" s="54"/>
      <c r="AN234" s="13" t="str">
        <f t="shared" si="12"/>
        <v>■</v>
      </c>
    </row>
    <row r="235" spans="1:40" s="13" customFormat="1">
      <c r="A235" s="20" t="str">
        <f t="shared" si="9"/>
        <v>SB</v>
      </c>
      <c r="B235" s="20"/>
      <c r="C235" s="552">
        <v>13</v>
      </c>
      <c r="D235" s="553"/>
      <c r="E235" s="554" t="s">
        <v>1009</v>
      </c>
      <c r="F235" s="555"/>
      <c r="G235" s="555"/>
      <c r="H235" s="555"/>
      <c r="I235" s="555"/>
      <c r="J235" s="555"/>
      <c r="K235" s="555"/>
      <c r="L235" s="555"/>
      <c r="M235" s="555"/>
      <c r="N235" s="555"/>
      <c r="O235" s="555"/>
      <c r="P235" s="555"/>
      <c r="Q235" s="555"/>
      <c r="R235" s="555"/>
      <c r="S235" s="555"/>
      <c r="T235" s="556"/>
      <c r="U235" s="259" t="s">
        <v>602</v>
      </c>
      <c r="V235" s="557" t="s">
        <v>398</v>
      </c>
      <c r="W235" s="558"/>
      <c r="X235" s="558"/>
      <c r="Y235" s="558"/>
      <c r="Z235" s="559"/>
      <c r="AA235" s="626" t="s">
        <v>102</v>
      </c>
      <c r="AB235" s="627"/>
      <c r="AC235" s="628"/>
      <c r="AD235" s="419">
        <v>20</v>
      </c>
      <c r="AE235" s="419" t="s">
        <v>103</v>
      </c>
      <c r="AF235" s="552" t="s">
        <v>109</v>
      </c>
      <c r="AG235" s="553"/>
      <c r="AH235" s="560"/>
      <c r="AI235" s="561"/>
      <c r="AJ235" s="562"/>
      <c r="AK235" s="333" t="s">
        <v>399</v>
      </c>
      <c r="AL235" s="38"/>
      <c r="AM235" s="54"/>
      <c r="AN235" s="13" t="str">
        <f t="shared" si="12"/>
        <v>■</v>
      </c>
    </row>
    <row r="236" spans="1:40" s="13" customFormat="1">
      <c r="A236" s="20" t="str">
        <f t="shared" si="9"/>
        <v>SB</v>
      </c>
      <c r="B236" s="20"/>
      <c r="C236" s="541">
        <v>14</v>
      </c>
      <c r="D236" s="542"/>
      <c r="E236" s="543" t="s">
        <v>597</v>
      </c>
      <c r="F236" s="544"/>
      <c r="G236" s="544"/>
      <c r="H236" s="544"/>
      <c r="I236" s="544"/>
      <c r="J236" s="544"/>
      <c r="K236" s="544"/>
      <c r="L236" s="544"/>
      <c r="M236" s="544"/>
      <c r="N236" s="544"/>
      <c r="O236" s="544"/>
      <c r="P236" s="544"/>
      <c r="Q236" s="544"/>
      <c r="R236" s="544"/>
      <c r="S236" s="544"/>
      <c r="T236" s="545"/>
      <c r="U236" s="221" t="s">
        <v>598</v>
      </c>
      <c r="V236" s="546" t="s">
        <v>107</v>
      </c>
      <c r="W236" s="547"/>
      <c r="X236" s="547"/>
      <c r="Y236" s="547"/>
      <c r="Z236" s="548"/>
      <c r="AA236" s="623" t="s">
        <v>108</v>
      </c>
      <c r="AB236" s="624"/>
      <c r="AC236" s="625"/>
      <c r="AD236" s="415">
        <v>1</v>
      </c>
      <c r="AE236" s="415">
        <v>0</v>
      </c>
      <c r="AF236" s="541"/>
      <c r="AG236" s="542"/>
      <c r="AH236" s="549"/>
      <c r="AI236" s="550"/>
      <c r="AJ236" s="551"/>
      <c r="AK236" s="265"/>
      <c r="AL236" s="38"/>
      <c r="AM236" s="54"/>
      <c r="AN236" s="13" t="str">
        <f t="shared" si="12"/>
        <v>■</v>
      </c>
    </row>
    <row r="237" spans="1:40" s="13" customFormat="1">
      <c r="A237" s="20" t="str">
        <f t="shared" si="9"/>
        <v>SB</v>
      </c>
      <c r="B237" s="20"/>
      <c r="C237" s="541">
        <v>15</v>
      </c>
      <c r="D237" s="542"/>
      <c r="E237" s="543" t="s">
        <v>599</v>
      </c>
      <c r="F237" s="544"/>
      <c r="G237" s="544"/>
      <c r="H237" s="544"/>
      <c r="I237" s="544"/>
      <c r="J237" s="544"/>
      <c r="K237" s="544"/>
      <c r="L237" s="544"/>
      <c r="M237" s="544"/>
      <c r="N237" s="544"/>
      <c r="O237" s="544"/>
      <c r="P237" s="544"/>
      <c r="Q237" s="544"/>
      <c r="R237" s="544"/>
      <c r="S237" s="544"/>
      <c r="T237" s="545"/>
      <c r="U237" s="221" t="s">
        <v>600</v>
      </c>
      <c r="V237" s="546" t="s">
        <v>1010</v>
      </c>
      <c r="W237" s="547"/>
      <c r="X237" s="547"/>
      <c r="Y237" s="547"/>
      <c r="Z237" s="548"/>
      <c r="AA237" s="623" t="s">
        <v>102</v>
      </c>
      <c r="AB237" s="624"/>
      <c r="AC237" s="625"/>
      <c r="AD237" s="415">
        <v>6</v>
      </c>
      <c r="AE237" s="415" t="s">
        <v>103</v>
      </c>
      <c r="AF237" s="541"/>
      <c r="AG237" s="542"/>
      <c r="AH237" s="549"/>
      <c r="AI237" s="550"/>
      <c r="AJ237" s="551"/>
      <c r="AK237" s="265"/>
      <c r="AL237" s="38"/>
      <c r="AM237" s="54"/>
      <c r="AN237" s="13" t="str">
        <f t="shared" si="12"/>
        <v>■</v>
      </c>
    </row>
    <row r="238" spans="1:40" s="13" customFormat="1">
      <c r="A238" s="20" t="str">
        <f t="shared" si="9"/>
        <v>SB</v>
      </c>
      <c r="B238" s="20"/>
      <c r="C238" s="541">
        <v>16</v>
      </c>
      <c r="D238" s="542"/>
      <c r="E238" s="543" t="s">
        <v>409</v>
      </c>
      <c r="F238" s="544"/>
      <c r="G238" s="544"/>
      <c r="H238" s="544"/>
      <c r="I238" s="544"/>
      <c r="J238" s="544"/>
      <c r="K238" s="544"/>
      <c r="L238" s="544"/>
      <c r="M238" s="544"/>
      <c r="N238" s="544"/>
      <c r="O238" s="544"/>
      <c r="P238" s="544"/>
      <c r="Q238" s="544"/>
      <c r="R238" s="544"/>
      <c r="S238" s="544"/>
      <c r="T238" s="545"/>
      <c r="U238" s="221" t="s">
        <v>453</v>
      </c>
      <c r="V238" s="546" t="s">
        <v>107</v>
      </c>
      <c r="W238" s="547"/>
      <c r="X238" s="547"/>
      <c r="Y238" s="547"/>
      <c r="Z238" s="548"/>
      <c r="AA238" s="623" t="s">
        <v>102</v>
      </c>
      <c r="AB238" s="624"/>
      <c r="AC238" s="625"/>
      <c r="AD238" s="415">
        <v>6</v>
      </c>
      <c r="AE238" s="415" t="s">
        <v>103</v>
      </c>
      <c r="AF238" s="541"/>
      <c r="AG238" s="542"/>
      <c r="AH238" s="549"/>
      <c r="AI238" s="550"/>
      <c r="AJ238" s="551"/>
      <c r="AK238" s="344"/>
      <c r="AL238" s="38"/>
      <c r="AM238" s="54"/>
      <c r="AN238" s="13" t="str">
        <f t="shared" si="12"/>
        <v>■</v>
      </c>
    </row>
    <row r="239" spans="1:40" s="13" customFormat="1">
      <c r="A239" s="20" t="str">
        <f t="shared" si="9"/>
        <v>SB</v>
      </c>
      <c r="B239" s="20"/>
      <c r="C239" s="541">
        <v>17</v>
      </c>
      <c r="D239" s="542"/>
      <c r="E239" s="543" t="s">
        <v>411</v>
      </c>
      <c r="F239" s="544"/>
      <c r="G239" s="544"/>
      <c r="H239" s="544"/>
      <c r="I239" s="544"/>
      <c r="J239" s="544"/>
      <c r="K239" s="544"/>
      <c r="L239" s="544"/>
      <c r="M239" s="544"/>
      <c r="N239" s="544"/>
      <c r="O239" s="544"/>
      <c r="P239" s="544"/>
      <c r="Q239" s="544"/>
      <c r="R239" s="544"/>
      <c r="S239" s="544"/>
      <c r="T239" s="545"/>
      <c r="U239" s="221" t="s">
        <v>516</v>
      </c>
      <c r="V239" s="546" t="s">
        <v>107</v>
      </c>
      <c r="W239" s="547"/>
      <c r="X239" s="547"/>
      <c r="Y239" s="547"/>
      <c r="Z239" s="548"/>
      <c r="AA239" s="623" t="s">
        <v>102</v>
      </c>
      <c r="AB239" s="624"/>
      <c r="AC239" s="625"/>
      <c r="AD239" s="415">
        <v>6</v>
      </c>
      <c r="AE239" s="415" t="s">
        <v>103</v>
      </c>
      <c r="AF239" s="541"/>
      <c r="AG239" s="542"/>
      <c r="AH239" s="549"/>
      <c r="AI239" s="550"/>
      <c r="AJ239" s="551"/>
      <c r="AK239" s="344"/>
      <c r="AL239" s="29"/>
      <c r="AM239" s="54"/>
      <c r="AN239" s="13" t="str">
        <f t="shared" si="12"/>
        <v>■</v>
      </c>
    </row>
    <row r="240" spans="1:40" s="13" customFormat="1">
      <c r="A240" s="20" t="str">
        <f t="shared" si="9"/>
        <v>SB</v>
      </c>
      <c r="B240" s="20"/>
      <c r="C240" s="541">
        <v>18</v>
      </c>
      <c r="D240" s="542"/>
      <c r="E240" s="543" t="s">
        <v>970</v>
      </c>
      <c r="F240" s="544"/>
      <c r="G240" s="544"/>
      <c r="H240" s="544"/>
      <c r="I240" s="544"/>
      <c r="J240" s="544"/>
      <c r="K240" s="544"/>
      <c r="L240" s="544"/>
      <c r="M240" s="544"/>
      <c r="N240" s="544"/>
      <c r="O240" s="544"/>
      <c r="P240" s="544"/>
      <c r="Q240" s="544"/>
      <c r="R240" s="544"/>
      <c r="S240" s="544"/>
      <c r="T240" s="545"/>
      <c r="U240" s="221" t="s">
        <v>971</v>
      </c>
      <c r="V240" s="546" t="s">
        <v>107</v>
      </c>
      <c r="W240" s="547"/>
      <c r="X240" s="547"/>
      <c r="Y240" s="547"/>
      <c r="Z240" s="548"/>
      <c r="AA240" s="623" t="s">
        <v>102</v>
      </c>
      <c r="AB240" s="624"/>
      <c r="AC240" s="625"/>
      <c r="AD240" s="415">
        <v>1</v>
      </c>
      <c r="AE240" s="415" t="s">
        <v>103</v>
      </c>
      <c r="AF240" s="541"/>
      <c r="AG240" s="542"/>
      <c r="AH240" s="549"/>
      <c r="AI240" s="550"/>
      <c r="AJ240" s="551"/>
      <c r="AK240" s="265"/>
      <c r="AL240" s="48"/>
      <c r="AM240" s="54"/>
      <c r="AN240" s="13" t="str">
        <f t="shared" si="12"/>
        <v>■</v>
      </c>
    </row>
    <row r="241" spans="1:40" s="13" customFormat="1">
      <c r="A241" s="20" t="str">
        <f t="shared" si="9"/>
        <v>SB</v>
      </c>
      <c r="B241" s="20"/>
      <c r="C241" s="541">
        <v>19</v>
      </c>
      <c r="D241" s="542"/>
      <c r="E241" s="543" t="s">
        <v>976</v>
      </c>
      <c r="F241" s="544"/>
      <c r="G241" s="544"/>
      <c r="H241" s="544"/>
      <c r="I241" s="544"/>
      <c r="J241" s="544"/>
      <c r="K241" s="544"/>
      <c r="L241" s="544"/>
      <c r="M241" s="544"/>
      <c r="N241" s="544"/>
      <c r="O241" s="544"/>
      <c r="P241" s="544"/>
      <c r="Q241" s="544"/>
      <c r="R241" s="544"/>
      <c r="S241" s="544"/>
      <c r="T241" s="545"/>
      <c r="U241" s="221" t="s">
        <v>977</v>
      </c>
      <c r="V241" s="546" t="s">
        <v>107</v>
      </c>
      <c r="W241" s="547"/>
      <c r="X241" s="547"/>
      <c r="Y241" s="547"/>
      <c r="Z241" s="548"/>
      <c r="AA241" s="623" t="s">
        <v>108</v>
      </c>
      <c r="AB241" s="624"/>
      <c r="AC241" s="625"/>
      <c r="AD241" s="415">
        <v>2</v>
      </c>
      <c r="AE241" s="415">
        <v>0</v>
      </c>
      <c r="AF241" s="541"/>
      <c r="AG241" s="542"/>
      <c r="AH241" s="549"/>
      <c r="AI241" s="550"/>
      <c r="AJ241" s="551"/>
      <c r="AK241" s="265"/>
      <c r="AL241" s="37"/>
      <c r="AM241" s="54"/>
      <c r="AN241" s="13" t="str">
        <f t="shared" si="12"/>
        <v>■</v>
      </c>
    </row>
    <row r="242" spans="1:40" ht="13.4" customHeight="1">
      <c r="A242" s="20" t="str">
        <f t="shared" ref="A242:A288" si="13">IF(LEN(J242)&gt;0,MID(J242,FIND("（",J242,1)+1,2),A241)</f>
        <v>SB</v>
      </c>
      <c r="B242" s="25"/>
      <c r="V242" s="238"/>
      <c r="W242" s="238"/>
      <c r="X242" s="238"/>
      <c r="Y242" s="238"/>
      <c r="Z242" s="238"/>
      <c r="AA242" s="629"/>
      <c r="AB242" s="629"/>
      <c r="AC242" s="629"/>
      <c r="AD242" s="238"/>
      <c r="AE242" s="238"/>
      <c r="AF242" s="238"/>
      <c r="AG242" s="238"/>
      <c r="AH242" s="238"/>
      <c r="AI242" s="238"/>
      <c r="AJ242" s="238"/>
      <c r="AK242" s="55"/>
      <c r="AL242" s="37"/>
      <c r="AM242" s="16"/>
    </row>
    <row r="243" spans="1:40" s="1" customFormat="1" ht="13.4" customHeight="1">
      <c r="A243" s="20" t="str">
        <f t="shared" si="13"/>
        <v>SY</v>
      </c>
      <c r="B243" s="20"/>
      <c r="C243" s="52" t="s">
        <v>380</v>
      </c>
      <c r="D243" s="53"/>
      <c r="E243" s="26"/>
      <c r="F243" s="26"/>
      <c r="G243" s="26"/>
      <c r="H243" s="26"/>
      <c r="I243" s="26"/>
      <c r="J243" s="26" t="s">
        <v>1011</v>
      </c>
      <c r="K243" s="71"/>
      <c r="L243" s="26"/>
      <c r="M243" s="71"/>
      <c r="N243" s="26"/>
      <c r="O243" s="26"/>
      <c r="P243" s="26"/>
      <c r="Q243" s="26"/>
      <c r="R243" s="26"/>
      <c r="S243" s="26"/>
      <c r="T243" s="26"/>
      <c r="U243" s="26" t="s">
        <v>1012</v>
      </c>
      <c r="V243" s="122"/>
      <c r="W243" s="122"/>
      <c r="X243" s="122"/>
      <c r="Y243" s="122"/>
      <c r="Z243" s="122"/>
      <c r="AA243" s="630"/>
      <c r="AB243" s="630"/>
      <c r="AC243" s="630"/>
      <c r="AD243" s="122"/>
      <c r="AE243" s="122"/>
      <c r="AF243" s="122"/>
      <c r="AG243" s="122"/>
      <c r="AH243" s="122"/>
      <c r="AI243" s="122"/>
      <c r="AJ243" s="122"/>
      <c r="AK243" s="26"/>
      <c r="AL243" s="38"/>
      <c r="AM243" s="26"/>
    </row>
    <row r="244" spans="1:40" ht="13.5" customHeight="1">
      <c r="A244" s="20" t="str">
        <f t="shared" si="13"/>
        <v>SY</v>
      </c>
      <c r="B244" s="51"/>
      <c r="C244" s="583" t="s">
        <v>73</v>
      </c>
      <c r="D244" s="573"/>
      <c r="E244" s="583" t="s">
        <v>94</v>
      </c>
      <c r="F244" s="583"/>
      <c r="G244" s="583"/>
      <c r="H244" s="583"/>
      <c r="I244" s="583"/>
      <c r="J244" s="583"/>
      <c r="K244" s="583"/>
      <c r="L244" s="583"/>
      <c r="M244" s="583"/>
      <c r="N244" s="583"/>
      <c r="O244" s="583"/>
      <c r="P244" s="583"/>
      <c r="Q244" s="583"/>
      <c r="R244" s="583"/>
      <c r="S244" s="583"/>
      <c r="T244" s="583"/>
      <c r="U244" s="226" t="s">
        <v>383</v>
      </c>
      <c r="V244" s="572" t="s">
        <v>138</v>
      </c>
      <c r="W244" s="572"/>
      <c r="X244" s="572"/>
      <c r="Y244" s="572"/>
      <c r="Z244" s="572"/>
      <c r="AA244" s="575" t="s">
        <v>959</v>
      </c>
      <c r="AB244" s="576"/>
      <c r="AC244" s="577"/>
      <c r="AD244" s="572" t="s">
        <v>97</v>
      </c>
      <c r="AE244" s="572"/>
      <c r="AF244" s="572" t="s">
        <v>98</v>
      </c>
      <c r="AG244" s="572"/>
      <c r="AH244" s="583" t="s">
        <v>75</v>
      </c>
      <c r="AI244" s="583"/>
      <c r="AJ244" s="583"/>
      <c r="AK244" s="621" t="s">
        <v>159</v>
      </c>
      <c r="AL244" s="38"/>
      <c r="AM244" s="16"/>
    </row>
    <row r="245" spans="1:40" ht="13.4" customHeight="1">
      <c r="A245" s="20" t="str">
        <f t="shared" si="13"/>
        <v>SY</v>
      </c>
      <c r="B245" s="51"/>
      <c r="C245" s="573"/>
      <c r="D245" s="573"/>
      <c r="E245" s="583"/>
      <c r="F245" s="583"/>
      <c r="G245" s="583"/>
      <c r="H245" s="583"/>
      <c r="I245" s="583"/>
      <c r="J245" s="583"/>
      <c r="K245" s="583"/>
      <c r="L245" s="583"/>
      <c r="M245" s="583"/>
      <c r="N245" s="583"/>
      <c r="O245" s="583"/>
      <c r="P245" s="583"/>
      <c r="Q245" s="583"/>
      <c r="R245" s="583"/>
      <c r="S245" s="583"/>
      <c r="T245" s="583"/>
      <c r="U245" s="227"/>
      <c r="V245" s="572"/>
      <c r="W245" s="572"/>
      <c r="X245" s="572"/>
      <c r="Y245" s="572"/>
      <c r="Z245" s="572"/>
      <c r="AA245" s="578"/>
      <c r="AB245" s="579"/>
      <c r="AC245" s="580"/>
      <c r="AD245" s="572"/>
      <c r="AE245" s="572"/>
      <c r="AF245" s="572"/>
      <c r="AG245" s="572"/>
      <c r="AH245" s="583"/>
      <c r="AI245" s="583"/>
      <c r="AJ245" s="583"/>
      <c r="AK245" s="622"/>
      <c r="AL245" s="38"/>
      <c r="AM245" s="16"/>
    </row>
    <row r="246" spans="1:40" s="13" customFormat="1" ht="13.4" customHeight="1">
      <c r="A246" s="20" t="str">
        <f t="shared" si="13"/>
        <v>SY</v>
      </c>
      <c r="B246" s="20"/>
      <c r="C246" s="541">
        <v>1</v>
      </c>
      <c r="D246" s="542"/>
      <c r="E246" s="563" t="s">
        <v>440</v>
      </c>
      <c r="F246" s="564"/>
      <c r="G246" s="564"/>
      <c r="H246" s="564"/>
      <c r="I246" s="564"/>
      <c r="J246" s="564"/>
      <c r="K246" s="564"/>
      <c r="L246" s="564"/>
      <c r="M246" s="564"/>
      <c r="N246" s="564"/>
      <c r="O246" s="564"/>
      <c r="P246" s="564"/>
      <c r="Q246" s="564"/>
      <c r="R246" s="564"/>
      <c r="S246" s="564"/>
      <c r="T246" s="565"/>
      <c r="U246" s="219" t="s">
        <v>441</v>
      </c>
      <c r="V246" s="546" t="s">
        <v>101</v>
      </c>
      <c r="W246" s="547"/>
      <c r="X246" s="547"/>
      <c r="Y246" s="547"/>
      <c r="Z246" s="548"/>
      <c r="AA246" s="623" t="s">
        <v>102</v>
      </c>
      <c r="AB246" s="624"/>
      <c r="AC246" s="625"/>
      <c r="AD246" s="415">
        <v>10</v>
      </c>
      <c r="AE246" s="415" t="s">
        <v>103</v>
      </c>
      <c r="AF246" s="541"/>
      <c r="AG246" s="542"/>
      <c r="AH246" s="549"/>
      <c r="AI246" s="550"/>
      <c r="AJ246" s="551"/>
      <c r="AK246" s="343"/>
      <c r="AL246" s="38"/>
      <c r="AM246" s="54"/>
      <c r="AN246" s="13" t="str">
        <f>$S$20</f>
        <v>■</v>
      </c>
    </row>
    <row r="247" spans="1:40" s="13" customFormat="1" ht="13.4" customHeight="1">
      <c r="A247" s="20" t="str">
        <f t="shared" si="13"/>
        <v>SY</v>
      </c>
      <c r="B247" s="20"/>
      <c r="C247" s="541">
        <v>2</v>
      </c>
      <c r="D247" s="542"/>
      <c r="E247" s="563" t="s">
        <v>442</v>
      </c>
      <c r="F247" s="564"/>
      <c r="G247" s="564"/>
      <c r="H247" s="564"/>
      <c r="I247" s="564"/>
      <c r="J247" s="564"/>
      <c r="K247" s="564"/>
      <c r="L247" s="564"/>
      <c r="M247" s="564"/>
      <c r="N247" s="564"/>
      <c r="O247" s="564"/>
      <c r="P247" s="564"/>
      <c r="Q247" s="564"/>
      <c r="R247" s="564"/>
      <c r="S247" s="564"/>
      <c r="T247" s="565"/>
      <c r="U247" s="219" t="s">
        <v>443</v>
      </c>
      <c r="V247" s="546" t="s">
        <v>101</v>
      </c>
      <c r="W247" s="547"/>
      <c r="X247" s="547"/>
      <c r="Y247" s="547"/>
      <c r="Z247" s="548"/>
      <c r="AA247" s="623" t="s">
        <v>102</v>
      </c>
      <c r="AB247" s="624"/>
      <c r="AC247" s="625"/>
      <c r="AD247" s="415">
        <v>51</v>
      </c>
      <c r="AE247" s="415" t="s">
        <v>103</v>
      </c>
      <c r="AF247" s="541"/>
      <c r="AG247" s="542"/>
      <c r="AH247" s="549"/>
      <c r="AI247" s="550"/>
      <c r="AJ247" s="551"/>
      <c r="AK247" s="343"/>
      <c r="AL247" s="38"/>
      <c r="AM247" s="54"/>
      <c r="AN247" s="13" t="str">
        <f t="shared" ref="AN247:AN262" si="14">$S$20</f>
        <v>■</v>
      </c>
    </row>
    <row r="248" spans="1:40" s="13" customFormat="1" ht="13.4" customHeight="1">
      <c r="A248" s="20" t="str">
        <f t="shared" si="13"/>
        <v>SY</v>
      </c>
      <c r="B248" s="20"/>
      <c r="C248" s="552">
        <v>3</v>
      </c>
      <c r="D248" s="553"/>
      <c r="E248" s="566" t="s">
        <v>106</v>
      </c>
      <c r="F248" s="567"/>
      <c r="G248" s="567"/>
      <c r="H248" s="567"/>
      <c r="I248" s="567"/>
      <c r="J248" s="567"/>
      <c r="K248" s="567"/>
      <c r="L248" s="567"/>
      <c r="M248" s="567"/>
      <c r="N248" s="567"/>
      <c r="O248" s="567"/>
      <c r="P248" s="567"/>
      <c r="Q248" s="567"/>
      <c r="R248" s="567"/>
      <c r="S248" s="567"/>
      <c r="T248" s="568"/>
      <c r="U248" s="220" t="s">
        <v>444</v>
      </c>
      <c r="V248" s="557" t="s">
        <v>107</v>
      </c>
      <c r="W248" s="558"/>
      <c r="X248" s="558"/>
      <c r="Y248" s="558"/>
      <c r="Z248" s="559"/>
      <c r="AA248" s="626" t="s">
        <v>108</v>
      </c>
      <c r="AB248" s="627"/>
      <c r="AC248" s="628"/>
      <c r="AD248" s="419">
        <v>1</v>
      </c>
      <c r="AE248" s="419">
        <v>0</v>
      </c>
      <c r="AF248" s="552" t="s">
        <v>109</v>
      </c>
      <c r="AG248" s="553"/>
      <c r="AH248" s="560"/>
      <c r="AI248" s="561"/>
      <c r="AJ248" s="562"/>
      <c r="AK248" s="321" t="s">
        <v>391</v>
      </c>
      <c r="AL248" s="38"/>
      <c r="AM248" s="54"/>
      <c r="AN248" s="13" t="str">
        <f t="shared" si="14"/>
        <v>■</v>
      </c>
    </row>
    <row r="249" spans="1:40" s="13" customFormat="1" ht="13.4" customHeight="1">
      <c r="A249" s="20" t="str">
        <f t="shared" si="13"/>
        <v>SY</v>
      </c>
      <c r="B249" s="20"/>
      <c r="C249" s="541">
        <v>4</v>
      </c>
      <c r="D249" s="542"/>
      <c r="E249" s="563" t="s">
        <v>110</v>
      </c>
      <c r="F249" s="564"/>
      <c r="G249" s="564"/>
      <c r="H249" s="564"/>
      <c r="I249" s="564"/>
      <c r="J249" s="564"/>
      <c r="K249" s="564"/>
      <c r="L249" s="564"/>
      <c r="M249" s="564"/>
      <c r="N249" s="564"/>
      <c r="O249" s="564"/>
      <c r="P249" s="564"/>
      <c r="Q249" s="564"/>
      <c r="R249" s="564"/>
      <c r="S249" s="564"/>
      <c r="T249" s="565"/>
      <c r="U249" s="221" t="s">
        <v>445</v>
      </c>
      <c r="V249" s="546" t="s">
        <v>107</v>
      </c>
      <c r="W249" s="547"/>
      <c r="X249" s="547"/>
      <c r="Y249" s="547"/>
      <c r="Z249" s="548"/>
      <c r="AA249" s="623" t="s">
        <v>108</v>
      </c>
      <c r="AB249" s="624"/>
      <c r="AC249" s="625"/>
      <c r="AD249" s="415">
        <v>1</v>
      </c>
      <c r="AE249" s="415">
        <v>0</v>
      </c>
      <c r="AF249" s="541"/>
      <c r="AG249" s="542"/>
      <c r="AH249" s="549"/>
      <c r="AI249" s="550"/>
      <c r="AJ249" s="551"/>
      <c r="AK249" s="265"/>
      <c r="AL249" s="38"/>
      <c r="AM249" s="54"/>
      <c r="AN249" s="13" t="str">
        <f t="shared" si="14"/>
        <v>■</v>
      </c>
    </row>
    <row r="250" spans="1:40" s="13" customFormat="1">
      <c r="A250" s="20" t="str">
        <f t="shared" si="13"/>
        <v>SY</v>
      </c>
      <c r="B250" s="20"/>
      <c r="C250" s="541">
        <v>5</v>
      </c>
      <c r="D250" s="542"/>
      <c r="E250" s="543" t="s">
        <v>80</v>
      </c>
      <c r="F250" s="544"/>
      <c r="G250" s="544"/>
      <c r="H250" s="544"/>
      <c r="I250" s="544"/>
      <c r="J250" s="544"/>
      <c r="K250" s="544"/>
      <c r="L250" s="544"/>
      <c r="M250" s="544"/>
      <c r="N250" s="544"/>
      <c r="O250" s="544"/>
      <c r="P250" s="544"/>
      <c r="Q250" s="544"/>
      <c r="R250" s="544"/>
      <c r="S250" s="544"/>
      <c r="T250" s="545"/>
      <c r="U250" s="221" t="s">
        <v>446</v>
      </c>
      <c r="V250" s="546" t="s">
        <v>101</v>
      </c>
      <c r="W250" s="547"/>
      <c r="X250" s="547"/>
      <c r="Y250" s="547"/>
      <c r="Z250" s="548"/>
      <c r="AA250" s="623" t="s">
        <v>102</v>
      </c>
      <c r="AB250" s="624"/>
      <c r="AC250" s="625"/>
      <c r="AD250" s="415">
        <v>2</v>
      </c>
      <c r="AE250" s="415" t="s">
        <v>103</v>
      </c>
      <c r="AF250" s="541"/>
      <c r="AG250" s="542"/>
      <c r="AH250" s="549"/>
      <c r="AI250" s="550"/>
      <c r="AJ250" s="551"/>
      <c r="AK250" s="265"/>
      <c r="AL250" s="38"/>
      <c r="AM250" s="54"/>
      <c r="AN250" s="13" t="str">
        <f t="shared" si="14"/>
        <v>■</v>
      </c>
    </row>
    <row r="251" spans="1:40" s="13" customFormat="1">
      <c r="A251" s="20" t="str">
        <f t="shared" si="13"/>
        <v>SY</v>
      </c>
      <c r="B251" s="20"/>
      <c r="C251" s="541">
        <v>6</v>
      </c>
      <c r="D251" s="542"/>
      <c r="E251" s="543" t="s">
        <v>81</v>
      </c>
      <c r="F251" s="544"/>
      <c r="G251" s="544"/>
      <c r="H251" s="544"/>
      <c r="I251" s="544"/>
      <c r="J251" s="544"/>
      <c r="K251" s="544"/>
      <c r="L251" s="544"/>
      <c r="M251" s="544"/>
      <c r="N251" s="544"/>
      <c r="O251" s="544"/>
      <c r="P251" s="544"/>
      <c r="Q251" s="544"/>
      <c r="R251" s="544"/>
      <c r="S251" s="544"/>
      <c r="T251" s="545"/>
      <c r="U251" s="221" t="s">
        <v>584</v>
      </c>
      <c r="V251" s="546" t="s">
        <v>107</v>
      </c>
      <c r="W251" s="547"/>
      <c r="X251" s="547"/>
      <c r="Y251" s="547"/>
      <c r="Z251" s="548"/>
      <c r="AA251" s="623" t="s">
        <v>102</v>
      </c>
      <c r="AB251" s="624"/>
      <c r="AC251" s="625"/>
      <c r="AD251" s="415">
        <v>7</v>
      </c>
      <c r="AE251" s="415" t="s">
        <v>103</v>
      </c>
      <c r="AF251" s="541"/>
      <c r="AG251" s="542"/>
      <c r="AH251" s="549"/>
      <c r="AI251" s="550"/>
      <c r="AJ251" s="551"/>
      <c r="AK251" s="265"/>
      <c r="AL251" s="38"/>
      <c r="AM251" s="54"/>
      <c r="AN251" s="13" t="str">
        <f t="shared" si="14"/>
        <v>■</v>
      </c>
    </row>
    <row r="252" spans="1:40" s="13" customFormat="1">
      <c r="A252" s="20" t="str">
        <f t="shared" si="13"/>
        <v>SY</v>
      </c>
      <c r="B252" s="20"/>
      <c r="C252" s="541">
        <v>7</v>
      </c>
      <c r="D252" s="542"/>
      <c r="E252" s="543" t="s">
        <v>585</v>
      </c>
      <c r="F252" s="544"/>
      <c r="G252" s="544"/>
      <c r="H252" s="544"/>
      <c r="I252" s="544"/>
      <c r="J252" s="544"/>
      <c r="K252" s="544"/>
      <c r="L252" s="544"/>
      <c r="M252" s="544"/>
      <c r="N252" s="544"/>
      <c r="O252" s="544"/>
      <c r="P252" s="544"/>
      <c r="Q252" s="544"/>
      <c r="R252" s="544"/>
      <c r="S252" s="544"/>
      <c r="T252" s="545"/>
      <c r="U252" s="221" t="s">
        <v>586</v>
      </c>
      <c r="V252" s="546" t="s">
        <v>107</v>
      </c>
      <c r="W252" s="547"/>
      <c r="X252" s="547"/>
      <c r="Y252" s="547"/>
      <c r="Z252" s="548"/>
      <c r="AA252" s="623" t="s">
        <v>102</v>
      </c>
      <c r="AB252" s="624"/>
      <c r="AC252" s="625"/>
      <c r="AD252" s="415">
        <v>8</v>
      </c>
      <c r="AE252" s="415" t="s">
        <v>103</v>
      </c>
      <c r="AF252" s="541"/>
      <c r="AG252" s="542"/>
      <c r="AH252" s="549"/>
      <c r="AI252" s="550"/>
      <c r="AJ252" s="551"/>
      <c r="AK252" s="265"/>
      <c r="AL252" s="38"/>
      <c r="AM252" s="54"/>
      <c r="AN252" s="13" t="str">
        <f t="shared" si="14"/>
        <v>■</v>
      </c>
    </row>
    <row r="253" spans="1:40" s="13" customFormat="1">
      <c r="A253" s="20" t="str">
        <f t="shared" si="13"/>
        <v>SY</v>
      </c>
      <c r="B253" s="20"/>
      <c r="C253" s="541">
        <v>8</v>
      </c>
      <c r="D253" s="542"/>
      <c r="E253" s="543" t="s">
        <v>587</v>
      </c>
      <c r="F253" s="544"/>
      <c r="G253" s="544"/>
      <c r="H253" s="544"/>
      <c r="I253" s="544"/>
      <c r="J253" s="544"/>
      <c r="K253" s="544"/>
      <c r="L253" s="544"/>
      <c r="M253" s="544"/>
      <c r="N253" s="544"/>
      <c r="O253" s="544"/>
      <c r="P253" s="544"/>
      <c r="Q253" s="544"/>
      <c r="R253" s="544"/>
      <c r="S253" s="544"/>
      <c r="T253" s="545"/>
      <c r="U253" s="221" t="s">
        <v>588</v>
      </c>
      <c r="V253" s="546" t="s">
        <v>107</v>
      </c>
      <c r="W253" s="547"/>
      <c r="X253" s="547"/>
      <c r="Y253" s="547"/>
      <c r="Z253" s="548"/>
      <c r="AA253" s="623" t="s">
        <v>102</v>
      </c>
      <c r="AB253" s="624"/>
      <c r="AC253" s="625"/>
      <c r="AD253" s="415">
        <v>1</v>
      </c>
      <c r="AE253" s="415" t="s">
        <v>103</v>
      </c>
      <c r="AF253" s="541"/>
      <c r="AG253" s="542"/>
      <c r="AH253" s="549"/>
      <c r="AI253" s="550"/>
      <c r="AJ253" s="551"/>
      <c r="AK253" s="265"/>
      <c r="AL253" s="38"/>
      <c r="AM253" s="54"/>
      <c r="AN253" s="13" t="str">
        <f t="shared" si="14"/>
        <v>■</v>
      </c>
    </row>
    <row r="254" spans="1:40" s="13" customFormat="1">
      <c r="A254" s="20" t="str">
        <f t="shared" si="13"/>
        <v>SY</v>
      </c>
      <c r="B254" s="20"/>
      <c r="C254" s="541">
        <v>9</v>
      </c>
      <c r="D254" s="542"/>
      <c r="E254" s="543" t="s">
        <v>589</v>
      </c>
      <c r="F254" s="544"/>
      <c r="G254" s="544"/>
      <c r="H254" s="544"/>
      <c r="I254" s="544"/>
      <c r="J254" s="544"/>
      <c r="K254" s="544"/>
      <c r="L254" s="544"/>
      <c r="M254" s="544"/>
      <c r="N254" s="544"/>
      <c r="O254" s="544"/>
      <c r="P254" s="544"/>
      <c r="Q254" s="544"/>
      <c r="R254" s="544"/>
      <c r="S254" s="544"/>
      <c r="T254" s="545"/>
      <c r="U254" s="221" t="s">
        <v>590</v>
      </c>
      <c r="V254" s="546" t="s">
        <v>101</v>
      </c>
      <c r="W254" s="547"/>
      <c r="X254" s="547"/>
      <c r="Y254" s="547"/>
      <c r="Z254" s="548"/>
      <c r="AA254" s="623" t="s">
        <v>102</v>
      </c>
      <c r="AB254" s="624"/>
      <c r="AC254" s="625"/>
      <c r="AD254" s="415">
        <v>80</v>
      </c>
      <c r="AE254" s="415" t="s">
        <v>103</v>
      </c>
      <c r="AF254" s="541"/>
      <c r="AG254" s="542"/>
      <c r="AH254" s="549"/>
      <c r="AI254" s="550"/>
      <c r="AJ254" s="551"/>
      <c r="AK254" s="344"/>
      <c r="AL254" s="38"/>
      <c r="AM254" s="54"/>
      <c r="AN254" s="13" t="str">
        <f t="shared" si="14"/>
        <v>■</v>
      </c>
    </row>
    <row r="255" spans="1:40" s="13" customFormat="1">
      <c r="A255" s="20" t="str">
        <f t="shared" si="13"/>
        <v>SY</v>
      </c>
      <c r="B255" s="20"/>
      <c r="C255" s="541">
        <v>10</v>
      </c>
      <c r="D255" s="542"/>
      <c r="E255" s="543" t="s">
        <v>591</v>
      </c>
      <c r="F255" s="544"/>
      <c r="G255" s="544"/>
      <c r="H255" s="544"/>
      <c r="I255" s="544"/>
      <c r="J255" s="544"/>
      <c r="K255" s="544"/>
      <c r="L255" s="544"/>
      <c r="M255" s="544"/>
      <c r="N255" s="544"/>
      <c r="O255" s="544"/>
      <c r="P255" s="544"/>
      <c r="Q255" s="544"/>
      <c r="R255" s="544"/>
      <c r="S255" s="544"/>
      <c r="T255" s="545"/>
      <c r="U255" s="221" t="s">
        <v>592</v>
      </c>
      <c r="V255" s="546" t="s">
        <v>107</v>
      </c>
      <c r="W255" s="547"/>
      <c r="X255" s="547"/>
      <c r="Y255" s="547"/>
      <c r="Z255" s="548"/>
      <c r="AA255" s="623" t="s">
        <v>108</v>
      </c>
      <c r="AB255" s="624"/>
      <c r="AC255" s="625"/>
      <c r="AD255" s="415">
        <v>1</v>
      </c>
      <c r="AE255" s="415">
        <v>0</v>
      </c>
      <c r="AF255" s="541"/>
      <c r="AG255" s="542"/>
      <c r="AH255" s="549"/>
      <c r="AI255" s="550"/>
      <c r="AJ255" s="551"/>
      <c r="AK255" s="344"/>
      <c r="AL255" s="38"/>
      <c r="AM255" s="54"/>
      <c r="AN255" s="13" t="str">
        <f t="shared" si="14"/>
        <v>■</v>
      </c>
    </row>
    <row r="256" spans="1:40" s="13" customFormat="1">
      <c r="A256" s="20" t="str">
        <f t="shared" si="13"/>
        <v>SY</v>
      </c>
      <c r="B256" s="20"/>
      <c r="C256" s="552">
        <v>11</v>
      </c>
      <c r="D256" s="553"/>
      <c r="E256" s="554" t="s">
        <v>1003</v>
      </c>
      <c r="F256" s="555"/>
      <c r="G256" s="555"/>
      <c r="H256" s="555"/>
      <c r="I256" s="555"/>
      <c r="J256" s="555"/>
      <c r="K256" s="555"/>
      <c r="L256" s="555"/>
      <c r="M256" s="555"/>
      <c r="N256" s="555"/>
      <c r="O256" s="555"/>
      <c r="P256" s="555"/>
      <c r="Q256" s="555"/>
      <c r="R256" s="555"/>
      <c r="S256" s="555"/>
      <c r="T256" s="556"/>
      <c r="U256" s="259" t="s">
        <v>594</v>
      </c>
      <c r="V256" s="557" t="s">
        <v>398</v>
      </c>
      <c r="W256" s="558"/>
      <c r="X256" s="558"/>
      <c r="Y256" s="558"/>
      <c r="Z256" s="559"/>
      <c r="AA256" s="626" t="s">
        <v>102</v>
      </c>
      <c r="AB256" s="627"/>
      <c r="AC256" s="628"/>
      <c r="AD256" s="419">
        <v>20</v>
      </c>
      <c r="AE256" s="419" t="s">
        <v>103</v>
      </c>
      <c r="AF256" s="552" t="s">
        <v>109</v>
      </c>
      <c r="AG256" s="553"/>
      <c r="AH256" s="560"/>
      <c r="AI256" s="561"/>
      <c r="AJ256" s="562"/>
      <c r="AK256" s="333" t="s">
        <v>399</v>
      </c>
      <c r="AL256" s="38"/>
      <c r="AM256" s="54"/>
      <c r="AN256" s="13" t="str">
        <f t="shared" si="14"/>
        <v>■</v>
      </c>
    </row>
    <row r="257" spans="1:40" s="13" customFormat="1">
      <c r="A257" s="20" t="str">
        <f t="shared" si="13"/>
        <v>SY</v>
      </c>
      <c r="B257" s="20"/>
      <c r="C257" s="541">
        <v>12</v>
      </c>
      <c r="D257" s="542"/>
      <c r="E257" s="543" t="s">
        <v>595</v>
      </c>
      <c r="F257" s="544"/>
      <c r="G257" s="544"/>
      <c r="H257" s="544"/>
      <c r="I257" s="544"/>
      <c r="J257" s="544"/>
      <c r="K257" s="544"/>
      <c r="L257" s="544"/>
      <c r="M257" s="544"/>
      <c r="N257" s="544"/>
      <c r="O257" s="544"/>
      <c r="P257" s="544"/>
      <c r="Q257" s="544"/>
      <c r="R257" s="544"/>
      <c r="S257" s="544"/>
      <c r="T257" s="545"/>
      <c r="U257" s="221" t="s">
        <v>596</v>
      </c>
      <c r="V257" s="546" t="s">
        <v>107</v>
      </c>
      <c r="W257" s="547"/>
      <c r="X257" s="547"/>
      <c r="Y257" s="547"/>
      <c r="Z257" s="548"/>
      <c r="AA257" s="623" t="s">
        <v>102</v>
      </c>
      <c r="AB257" s="624"/>
      <c r="AC257" s="625"/>
      <c r="AD257" s="415">
        <v>2</v>
      </c>
      <c r="AE257" s="415" t="s">
        <v>103</v>
      </c>
      <c r="AF257" s="541"/>
      <c r="AG257" s="542"/>
      <c r="AH257" s="549"/>
      <c r="AI257" s="550"/>
      <c r="AJ257" s="551"/>
      <c r="AK257" s="344"/>
      <c r="AL257" s="38"/>
      <c r="AM257" s="54"/>
      <c r="AN257" s="13" t="str">
        <f t="shared" si="14"/>
        <v>■</v>
      </c>
    </row>
    <row r="258" spans="1:40" s="13" customFormat="1">
      <c r="A258" s="20" t="str">
        <f t="shared" si="13"/>
        <v>SY</v>
      </c>
      <c r="B258" s="20"/>
      <c r="C258" s="552">
        <v>13</v>
      </c>
      <c r="D258" s="553"/>
      <c r="E258" s="554" t="s">
        <v>1009</v>
      </c>
      <c r="F258" s="555"/>
      <c r="G258" s="555"/>
      <c r="H258" s="555"/>
      <c r="I258" s="555"/>
      <c r="J258" s="555"/>
      <c r="K258" s="555"/>
      <c r="L258" s="555"/>
      <c r="M258" s="555"/>
      <c r="N258" s="555"/>
      <c r="O258" s="555"/>
      <c r="P258" s="555"/>
      <c r="Q258" s="555"/>
      <c r="R258" s="555"/>
      <c r="S258" s="555"/>
      <c r="T258" s="556"/>
      <c r="U258" s="259" t="s">
        <v>602</v>
      </c>
      <c r="V258" s="557" t="s">
        <v>398</v>
      </c>
      <c r="W258" s="558"/>
      <c r="X258" s="558"/>
      <c r="Y258" s="558"/>
      <c r="Z258" s="559"/>
      <c r="AA258" s="626" t="s">
        <v>102</v>
      </c>
      <c r="AB258" s="627"/>
      <c r="AC258" s="628"/>
      <c r="AD258" s="419">
        <v>20</v>
      </c>
      <c r="AE258" s="419" t="s">
        <v>103</v>
      </c>
      <c r="AF258" s="552" t="s">
        <v>109</v>
      </c>
      <c r="AG258" s="553"/>
      <c r="AH258" s="560"/>
      <c r="AI258" s="561"/>
      <c r="AJ258" s="562"/>
      <c r="AK258" s="333" t="s">
        <v>399</v>
      </c>
      <c r="AL258" s="38"/>
      <c r="AM258" s="54"/>
      <c r="AN258" s="13" t="str">
        <f t="shared" si="14"/>
        <v>■</v>
      </c>
    </row>
    <row r="259" spans="1:40" s="13" customFormat="1">
      <c r="A259" s="20" t="str">
        <f t="shared" si="13"/>
        <v>SY</v>
      </c>
      <c r="B259" s="20"/>
      <c r="C259" s="541">
        <v>14</v>
      </c>
      <c r="D259" s="542"/>
      <c r="E259" s="543" t="s">
        <v>409</v>
      </c>
      <c r="F259" s="544"/>
      <c r="G259" s="544"/>
      <c r="H259" s="544"/>
      <c r="I259" s="544"/>
      <c r="J259" s="544"/>
      <c r="K259" s="544"/>
      <c r="L259" s="544"/>
      <c r="M259" s="544"/>
      <c r="N259" s="544"/>
      <c r="O259" s="544"/>
      <c r="P259" s="544"/>
      <c r="Q259" s="544"/>
      <c r="R259" s="544"/>
      <c r="S259" s="544"/>
      <c r="T259" s="545"/>
      <c r="U259" s="221" t="s">
        <v>453</v>
      </c>
      <c r="V259" s="546" t="s">
        <v>107</v>
      </c>
      <c r="W259" s="547"/>
      <c r="X259" s="547"/>
      <c r="Y259" s="547"/>
      <c r="Z259" s="548"/>
      <c r="AA259" s="623" t="s">
        <v>102</v>
      </c>
      <c r="AB259" s="624"/>
      <c r="AC259" s="625"/>
      <c r="AD259" s="415">
        <v>6</v>
      </c>
      <c r="AE259" s="415" t="s">
        <v>103</v>
      </c>
      <c r="AF259" s="541"/>
      <c r="AG259" s="542"/>
      <c r="AH259" s="549"/>
      <c r="AI259" s="550"/>
      <c r="AJ259" s="551"/>
      <c r="AK259" s="265"/>
      <c r="AL259" s="38"/>
      <c r="AM259" s="54"/>
      <c r="AN259" s="13" t="str">
        <f t="shared" si="14"/>
        <v>■</v>
      </c>
    </row>
    <row r="260" spans="1:40" s="13" customFormat="1">
      <c r="A260" s="20" t="str">
        <f t="shared" si="13"/>
        <v>SY</v>
      </c>
      <c r="B260" s="20"/>
      <c r="C260" s="541">
        <v>15</v>
      </c>
      <c r="D260" s="542"/>
      <c r="E260" s="543" t="s">
        <v>411</v>
      </c>
      <c r="F260" s="544"/>
      <c r="G260" s="544"/>
      <c r="H260" s="544"/>
      <c r="I260" s="544"/>
      <c r="J260" s="544"/>
      <c r="K260" s="544"/>
      <c r="L260" s="544"/>
      <c r="M260" s="544"/>
      <c r="N260" s="544"/>
      <c r="O260" s="544"/>
      <c r="P260" s="544"/>
      <c r="Q260" s="544"/>
      <c r="R260" s="544"/>
      <c r="S260" s="544"/>
      <c r="T260" s="545"/>
      <c r="U260" s="221" t="s">
        <v>516</v>
      </c>
      <c r="V260" s="546" t="s">
        <v>107</v>
      </c>
      <c r="W260" s="547"/>
      <c r="X260" s="547"/>
      <c r="Y260" s="547"/>
      <c r="Z260" s="548"/>
      <c r="AA260" s="623" t="s">
        <v>102</v>
      </c>
      <c r="AB260" s="624"/>
      <c r="AC260" s="625"/>
      <c r="AD260" s="415">
        <v>6</v>
      </c>
      <c r="AE260" s="415" t="s">
        <v>103</v>
      </c>
      <c r="AF260" s="541"/>
      <c r="AG260" s="542"/>
      <c r="AH260" s="549"/>
      <c r="AI260" s="550"/>
      <c r="AJ260" s="551"/>
      <c r="AK260" s="344"/>
      <c r="AL260" s="29"/>
      <c r="AM260" s="54"/>
      <c r="AN260" s="13" t="str">
        <f t="shared" si="14"/>
        <v>■</v>
      </c>
    </row>
    <row r="261" spans="1:40" s="13" customFormat="1">
      <c r="A261" s="20" t="str">
        <f t="shared" si="13"/>
        <v>SY</v>
      </c>
      <c r="B261" s="20"/>
      <c r="C261" s="541">
        <v>16</v>
      </c>
      <c r="D261" s="542"/>
      <c r="E261" s="543" t="s">
        <v>970</v>
      </c>
      <c r="F261" s="544"/>
      <c r="G261" s="544"/>
      <c r="H261" s="544"/>
      <c r="I261" s="544"/>
      <c r="J261" s="544"/>
      <c r="K261" s="544"/>
      <c r="L261" s="544"/>
      <c r="M261" s="544"/>
      <c r="N261" s="544"/>
      <c r="O261" s="544"/>
      <c r="P261" s="544"/>
      <c r="Q261" s="544"/>
      <c r="R261" s="544"/>
      <c r="S261" s="544"/>
      <c r="T261" s="545"/>
      <c r="U261" s="221" t="s">
        <v>971</v>
      </c>
      <c r="V261" s="546" t="s">
        <v>107</v>
      </c>
      <c r="W261" s="547"/>
      <c r="X261" s="547"/>
      <c r="Y261" s="547"/>
      <c r="Z261" s="548"/>
      <c r="AA261" s="623" t="s">
        <v>102</v>
      </c>
      <c r="AB261" s="624"/>
      <c r="AC261" s="625"/>
      <c r="AD261" s="415">
        <v>1</v>
      </c>
      <c r="AE261" s="415" t="s">
        <v>103</v>
      </c>
      <c r="AF261" s="541"/>
      <c r="AG261" s="542"/>
      <c r="AH261" s="549"/>
      <c r="AI261" s="550"/>
      <c r="AJ261" s="551"/>
      <c r="AK261" s="265"/>
      <c r="AL261" s="48"/>
      <c r="AM261" s="54"/>
      <c r="AN261" s="13" t="str">
        <f t="shared" si="14"/>
        <v>■</v>
      </c>
    </row>
    <row r="262" spans="1:40" s="13" customFormat="1">
      <c r="A262" s="20" t="str">
        <f t="shared" si="13"/>
        <v>SY</v>
      </c>
      <c r="B262" s="20"/>
      <c r="C262" s="541">
        <v>17</v>
      </c>
      <c r="D262" s="542"/>
      <c r="E262" s="543" t="s">
        <v>976</v>
      </c>
      <c r="F262" s="544"/>
      <c r="G262" s="544"/>
      <c r="H262" s="544"/>
      <c r="I262" s="544"/>
      <c r="J262" s="544"/>
      <c r="K262" s="544"/>
      <c r="L262" s="544"/>
      <c r="M262" s="544"/>
      <c r="N262" s="544"/>
      <c r="O262" s="544"/>
      <c r="P262" s="544"/>
      <c r="Q262" s="544"/>
      <c r="R262" s="544"/>
      <c r="S262" s="544"/>
      <c r="T262" s="545"/>
      <c r="U262" s="221" t="s">
        <v>977</v>
      </c>
      <c r="V262" s="546" t="s">
        <v>107</v>
      </c>
      <c r="W262" s="547"/>
      <c r="X262" s="547"/>
      <c r="Y262" s="547"/>
      <c r="Z262" s="548"/>
      <c r="AA262" s="623" t="s">
        <v>108</v>
      </c>
      <c r="AB262" s="624"/>
      <c r="AC262" s="625"/>
      <c r="AD262" s="415">
        <v>2</v>
      </c>
      <c r="AE262" s="415">
        <v>0</v>
      </c>
      <c r="AF262" s="541"/>
      <c r="AG262" s="542"/>
      <c r="AH262" s="549"/>
      <c r="AI262" s="550"/>
      <c r="AJ262" s="551"/>
      <c r="AK262" s="344"/>
      <c r="AL262" s="37"/>
      <c r="AM262" s="54"/>
      <c r="AN262" s="13" t="str">
        <f t="shared" si="14"/>
        <v>■</v>
      </c>
    </row>
    <row r="263" spans="1:40" ht="13.4" customHeight="1">
      <c r="A263" s="20" t="str">
        <f t="shared" si="13"/>
        <v>SY</v>
      </c>
      <c r="B263" s="25"/>
      <c r="C263" s="24"/>
      <c r="D263" s="24"/>
      <c r="E263" s="24"/>
      <c r="F263" s="24"/>
      <c r="G263" s="24"/>
      <c r="H263" s="24"/>
      <c r="I263" s="24"/>
      <c r="J263" s="24"/>
      <c r="K263" s="24"/>
      <c r="L263" s="24"/>
      <c r="M263" s="24"/>
      <c r="N263" s="24"/>
      <c r="O263" s="24"/>
      <c r="P263" s="24"/>
      <c r="Q263" s="24"/>
      <c r="R263" s="24"/>
      <c r="S263" s="24"/>
      <c r="T263" s="24"/>
      <c r="U263" s="224"/>
      <c r="V263" s="412"/>
      <c r="W263" s="412"/>
      <c r="X263" s="412"/>
      <c r="Y263" s="412"/>
      <c r="Z263" s="412"/>
      <c r="AA263" s="629"/>
      <c r="AB263" s="629"/>
      <c r="AC263" s="629"/>
      <c r="AD263" s="412"/>
      <c r="AE263" s="412"/>
      <c r="AF263" s="412"/>
      <c r="AG263" s="412"/>
      <c r="AH263" s="412"/>
      <c r="AI263" s="412"/>
      <c r="AJ263" s="412"/>
      <c r="AK263" s="55"/>
      <c r="AL263" s="37"/>
      <c r="AM263" s="16"/>
    </row>
    <row r="264" spans="1:40" s="1" customFormat="1" ht="13.4" customHeight="1">
      <c r="A264" s="20" t="str">
        <f t="shared" si="13"/>
        <v>KK</v>
      </c>
      <c r="B264" s="20"/>
      <c r="C264" s="52" t="s">
        <v>380</v>
      </c>
      <c r="D264" s="53"/>
      <c r="E264" s="26"/>
      <c r="F264" s="26"/>
      <c r="G264" s="26"/>
      <c r="H264" s="26"/>
      <c r="I264" s="26"/>
      <c r="J264" s="26" t="s">
        <v>1013</v>
      </c>
      <c r="K264" s="71"/>
      <c r="L264" s="26"/>
      <c r="M264" s="71"/>
      <c r="N264" s="26"/>
      <c r="O264" s="26"/>
      <c r="P264" s="26"/>
      <c r="Q264" s="26"/>
      <c r="R264" s="26"/>
      <c r="S264" s="26"/>
      <c r="T264" s="26"/>
      <c r="U264" s="26" t="s">
        <v>1014</v>
      </c>
      <c r="V264" s="122"/>
      <c r="W264" s="122"/>
      <c r="X264" s="122"/>
      <c r="Y264" s="122"/>
      <c r="Z264" s="122"/>
      <c r="AA264" s="630"/>
      <c r="AB264" s="630"/>
      <c r="AC264" s="630"/>
      <c r="AD264" s="122"/>
      <c r="AE264" s="122"/>
      <c r="AF264" s="122"/>
      <c r="AG264" s="122"/>
      <c r="AH264" s="122"/>
      <c r="AI264" s="122"/>
      <c r="AJ264" s="122"/>
      <c r="AK264" s="26"/>
      <c r="AL264" s="38"/>
      <c r="AM264" s="26"/>
    </row>
    <row r="265" spans="1:40" ht="13.5" customHeight="1">
      <c r="A265" s="20" t="str">
        <f t="shared" si="13"/>
        <v>KK</v>
      </c>
      <c r="B265" s="51"/>
      <c r="C265" s="583" t="s">
        <v>73</v>
      </c>
      <c r="D265" s="573"/>
      <c r="E265" s="583" t="s">
        <v>94</v>
      </c>
      <c r="F265" s="583"/>
      <c r="G265" s="583"/>
      <c r="H265" s="583"/>
      <c r="I265" s="583"/>
      <c r="J265" s="583"/>
      <c r="K265" s="583"/>
      <c r="L265" s="583"/>
      <c r="M265" s="583"/>
      <c r="N265" s="583"/>
      <c r="O265" s="583"/>
      <c r="P265" s="583"/>
      <c r="Q265" s="583"/>
      <c r="R265" s="583"/>
      <c r="S265" s="583"/>
      <c r="T265" s="583"/>
      <c r="U265" s="226" t="s">
        <v>383</v>
      </c>
      <c r="V265" s="572" t="s">
        <v>138</v>
      </c>
      <c r="W265" s="572"/>
      <c r="X265" s="572"/>
      <c r="Y265" s="572"/>
      <c r="Z265" s="572"/>
      <c r="AA265" s="575" t="s">
        <v>959</v>
      </c>
      <c r="AB265" s="576"/>
      <c r="AC265" s="577"/>
      <c r="AD265" s="572" t="s">
        <v>97</v>
      </c>
      <c r="AE265" s="572"/>
      <c r="AF265" s="572" t="s">
        <v>98</v>
      </c>
      <c r="AG265" s="572"/>
      <c r="AH265" s="583" t="s">
        <v>75</v>
      </c>
      <c r="AI265" s="583"/>
      <c r="AJ265" s="583"/>
      <c r="AK265" s="621" t="s">
        <v>159</v>
      </c>
      <c r="AL265" s="38"/>
      <c r="AM265" s="16"/>
    </row>
    <row r="266" spans="1:40" ht="13.4" customHeight="1">
      <c r="A266" s="20" t="str">
        <f t="shared" si="13"/>
        <v>KK</v>
      </c>
      <c r="B266" s="51"/>
      <c r="C266" s="573"/>
      <c r="D266" s="573"/>
      <c r="E266" s="583"/>
      <c r="F266" s="583"/>
      <c r="G266" s="583"/>
      <c r="H266" s="583"/>
      <c r="I266" s="583"/>
      <c r="J266" s="583"/>
      <c r="K266" s="583"/>
      <c r="L266" s="583"/>
      <c r="M266" s="583"/>
      <c r="N266" s="583"/>
      <c r="O266" s="583"/>
      <c r="P266" s="583"/>
      <c r="Q266" s="583"/>
      <c r="R266" s="583"/>
      <c r="S266" s="583"/>
      <c r="T266" s="583"/>
      <c r="U266" s="227"/>
      <c r="V266" s="572"/>
      <c r="W266" s="572"/>
      <c r="X266" s="572"/>
      <c r="Y266" s="572"/>
      <c r="Z266" s="572"/>
      <c r="AA266" s="578"/>
      <c r="AB266" s="579"/>
      <c r="AC266" s="580"/>
      <c r="AD266" s="572"/>
      <c r="AE266" s="572"/>
      <c r="AF266" s="572"/>
      <c r="AG266" s="572"/>
      <c r="AH266" s="583"/>
      <c r="AI266" s="583"/>
      <c r="AJ266" s="583"/>
      <c r="AK266" s="622"/>
      <c r="AL266" s="38"/>
      <c r="AM266" s="16"/>
    </row>
    <row r="267" spans="1:40" s="13" customFormat="1" ht="13.4" customHeight="1">
      <c r="A267" s="20" t="str">
        <f t="shared" si="13"/>
        <v>KK</v>
      </c>
      <c r="B267" s="20"/>
      <c r="C267" s="541">
        <v>1</v>
      </c>
      <c r="D267" s="542"/>
      <c r="E267" s="563" t="s">
        <v>440</v>
      </c>
      <c r="F267" s="564"/>
      <c r="G267" s="564"/>
      <c r="H267" s="564"/>
      <c r="I267" s="564"/>
      <c r="J267" s="564"/>
      <c r="K267" s="564"/>
      <c r="L267" s="564"/>
      <c r="M267" s="564"/>
      <c r="N267" s="564"/>
      <c r="O267" s="564"/>
      <c r="P267" s="564"/>
      <c r="Q267" s="564"/>
      <c r="R267" s="564"/>
      <c r="S267" s="564"/>
      <c r="T267" s="565"/>
      <c r="U267" s="219" t="s">
        <v>441</v>
      </c>
      <c r="V267" s="546" t="s">
        <v>101</v>
      </c>
      <c r="W267" s="547"/>
      <c r="X267" s="547"/>
      <c r="Y267" s="547"/>
      <c r="Z267" s="548"/>
      <c r="AA267" s="623" t="s">
        <v>102</v>
      </c>
      <c r="AB267" s="624"/>
      <c r="AC267" s="625"/>
      <c r="AD267" s="415">
        <v>10</v>
      </c>
      <c r="AE267" s="415" t="s">
        <v>103</v>
      </c>
      <c r="AF267" s="541"/>
      <c r="AG267" s="542"/>
      <c r="AH267" s="549"/>
      <c r="AI267" s="550"/>
      <c r="AJ267" s="551"/>
      <c r="AK267" s="265"/>
      <c r="AL267" s="38"/>
      <c r="AM267" s="54"/>
      <c r="AN267" s="13" t="str">
        <f t="shared" ref="AN267:AN290" si="15">$W$20</f>
        <v>■</v>
      </c>
    </row>
    <row r="268" spans="1:40" s="13" customFormat="1" ht="13.4" customHeight="1">
      <c r="A268" s="20" t="str">
        <f t="shared" si="13"/>
        <v>KK</v>
      </c>
      <c r="B268" s="20"/>
      <c r="C268" s="541">
        <v>2</v>
      </c>
      <c r="D268" s="542"/>
      <c r="E268" s="563" t="s">
        <v>442</v>
      </c>
      <c r="F268" s="564"/>
      <c r="G268" s="564"/>
      <c r="H268" s="564"/>
      <c r="I268" s="564"/>
      <c r="J268" s="564"/>
      <c r="K268" s="564"/>
      <c r="L268" s="564"/>
      <c r="M268" s="564"/>
      <c r="N268" s="564"/>
      <c r="O268" s="564"/>
      <c r="P268" s="564"/>
      <c r="Q268" s="564"/>
      <c r="R268" s="564"/>
      <c r="S268" s="564"/>
      <c r="T268" s="565"/>
      <c r="U268" s="219" t="s">
        <v>443</v>
      </c>
      <c r="V268" s="546" t="s">
        <v>101</v>
      </c>
      <c r="W268" s="547"/>
      <c r="X268" s="547"/>
      <c r="Y268" s="547"/>
      <c r="Z268" s="548"/>
      <c r="AA268" s="623" t="s">
        <v>102</v>
      </c>
      <c r="AB268" s="624"/>
      <c r="AC268" s="625"/>
      <c r="AD268" s="415">
        <v>51</v>
      </c>
      <c r="AE268" s="415" t="s">
        <v>103</v>
      </c>
      <c r="AF268" s="541"/>
      <c r="AG268" s="542"/>
      <c r="AH268" s="549"/>
      <c r="AI268" s="550"/>
      <c r="AJ268" s="551"/>
      <c r="AK268" s="265"/>
      <c r="AL268" s="38"/>
      <c r="AM268" s="54"/>
      <c r="AN268" s="13" t="str">
        <f t="shared" si="15"/>
        <v>■</v>
      </c>
    </row>
    <row r="269" spans="1:40" s="13" customFormat="1" ht="13.4" customHeight="1">
      <c r="A269" s="20" t="str">
        <f t="shared" si="13"/>
        <v>KK</v>
      </c>
      <c r="B269" s="20"/>
      <c r="C269" s="552">
        <v>3</v>
      </c>
      <c r="D269" s="553"/>
      <c r="E269" s="566" t="s">
        <v>106</v>
      </c>
      <c r="F269" s="567"/>
      <c r="G269" s="567"/>
      <c r="H269" s="567"/>
      <c r="I269" s="567"/>
      <c r="J269" s="567"/>
      <c r="K269" s="567"/>
      <c r="L269" s="567"/>
      <c r="M269" s="567"/>
      <c r="N269" s="567"/>
      <c r="O269" s="567"/>
      <c r="P269" s="567"/>
      <c r="Q269" s="567"/>
      <c r="R269" s="567"/>
      <c r="S269" s="567"/>
      <c r="T269" s="568"/>
      <c r="U269" s="220" t="s">
        <v>444</v>
      </c>
      <c r="V269" s="557" t="s">
        <v>107</v>
      </c>
      <c r="W269" s="558"/>
      <c r="X269" s="558"/>
      <c r="Y269" s="558"/>
      <c r="Z269" s="559"/>
      <c r="AA269" s="626" t="s">
        <v>108</v>
      </c>
      <c r="AB269" s="627"/>
      <c r="AC269" s="628"/>
      <c r="AD269" s="419">
        <v>1</v>
      </c>
      <c r="AE269" s="419">
        <v>0</v>
      </c>
      <c r="AF269" s="552" t="s">
        <v>109</v>
      </c>
      <c r="AG269" s="553"/>
      <c r="AH269" s="560"/>
      <c r="AI269" s="561"/>
      <c r="AJ269" s="562"/>
      <c r="AK269" s="321" t="s">
        <v>391</v>
      </c>
      <c r="AL269" s="38"/>
      <c r="AM269" s="54"/>
      <c r="AN269" s="13" t="str">
        <f t="shared" si="15"/>
        <v>■</v>
      </c>
    </row>
    <row r="270" spans="1:40" s="13" customFormat="1" ht="13.4" customHeight="1">
      <c r="A270" s="20" t="str">
        <f t="shared" si="13"/>
        <v>KK</v>
      </c>
      <c r="B270" s="20"/>
      <c r="C270" s="541">
        <v>4</v>
      </c>
      <c r="D270" s="542"/>
      <c r="E270" s="563" t="s">
        <v>110</v>
      </c>
      <c r="F270" s="564"/>
      <c r="G270" s="564"/>
      <c r="H270" s="564"/>
      <c r="I270" s="564"/>
      <c r="J270" s="564"/>
      <c r="K270" s="564"/>
      <c r="L270" s="564"/>
      <c r="M270" s="564"/>
      <c r="N270" s="564"/>
      <c r="O270" s="564"/>
      <c r="P270" s="564"/>
      <c r="Q270" s="564"/>
      <c r="R270" s="564"/>
      <c r="S270" s="564"/>
      <c r="T270" s="565"/>
      <c r="U270" s="221" t="s">
        <v>445</v>
      </c>
      <c r="V270" s="546" t="s">
        <v>107</v>
      </c>
      <c r="W270" s="547"/>
      <c r="X270" s="547"/>
      <c r="Y270" s="547"/>
      <c r="Z270" s="548"/>
      <c r="AA270" s="623" t="s">
        <v>108</v>
      </c>
      <c r="AB270" s="624"/>
      <c r="AC270" s="625"/>
      <c r="AD270" s="415">
        <v>1</v>
      </c>
      <c r="AE270" s="415">
        <v>0</v>
      </c>
      <c r="AF270" s="541"/>
      <c r="AG270" s="542"/>
      <c r="AH270" s="549"/>
      <c r="AI270" s="550"/>
      <c r="AJ270" s="551"/>
      <c r="AK270" s="265"/>
      <c r="AL270" s="38"/>
      <c r="AM270" s="54"/>
      <c r="AN270" s="13" t="str">
        <f t="shared" si="15"/>
        <v>■</v>
      </c>
    </row>
    <row r="271" spans="1:40" s="13" customFormat="1">
      <c r="A271" s="20" t="str">
        <f t="shared" si="13"/>
        <v>KK</v>
      </c>
      <c r="B271" s="20"/>
      <c r="C271" s="541">
        <v>5</v>
      </c>
      <c r="D271" s="542"/>
      <c r="E271" s="543" t="s">
        <v>80</v>
      </c>
      <c r="F271" s="544"/>
      <c r="G271" s="544"/>
      <c r="H271" s="544"/>
      <c r="I271" s="544"/>
      <c r="J271" s="544"/>
      <c r="K271" s="544"/>
      <c r="L271" s="544"/>
      <c r="M271" s="544"/>
      <c r="N271" s="544"/>
      <c r="O271" s="544"/>
      <c r="P271" s="544"/>
      <c r="Q271" s="544"/>
      <c r="R271" s="544"/>
      <c r="S271" s="544"/>
      <c r="T271" s="545"/>
      <c r="U271" s="221" t="s">
        <v>446</v>
      </c>
      <c r="V271" s="546" t="s">
        <v>101</v>
      </c>
      <c r="W271" s="547"/>
      <c r="X271" s="547"/>
      <c r="Y271" s="547"/>
      <c r="Z271" s="548"/>
      <c r="AA271" s="623" t="s">
        <v>102</v>
      </c>
      <c r="AB271" s="624"/>
      <c r="AC271" s="625"/>
      <c r="AD271" s="415">
        <v>2</v>
      </c>
      <c r="AE271" s="415" t="s">
        <v>103</v>
      </c>
      <c r="AF271" s="541"/>
      <c r="AG271" s="542"/>
      <c r="AH271" s="549"/>
      <c r="AI271" s="550"/>
      <c r="AJ271" s="551"/>
      <c r="AK271" s="265"/>
      <c r="AL271" s="38"/>
      <c r="AM271" s="54"/>
      <c r="AN271" s="13" t="str">
        <f t="shared" si="15"/>
        <v>■</v>
      </c>
    </row>
    <row r="272" spans="1:40" s="13" customFormat="1" ht="13.4" customHeight="1">
      <c r="A272" s="20" t="str">
        <f t="shared" si="13"/>
        <v>KK</v>
      </c>
      <c r="B272" s="20"/>
      <c r="C272" s="552">
        <v>6</v>
      </c>
      <c r="D272" s="553"/>
      <c r="E272" s="554" t="s">
        <v>1015</v>
      </c>
      <c r="F272" s="555"/>
      <c r="G272" s="555"/>
      <c r="H272" s="555"/>
      <c r="I272" s="555"/>
      <c r="J272" s="555"/>
      <c r="K272" s="555"/>
      <c r="L272" s="555"/>
      <c r="M272" s="555"/>
      <c r="N272" s="555"/>
      <c r="O272" s="555"/>
      <c r="P272" s="555"/>
      <c r="Q272" s="555"/>
      <c r="R272" s="555"/>
      <c r="S272" s="555"/>
      <c r="T272" s="556"/>
      <c r="U272" s="259" t="s">
        <v>1016</v>
      </c>
      <c r="V272" s="557" t="s">
        <v>107</v>
      </c>
      <c r="W272" s="558"/>
      <c r="X272" s="558"/>
      <c r="Y272" s="558"/>
      <c r="Z272" s="559"/>
      <c r="AA272" s="626" t="s">
        <v>102</v>
      </c>
      <c r="AB272" s="627"/>
      <c r="AC272" s="628"/>
      <c r="AD272" s="419">
        <v>1</v>
      </c>
      <c r="AE272" s="419" t="s">
        <v>103</v>
      </c>
      <c r="AF272" s="552" t="s">
        <v>109</v>
      </c>
      <c r="AG272" s="553"/>
      <c r="AH272" s="560"/>
      <c r="AI272" s="561"/>
      <c r="AJ272" s="562"/>
      <c r="AK272" s="321" t="s">
        <v>391</v>
      </c>
      <c r="AL272" s="38"/>
      <c r="AM272" s="54"/>
      <c r="AN272" s="13" t="str">
        <f t="shared" si="15"/>
        <v>■</v>
      </c>
    </row>
    <row r="273" spans="1:40" s="13" customFormat="1" ht="13.4" customHeight="1">
      <c r="A273" s="20" t="str">
        <f t="shared" si="13"/>
        <v>KK</v>
      </c>
      <c r="B273" s="20"/>
      <c r="C273" s="541">
        <v>7</v>
      </c>
      <c r="D273" s="542"/>
      <c r="E273" s="631" t="s">
        <v>1017</v>
      </c>
      <c r="F273" s="632"/>
      <c r="G273" s="632"/>
      <c r="H273" s="632"/>
      <c r="I273" s="632"/>
      <c r="J273" s="632"/>
      <c r="K273" s="632"/>
      <c r="L273" s="632"/>
      <c r="M273" s="632"/>
      <c r="N273" s="632"/>
      <c r="O273" s="632"/>
      <c r="P273" s="632"/>
      <c r="Q273" s="632"/>
      <c r="R273" s="632"/>
      <c r="S273" s="632"/>
      <c r="T273" s="633"/>
      <c r="U273" s="221" t="s">
        <v>1018</v>
      </c>
      <c r="V273" s="546" t="s">
        <v>107</v>
      </c>
      <c r="W273" s="547"/>
      <c r="X273" s="547"/>
      <c r="Y273" s="547"/>
      <c r="Z273" s="548"/>
      <c r="AA273" s="623" t="s">
        <v>102</v>
      </c>
      <c r="AB273" s="624"/>
      <c r="AC273" s="625"/>
      <c r="AD273" s="415">
        <v>1</v>
      </c>
      <c r="AE273" s="415" t="s">
        <v>103</v>
      </c>
      <c r="AF273" s="541"/>
      <c r="AG273" s="542"/>
      <c r="AH273" s="549"/>
      <c r="AI273" s="550"/>
      <c r="AJ273" s="551"/>
      <c r="AK273" s="265"/>
      <c r="AL273" s="38"/>
      <c r="AM273" s="54"/>
      <c r="AN273" s="13" t="str">
        <f t="shared" si="15"/>
        <v>■</v>
      </c>
    </row>
    <row r="274" spans="1:40" s="13" customFormat="1" ht="13.4" customHeight="1">
      <c r="A274" s="20" t="str">
        <f t="shared" si="13"/>
        <v>KK</v>
      </c>
      <c r="B274" s="20"/>
      <c r="C274" s="541">
        <v>8</v>
      </c>
      <c r="D274" s="542"/>
      <c r="E274" s="543" t="s">
        <v>1019</v>
      </c>
      <c r="F274" s="544"/>
      <c r="G274" s="544"/>
      <c r="H274" s="544"/>
      <c r="I274" s="544"/>
      <c r="J274" s="544"/>
      <c r="K274" s="544"/>
      <c r="L274" s="544"/>
      <c r="M274" s="544"/>
      <c r="N274" s="544"/>
      <c r="O274" s="544"/>
      <c r="P274" s="544"/>
      <c r="Q274" s="544"/>
      <c r="R274" s="544"/>
      <c r="S274" s="544"/>
      <c r="T274" s="545"/>
      <c r="U274" s="221" t="s">
        <v>1020</v>
      </c>
      <c r="V274" s="546" t="s">
        <v>107</v>
      </c>
      <c r="W274" s="547"/>
      <c r="X274" s="547"/>
      <c r="Y274" s="547"/>
      <c r="Z274" s="548"/>
      <c r="AA274" s="623" t="s">
        <v>102</v>
      </c>
      <c r="AB274" s="624"/>
      <c r="AC274" s="625"/>
      <c r="AD274" s="415">
        <v>1</v>
      </c>
      <c r="AE274" s="415" t="s">
        <v>103</v>
      </c>
      <c r="AF274" s="541"/>
      <c r="AG274" s="542"/>
      <c r="AH274" s="549"/>
      <c r="AI274" s="550"/>
      <c r="AJ274" s="551"/>
      <c r="AK274" s="265"/>
      <c r="AL274" s="38"/>
      <c r="AM274" s="54"/>
      <c r="AN274" s="13" t="str">
        <f t="shared" si="15"/>
        <v>■</v>
      </c>
    </row>
    <row r="275" spans="1:40" s="13" customFormat="1" ht="13.4" customHeight="1">
      <c r="A275" s="20" t="str">
        <f t="shared" si="13"/>
        <v>KK</v>
      </c>
      <c r="B275" s="20"/>
      <c r="C275" s="541">
        <v>9</v>
      </c>
      <c r="D275" s="542"/>
      <c r="E275" s="543" t="s">
        <v>1021</v>
      </c>
      <c r="F275" s="544"/>
      <c r="G275" s="544"/>
      <c r="H275" s="544"/>
      <c r="I275" s="544"/>
      <c r="J275" s="544"/>
      <c r="K275" s="544"/>
      <c r="L275" s="544"/>
      <c r="M275" s="544"/>
      <c r="N275" s="544"/>
      <c r="O275" s="544"/>
      <c r="P275" s="544"/>
      <c r="Q275" s="544"/>
      <c r="R275" s="544"/>
      <c r="S275" s="544"/>
      <c r="T275" s="545"/>
      <c r="U275" s="221" t="s">
        <v>1022</v>
      </c>
      <c r="V275" s="546" t="s">
        <v>107</v>
      </c>
      <c r="W275" s="547"/>
      <c r="X275" s="547"/>
      <c r="Y275" s="547"/>
      <c r="Z275" s="548"/>
      <c r="AA275" s="623" t="s">
        <v>102</v>
      </c>
      <c r="AB275" s="624"/>
      <c r="AC275" s="625"/>
      <c r="AD275" s="415">
        <v>8</v>
      </c>
      <c r="AE275" s="415" t="s">
        <v>103</v>
      </c>
      <c r="AF275" s="541"/>
      <c r="AG275" s="542"/>
      <c r="AH275" s="549"/>
      <c r="AI275" s="550"/>
      <c r="AJ275" s="551"/>
      <c r="AK275" s="265"/>
      <c r="AL275" s="38"/>
      <c r="AM275" s="54"/>
      <c r="AN275" s="13" t="str">
        <f t="shared" si="15"/>
        <v>■</v>
      </c>
    </row>
    <row r="276" spans="1:40" s="13" customFormat="1" ht="13.4" customHeight="1">
      <c r="A276" s="20" t="str">
        <f t="shared" si="13"/>
        <v>KK</v>
      </c>
      <c r="B276" s="20"/>
      <c r="C276" s="541">
        <v>10</v>
      </c>
      <c r="D276" s="542"/>
      <c r="E276" s="543" t="s">
        <v>1023</v>
      </c>
      <c r="F276" s="544"/>
      <c r="G276" s="544"/>
      <c r="H276" s="544"/>
      <c r="I276" s="544"/>
      <c r="J276" s="544"/>
      <c r="K276" s="544"/>
      <c r="L276" s="544"/>
      <c r="M276" s="544"/>
      <c r="N276" s="544"/>
      <c r="O276" s="544"/>
      <c r="P276" s="544"/>
      <c r="Q276" s="544"/>
      <c r="R276" s="544"/>
      <c r="S276" s="544"/>
      <c r="T276" s="545"/>
      <c r="U276" s="221" t="s">
        <v>1024</v>
      </c>
      <c r="V276" s="546" t="s">
        <v>107</v>
      </c>
      <c r="W276" s="547"/>
      <c r="X276" s="547"/>
      <c r="Y276" s="547"/>
      <c r="Z276" s="548"/>
      <c r="AA276" s="623" t="s">
        <v>102</v>
      </c>
      <c r="AB276" s="624"/>
      <c r="AC276" s="625"/>
      <c r="AD276" s="415">
        <v>1</v>
      </c>
      <c r="AE276" s="415" t="s">
        <v>103</v>
      </c>
      <c r="AF276" s="541"/>
      <c r="AG276" s="542"/>
      <c r="AH276" s="549"/>
      <c r="AI276" s="550"/>
      <c r="AJ276" s="551"/>
      <c r="AK276" s="265"/>
      <c r="AL276" s="38"/>
      <c r="AM276" s="54"/>
      <c r="AN276" s="13" t="str">
        <f t="shared" si="15"/>
        <v>■</v>
      </c>
    </row>
    <row r="277" spans="1:40" s="13" customFormat="1" ht="13.4" customHeight="1">
      <c r="A277" s="20" t="str">
        <f t="shared" si="13"/>
        <v>KK</v>
      </c>
      <c r="B277" s="20"/>
      <c r="C277" s="541">
        <v>11</v>
      </c>
      <c r="D277" s="542"/>
      <c r="E277" s="543" t="s">
        <v>1025</v>
      </c>
      <c r="F277" s="544"/>
      <c r="G277" s="544"/>
      <c r="H277" s="544"/>
      <c r="I277" s="544"/>
      <c r="J277" s="544"/>
      <c r="K277" s="544"/>
      <c r="L277" s="544"/>
      <c r="M277" s="544"/>
      <c r="N277" s="544"/>
      <c r="O277" s="544"/>
      <c r="P277" s="544"/>
      <c r="Q277" s="544"/>
      <c r="R277" s="544"/>
      <c r="S277" s="544"/>
      <c r="T277" s="545"/>
      <c r="U277" s="221" t="s">
        <v>1026</v>
      </c>
      <c r="V277" s="546" t="s">
        <v>107</v>
      </c>
      <c r="W277" s="547"/>
      <c r="X277" s="547"/>
      <c r="Y277" s="547"/>
      <c r="Z277" s="548"/>
      <c r="AA277" s="623" t="s">
        <v>108</v>
      </c>
      <c r="AB277" s="624"/>
      <c r="AC277" s="625"/>
      <c r="AD277" s="415">
        <v>3</v>
      </c>
      <c r="AE277" s="415">
        <v>0</v>
      </c>
      <c r="AF277" s="541"/>
      <c r="AG277" s="542"/>
      <c r="AH277" s="549"/>
      <c r="AI277" s="550"/>
      <c r="AJ277" s="551"/>
      <c r="AK277" s="265"/>
      <c r="AL277" s="38"/>
      <c r="AM277" s="54"/>
      <c r="AN277" s="13" t="str">
        <f t="shared" si="15"/>
        <v>■</v>
      </c>
    </row>
    <row r="278" spans="1:40" s="13" customFormat="1" ht="13.4" customHeight="1">
      <c r="A278" s="20" t="str">
        <f t="shared" si="13"/>
        <v>KK</v>
      </c>
      <c r="B278" s="20"/>
      <c r="C278" s="541">
        <v>12</v>
      </c>
      <c r="D278" s="542"/>
      <c r="E278" s="543" t="s">
        <v>1027</v>
      </c>
      <c r="F278" s="544"/>
      <c r="G278" s="544"/>
      <c r="H278" s="544"/>
      <c r="I278" s="544"/>
      <c r="J278" s="544"/>
      <c r="K278" s="544"/>
      <c r="L278" s="544"/>
      <c r="M278" s="544"/>
      <c r="N278" s="544"/>
      <c r="O278" s="544"/>
      <c r="P278" s="544"/>
      <c r="Q278" s="544"/>
      <c r="R278" s="544"/>
      <c r="S278" s="544"/>
      <c r="T278" s="545"/>
      <c r="U278" s="221" t="s">
        <v>1028</v>
      </c>
      <c r="V278" s="546" t="s">
        <v>107</v>
      </c>
      <c r="W278" s="547"/>
      <c r="X278" s="547"/>
      <c r="Y278" s="547"/>
      <c r="Z278" s="548"/>
      <c r="AA278" s="623" t="s">
        <v>108</v>
      </c>
      <c r="AB278" s="624"/>
      <c r="AC278" s="625"/>
      <c r="AD278" s="415">
        <v>4</v>
      </c>
      <c r="AE278" s="415">
        <v>0</v>
      </c>
      <c r="AF278" s="541"/>
      <c r="AG278" s="542"/>
      <c r="AH278" s="549"/>
      <c r="AI278" s="550"/>
      <c r="AJ278" s="551"/>
      <c r="AK278" s="265"/>
      <c r="AL278" s="38"/>
      <c r="AM278" s="54"/>
      <c r="AN278" s="13" t="str">
        <f t="shared" si="15"/>
        <v>■</v>
      </c>
    </row>
    <row r="279" spans="1:40" s="13" customFormat="1" ht="13.4" customHeight="1">
      <c r="A279" s="20" t="str">
        <f t="shared" si="13"/>
        <v>KK</v>
      </c>
      <c r="B279" s="20"/>
      <c r="C279" s="541">
        <v>13</v>
      </c>
      <c r="D279" s="542"/>
      <c r="E279" s="543" t="s">
        <v>1029</v>
      </c>
      <c r="F279" s="544"/>
      <c r="G279" s="544"/>
      <c r="H279" s="544"/>
      <c r="I279" s="544"/>
      <c r="J279" s="544"/>
      <c r="K279" s="544"/>
      <c r="L279" s="544"/>
      <c r="M279" s="544"/>
      <c r="N279" s="544"/>
      <c r="O279" s="544"/>
      <c r="P279" s="544"/>
      <c r="Q279" s="544"/>
      <c r="R279" s="544"/>
      <c r="S279" s="544"/>
      <c r="T279" s="545"/>
      <c r="U279" s="221" t="s">
        <v>1030</v>
      </c>
      <c r="V279" s="546" t="s">
        <v>107</v>
      </c>
      <c r="W279" s="547"/>
      <c r="X279" s="547"/>
      <c r="Y279" s="547"/>
      <c r="Z279" s="548"/>
      <c r="AA279" s="623" t="s">
        <v>102</v>
      </c>
      <c r="AB279" s="624"/>
      <c r="AC279" s="625"/>
      <c r="AD279" s="415">
        <v>3</v>
      </c>
      <c r="AE279" s="415" t="s">
        <v>103</v>
      </c>
      <c r="AF279" s="541"/>
      <c r="AG279" s="542"/>
      <c r="AH279" s="549"/>
      <c r="AI279" s="550"/>
      <c r="AJ279" s="551"/>
      <c r="AK279" s="265"/>
      <c r="AL279" s="38"/>
      <c r="AM279" s="54"/>
      <c r="AN279" s="13" t="str">
        <f t="shared" si="15"/>
        <v>■</v>
      </c>
    </row>
    <row r="280" spans="1:40" s="13" customFormat="1" ht="13.4" customHeight="1">
      <c r="A280" s="20" t="str">
        <f t="shared" si="13"/>
        <v>KK</v>
      </c>
      <c r="B280" s="20"/>
      <c r="C280" s="552">
        <v>14</v>
      </c>
      <c r="D280" s="553"/>
      <c r="E280" s="566" t="s">
        <v>1031</v>
      </c>
      <c r="F280" s="567"/>
      <c r="G280" s="567"/>
      <c r="H280" s="567"/>
      <c r="I280" s="567"/>
      <c r="J280" s="567"/>
      <c r="K280" s="567"/>
      <c r="L280" s="567"/>
      <c r="M280" s="567"/>
      <c r="N280" s="567"/>
      <c r="O280" s="567"/>
      <c r="P280" s="567"/>
      <c r="Q280" s="567"/>
      <c r="R280" s="567"/>
      <c r="S280" s="567"/>
      <c r="T280" s="568"/>
      <c r="U280" s="259" t="s">
        <v>474</v>
      </c>
      <c r="V280" s="557" t="s">
        <v>107</v>
      </c>
      <c r="W280" s="558"/>
      <c r="X280" s="558"/>
      <c r="Y280" s="558"/>
      <c r="Z280" s="559"/>
      <c r="AA280" s="626" t="s">
        <v>102</v>
      </c>
      <c r="AB280" s="627"/>
      <c r="AC280" s="628"/>
      <c r="AD280" s="419">
        <v>1</v>
      </c>
      <c r="AE280" s="419" t="s">
        <v>103</v>
      </c>
      <c r="AF280" s="552" t="s">
        <v>109</v>
      </c>
      <c r="AG280" s="553"/>
      <c r="AH280" s="560"/>
      <c r="AI280" s="561"/>
      <c r="AJ280" s="562"/>
      <c r="AK280" s="321" t="s">
        <v>416</v>
      </c>
      <c r="AL280" s="38"/>
      <c r="AM280" s="54"/>
      <c r="AN280" s="13" t="str">
        <f t="shared" si="15"/>
        <v>■</v>
      </c>
    </row>
    <row r="281" spans="1:40" s="13" customFormat="1" ht="13.4" customHeight="1">
      <c r="A281" s="20" t="str">
        <f t="shared" si="13"/>
        <v>KK</v>
      </c>
      <c r="B281" s="20"/>
      <c r="C281" s="541">
        <v>15</v>
      </c>
      <c r="D281" s="542"/>
      <c r="E281" s="563" t="s">
        <v>1032</v>
      </c>
      <c r="F281" s="564"/>
      <c r="G281" s="564"/>
      <c r="H281" s="564"/>
      <c r="I281" s="564"/>
      <c r="J281" s="564"/>
      <c r="K281" s="564"/>
      <c r="L281" s="564"/>
      <c r="M281" s="564"/>
      <c r="N281" s="564"/>
      <c r="O281" s="564"/>
      <c r="P281" s="564"/>
      <c r="Q281" s="564"/>
      <c r="R281" s="564"/>
      <c r="S281" s="564"/>
      <c r="T281" s="565"/>
      <c r="U281" s="221" t="s">
        <v>1033</v>
      </c>
      <c r="V281" s="546" t="s">
        <v>107</v>
      </c>
      <c r="W281" s="547"/>
      <c r="X281" s="547"/>
      <c r="Y281" s="547"/>
      <c r="Z281" s="548"/>
      <c r="AA281" s="623" t="s">
        <v>710</v>
      </c>
      <c r="AB281" s="624"/>
      <c r="AC281" s="625"/>
      <c r="AD281" s="415">
        <v>3</v>
      </c>
      <c r="AE281" s="415">
        <v>1</v>
      </c>
      <c r="AF281" s="541"/>
      <c r="AG281" s="542"/>
      <c r="AH281" s="549"/>
      <c r="AI281" s="550"/>
      <c r="AJ281" s="551"/>
      <c r="AK281" s="265"/>
      <c r="AL281" s="38"/>
      <c r="AM281" s="54"/>
      <c r="AN281" s="13" t="str">
        <f t="shared" si="15"/>
        <v>■</v>
      </c>
    </row>
    <row r="282" spans="1:40" s="13" customFormat="1" ht="13.4" customHeight="1">
      <c r="A282" s="20" t="str">
        <f t="shared" si="13"/>
        <v>KK</v>
      </c>
      <c r="B282" s="20"/>
      <c r="C282" s="552">
        <v>16</v>
      </c>
      <c r="D282" s="553"/>
      <c r="E282" s="566" t="s">
        <v>1034</v>
      </c>
      <c r="F282" s="567"/>
      <c r="G282" s="567"/>
      <c r="H282" s="567"/>
      <c r="I282" s="567"/>
      <c r="J282" s="567"/>
      <c r="K282" s="567"/>
      <c r="L282" s="567"/>
      <c r="M282" s="567"/>
      <c r="N282" s="567"/>
      <c r="O282" s="567"/>
      <c r="P282" s="567"/>
      <c r="Q282" s="567"/>
      <c r="R282" s="567"/>
      <c r="S282" s="567"/>
      <c r="T282" s="568"/>
      <c r="U282" s="259" t="s">
        <v>1035</v>
      </c>
      <c r="V282" s="557" t="s">
        <v>398</v>
      </c>
      <c r="W282" s="558"/>
      <c r="X282" s="558"/>
      <c r="Y282" s="558"/>
      <c r="Z282" s="559"/>
      <c r="AA282" s="626" t="s">
        <v>102</v>
      </c>
      <c r="AB282" s="627"/>
      <c r="AC282" s="628"/>
      <c r="AD282" s="419">
        <v>50</v>
      </c>
      <c r="AE282" s="419" t="s">
        <v>103</v>
      </c>
      <c r="AF282" s="552" t="s">
        <v>109</v>
      </c>
      <c r="AG282" s="553"/>
      <c r="AH282" s="560"/>
      <c r="AI282" s="561"/>
      <c r="AJ282" s="562"/>
      <c r="AK282" s="333" t="s">
        <v>399</v>
      </c>
      <c r="AL282" s="38"/>
      <c r="AM282" s="54"/>
      <c r="AN282" s="13" t="str">
        <f t="shared" si="15"/>
        <v>■</v>
      </c>
    </row>
    <row r="283" spans="1:40" s="13" customFormat="1" ht="13.4" customHeight="1">
      <c r="A283" s="20" t="str">
        <f t="shared" si="13"/>
        <v>KK</v>
      </c>
      <c r="B283" s="20"/>
      <c r="C283" s="552">
        <v>17</v>
      </c>
      <c r="D283" s="553"/>
      <c r="E283" s="566" t="s">
        <v>1036</v>
      </c>
      <c r="F283" s="567"/>
      <c r="G283" s="567"/>
      <c r="H283" s="567"/>
      <c r="I283" s="567"/>
      <c r="J283" s="567"/>
      <c r="K283" s="567"/>
      <c r="L283" s="567"/>
      <c r="M283" s="567"/>
      <c r="N283" s="567"/>
      <c r="O283" s="567"/>
      <c r="P283" s="567"/>
      <c r="Q283" s="567"/>
      <c r="R283" s="567"/>
      <c r="S283" s="567"/>
      <c r="T283" s="568"/>
      <c r="U283" s="259" t="s">
        <v>1037</v>
      </c>
      <c r="V283" s="557" t="s">
        <v>107</v>
      </c>
      <c r="W283" s="558"/>
      <c r="X283" s="558"/>
      <c r="Y283" s="558"/>
      <c r="Z283" s="559"/>
      <c r="AA283" s="626" t="s">
        <v>102</v>
      </c>
      <c r="AB283" s="627"/>
      <c r="AC283" s="628"/>
      <c r="AD283" s="419">
        <v>3</v>
      </c>
      <c r="AE283" s="419" t="s">
        <v>103</v>
      </c>
      <c r="AF283" s="552" t="s">
        <v>109</v>
      </c>
      <c r="AG283" s="553"/>
      <c r="AH283" s="560"/>
      <c r="AI283" s="561"/>
      <c r="AJ283" s="562"/>
      <c r="AK283" s="333" t="s">
        <v>416</v>
      </c>
      <c r="AL283" s="38"/>
      <c r="AM283" s="54"/>
      <c r="AN283" s="13" t="str">
        <f t="shared" si="15"/>
        <v>■</v>
      </c>
    </row>
    <row r="284" spans="1:40" s="13" customFormat="1" ht="13.4" customHeight="1">
      <c r="A284" s="20" t="str">
        <f t="shared" si="13"/>
        <v>KK</v>
      </c>
      <c r="B284" s="20"/>
      <c r="C284" s="552">
        <v>18</v>
      </c>
      <c r="D284" s="553"/>
      <c r="E284" s="566" t="s">
        <v>1038</v>
      </c>
      <c r="F284" s="567"/>
      <c r="G284" s="567"/>
      <c r="H284" s="567"/>
      <c r="I284" s="567"/>
      <c r="J284" s="567"/>
      <c r="K284" s="567"/>
      <c r="L284" s="567"/>
      <c r="M284" s="567"/>
      <c r="N284" s="567"/>
      <c r="O284" s="567"/>
      <c r="P284" s="567"/>
      <c r="Q284" s="567"/>
      <c r="R284" s="567"/>
      <c r="S284" s="567"/>
      <c r="T284" s="568"/>
      <c r="U284" s="259" t="s">
        <v>1039</v>
      </c>
      <c r="V284" s="557" t="s">
        <v>107</v>
      </c>
      <c r="W284" s="558"/>
      <c r="X284" s="558"/>
      <c r="Y284" s="558"/>
      <c r="Z284" s="559"/>
      <c r="AA284" s="626" t="s">
        <v>102</v>
      </c>
      <c r="AB284" s="627"/>
      <c r="AC284" s="628"/>
      <c r="AD284" s="419">
        <v>2</v>
      </c>
      <c r="AE284" s="419" t="s">
        <v>103</v>
      </c>
      <c r="AF284" s="552" t="s">
        <v>109</v>
      </c>
      <c r="AG284" s="553"/>
      <c r="AH284" s="560"/>
      <c r="AI284" s="561"/>
      <c r="AJ284" s="562"/>
      <c r="AK284" s="333" t="s">
        <v>416</v>
      </c>
      <c r="AL284" s="38"/>
      <c r="AM284" s="54"/>
      <c r="AN284" s="13" t="str">
        <f t="shared" si="15"/>
        <v>■</v>
      </c>
    </row>
    <row r="285" spans="1:40" s="13" customFormat="1" ht="13.4" customHeight="1">
      <c r="A285" s="20" t="str">
        <f t="shared" si="13"/>
        <v>KK</v>
      </c>
      <c r="B285" s="20"/>
      <c r="C285" s="541">
        <v>19</v>
      </c>
      <c r="D285" s="542"/>
      <c r="E285" s="563" t="s">
        <v>409</v>
      </c>
      <c r="F285" s="564"/>
      <c r="G285" s="564"/>
      <c r="H285" s="564"/>
      <c r="I285" s="564"/>
      <c r="J285" s="564"/>
      <c r="K285" s="564"/>
      <c r="L285" s="564"/>
      <c r="M285" s="564"/>
      <c r="N285" s="564"/>
      <c r="O285" s="564"/>
      <c r="P285" s="564"/>
      <c r="Q285" s="564"/>
      <c r="R285" s="564"/>
      <c r="S285" s="564"/>
      <c r="T285" s="565"/>
      <c r="U285" s="221" t="s">
        <v>453</v>
      </c>
      <c r="V285" s="546" t="s">
        <v>107</v>
      </c>
      <c r="W285" s="547"/>
      <c r="X285" s="547"/>
      <c r="Y285" s="547"/>
      <c r="Z285" s="548"/>
      <c r="AA285" s="623" t="s">
        <v>102</v>
      </c>
      <c r="AB285" s="624"/>
      <c r="AC285" s="625"/>
      <c r="AD285" s="415">
        <v>6</v>
      </c>
      <c r="AE285" s="415" t="s">
        <v>103</v>
      </c>
      <c r="AF285" s="541"/>
      <c r="AG285" s="542"/>
      <c r="AH285" s="549"/>
      <c r="AI285" s="550"/>
      <c r="AJ285" s="551"/>
      <c r="AK285" s="265"/>
      <c r="AL285" s="38"/>
      <c r="AM285" s="54"/>
      <c r="AN285" s="13" t="str">
        <f t="shared" si="15"/>
        <v>■</v>
      </c>
    </row>
    <row r="286" spans="1:40" s="13" customFormat="1" ht="13.4" customHeight="1">
      <c r="A286" s="20" t="str">
        <f t="shared" si="13"/>
        <v>KK</v>
      </c>
      <c r="B286" s="20"/>
      <c r="C286" s="541">
        <v>20</v>
      </c>
      <c r="D286" s="542"/>
      <c r="E286" s="563" t="s">
        <v>411</v>
      </c>
      <c r="F286" s="564"/>
      <c r="G286" s="564"/>
      <c r="H286" s="564"/>
      <c r="I286" s="564"/>
      <c r="J286" s="564"/>
      <c r="K286" s="564"/>
      <c r="L286" s="564"/>
      <c r="M286" s="564"/>
      <c r="N286" s="564"/>
      <c r="O286" s="564"/>
      <c r="P286" s="564"/>
      <c r="Q286" s="564"/>
      <c r="R286" s="564"/>
      <c r="S286" s="564"/>
      <c r="T286" s="565"/>
      <c r="U286" s="221" t="s">
        <v>516</v>
      </c>
      <c r="V286" s="546" t="s">
        <v>107</v>
      </c>
      <c r="W286" s="547"/>
      <c r="X286" s="547"/>
      <c r="Y286" s="547"/>
      <c r="Z286" s="548"/>
      <c r="AA286" s="623" t="s">
        <v>102</v>
      </c>
      <c r="AB286" s="624"/>
      <c r="AC286" s="625"/>
      <c r="AD286" s="415">
        <v>6</v>
      </c>
      <c r="AE286" s="415" t="s">
        <v>103</v>
      </c>
      <c r="AF286" s="541"/>
      <c r="AG286" s="542"/>
      <c r="AH286" s="549"/>
      <c r="AI286" s="550"/>
      <c r="AJ286" s="551"/>
      <c r="AK286" s="265"/>
      <c r="AL286" s="38"/>
      <c r="AM286" s="54"/>
      <c r="AN286" s="13" t="str">
        <f t="shared" si="15"/>
        <v>■</v>
      </c>
    </row>
    <row r="287" spans="1:40" s="13" customFormat="1" ht="13.4" customHeight="1">
      <c r="A287" s="20" t="str">
        <f t="shared" si="13"/>
        <v>KK</v>
      </c>
      <c r="B287" s="20"/>
      <c r="C287" s="541">
        <v>21</v>
      </c>
      <c r="D287" s="542"/>
      <c r="E287" s="563" t="s">
        <v>1040</v>
      </c>
      <c r="F287" s="564"/>
      <c r="G287" s="564"/>
      <c r="H287" s="564"/>
      <c r="I287" s="564"/>
      <c r="J287" s="564"/>
      <c r="K287" s="564"/>
      <c r="L287" s="564"/>
      <c r="M287" s="564"/>
      <c r="N287" s="564"/>
      <c r="O287" s="564"/>
      <c r="P287" s="564"/>
      <c r="Q287" s="564"/>
      <c r="R287" s="564"/>
      <c r="S287" s="564"/>
      <c r="T287" s="565"/>
      <c r="U287" s="221" t="s">
        <v>1041</v>
      </c>
      <c r="V287" s="546" t="s">
        <v>107</v>
      </c>
      <c r="W287" s="547"/>
      <c r="X287" s="547"/>
      <c r="Y287" s="547"/>
      <c r="Z287" s="548"/>
      <c r="AA287" s="623" t="s">
        <v>102</v>
      </c>
      <c r="AB287" s="624"/>
      <c r="AC287" s="625"/>
      <c r="AD287" s="415">
        <v>2</v>
      </c>
      <c r="AE287" s="415" t="s">
        <v>103</v>
      </c>
      <c r="AF287" s="541"/>
      <c r="AG287" s="542"/>
      <c r="AH287" s="549"/>
      <c r="AI287" s="550"/>
      <c r="AJ287" s="551"/>
      <c r="AK287" s="265"/>
      <c r="AL287" s="29"/>
      <c r="AM287" s="54"/>
      <c r="AN287" s="13" t="str">
        <f t="shared" si="15"/>
        <v>■</v>
      </c>
    </row>
    <row r="288" spans="1:40" s="13" customFormat="1" ht="13.4" customHeight="1">
      <c r="A288" s="20" t="str">
        <f t="shared" si="13"/>
        <v>KK</v>
      </c>
      <c r="B288" s="20"/>
      <c r="C288" s="541">
        <v>22</v>
      </c>
      <c r="D288" s="542"/>
      <c r="E288" s="563" t="s">
        <v>970</v>
      </c>
      <c r="F288" s="564"/>
      <c r="G288" s="564"/>
      <c r="H288" s="564"/>
      <c r="I288" s="564"/>
      <c r="J288" s="564"/>
      <c r="K288" s="564"/>
      <c r="L288" s="564"/>
      <c r="M288" s="564"/>
      <c r="N288" s="564"/>
      <c r="O288" s="564"/>
      <c r="P288" s="564"/>
      <c r="Q288" s="564"/>
      <c r="R288" s="564"/>
      <c r="S288" s="564"/>
      <c r="T288" s="565"/>
      <c r="U288" s="221" t="s">
        <v>971</v>
      </c>
      <c r="V288" s="546" t="s">
        <v>107</v>
      </c>
      <c r="W288" s="547"/>
      <c r="X288" s="547"/>
      <c r="Y288" s="547"/>
      <c r="Z288" s="548"/>
      <c r="AA288" s="623" t="s">
        <v>102</v>
      </c>
      <c r="AB288" s="624"/>
      <c r="AC288" s="625"/>
      <c r="AD288" s="415">
        <v>1</v>
      </c>
      <c r="AE288" s="415" t="s">
        <v>103</v>
      </c>
      <c r="AF288" s="541"/>
      <c r="AG288" s="542"/>
      <c r="AH288" s="549"/>
      <c r="AI288" s="550"/>
      <c r="AJ288" s="551"/>
      <c r="AK288" s="265"/>
      <c r="AL288" s="48"/>
      <c r="AM288" s="54"/>
      <c r="AN288" s="13" t="str">
        <f t="shared" si="15"/>
        <v>■</v>
      </c>
    </row>
    <row r="289" spans="1:40" s="13" customFormat="1" ht="13.4" customHeight="1">
      <c r="A289" s="20" t="str">
        <f>IF(LEN(J289)&gt;0,MID(J289,FIND("（",J289,1)+1,2),A287)</f>
        <v>KK</v>
      </c>
      <c r="B289" s="20"/>
      <c r="C289" s="541">
        <v>23</v>
      </c>
      <c r="D289" s="542"/>
      <c r="E289" s="563" t="s">
        <v>976</v>
      </c>
      <c r="F289" s="564"/>
      <c r="G289" s="564"/>
      <c r="H289" s="564"/>
      <c r="I289" s="564"/>
      <c r="J289" s="564"/>
      <c r="K289" s="564"/>
      <c r="L289" s="564"/>
      <c r="M289" s="564"/>
      <c r="N289" s="564"/>
      <c r="O289" s="564"/>
      <c r="P289" s="564"/>
      <c r="Q289" s="564"/>
      <c r="R289" s="564"/>
      <c r="S289" s="564"/>
      <c r="T289" s="565"/>
      <c r="U289" s="221" t="s">
        <v>977</v>
      </c>
      <c r="V289" s="546" t="s">
        <v>107</v>
      </c>
      <c r="W289" s="547"/>
      <c r="X289" s="547"/>
      <c r="Y289" s="547"/>
      <c r="Z289" s="548"/>
      <c r="AA289" s="623" t="s">
        <v>108</v>
      </c>
      <c r="AB289" s="624"/>
      <c r="AC289" s="625"/>
      <c r="AD289" s="415">
        <v>2</v>
      </c>
      <c r="AE289" s="415">
        <v>0</v>
      </c>
      <c r="AF289" s="541"/>
      <c r="AG289" s="542"/>
      <c r="AH289" s="549"/>
      <c r="AI289" s="550"/>
      <c r="AJ289" s="551"/>
      <c r="AK289" s="265"/>
      <c r="AL289" s="37"/>
      <c r="AM289" s="54"/>
      <c r="AN289" s="13" t="str">
        <f t="shared" si="15"/>
        <v>■</v>
      </c>
    </row>
    <row r="290" spans="1:40" s="13" customFormat="1" ht="13.4" customHeight="1">
      <c r="A290" s="20" t="str">
        <f>IF(LEN(J290)&gt;0,MID(J290,FIND("（",J290,1)+1,2),A288)</f>
        <v>KK</v>
      </c>
      <c r="B290" s="20"/>
      <c r="C290" s="541">
        <v>24</v>
      </c>
      <c r="D290" s="542"/>
      <c r="E290" s="563" t="s">
        <v>1042</v>
      </c>
      <c r="F290" s="564"/>
      <c r="G290" s="564"/>
      <c r="H290" s="564"/>
      <c r="I290" s="564"/>
      <c r="J290" s="564"/>
      <c r="K290" s="564"/>
      <c r="L290" s="564"/>
      <c r="M290" s="564"/>
      <c r="N290" s="564"/>
      <c r="O290" s="564"/>
      <c r="P290" s="564"/>
      <c r="Q290" s="564"/>
      <c r="R290" s="564"/>
      <c r="S290" s="564"/>
      <c r="T290" s="565"/>
      <c r="U290" s="221" t="s">
        <v>1043</v>
      </c>
      <c r="V290" s="546" t="s">
        <v>107</v>
      </c>
      <c r="W290" s="547"/>
      <c r="X290" s="547"/>
      <c r="Y290" s="547"/>
      <c r="Z290" s="548"/>
      <c r="AA290" s="623" t="s">
        <v>108</v>
      </c>
      <c r="AB290" s="624"/>
      <c r="AC290" s="625"/>
      <c r="AD290" s="415">
        <v>6</v>
      </c>
      <c r="AE290" s="415">
        <v>0</v>
      </c>
      <c r="AF290" s="541"/>
      <c r="AG290" s="542"/>
      <c r="AH290" s="549"/>
      <c r="AI290" s="550"/>
      <c r="AJ290" s="551"/>
      <c r="AK290" s="265"/>
      <c r="AL290" s="37"/>
      <c r="AM290" s="54"/>
      <c r="AN290" s="13" t="str">
        <f t="shared" si="15"/>
        <v>■</v>
      </c>
    </row>
    <row r="291" spans="1:40" ht="13.4" customHeight="1">
      <c r="A291" s="20" t="str">
        <f t="shared" ref="A291:A354" si="16">IF(LEN(J291)&gt;0,MID(J291,FIND("（",J291,1)+1,2),A290)</f>
        <v>KK</v>
      </c>
      <c r="B291" s="25"/>
      <c r="V291" s="238"/>
      <c r="W291" s="238"/>
      <c r="X291" s="238"/>
      <c r="Y291" s="238"/>
      <c r="Z291" s="238"/>
      <c r="AA291" s="629"/>
      <c r="AB291" s="629"/>
      <c r="AC291" s="629"/>
      <c r="AD291" s="238"/>
      <c r="AE291" s="238"/>
      <c r="AF291" s="238"/>
      <c r="AG291" s="238"/>
      <c r="AH291" s="238"/>
      <c r="AI291" s="238"/>
      <c r="AJ291" s="238"/>
      <c r="AK291" s="55"/>
      <c r="AL291" s="37"/>
      <c r="AM291" s="16"/>
    </row>
    <row r="292" spans="1:40" s="1" customFormat="1" ht="13.4" customHeight="1">
      <c r="A292" s="20" t="str">
        <f t="shared" si="16"/>
        <v>SK</v>
      </c>
      <c r="B292" s="20"/>
      <c r="C292" s="52" t="s">
        <v>380</v>
      </c>
      <c r="D292" s="53"/>
      <c r="E292" s="26"/>
      <c r="F292" s="26"/>
      <c r="G292" s="26"/>
      <c r="H292" s="26"/>
      <c r="I292" s="26"/>
      <c r="J292" s="26" t="s">
        <v>1044</v>
      </c>
      <c r="K292" s="71"/>
      <c r="L292" s="26"/>
      <c r="M292" s="71"/>
      <c r="N292" s="26"/>
      <c r="O292" s="26"/>
      <c r="P292" s="26"/>
      <c r="Q292" s="26"/>
      <c r="R292" s="26"/>
      <c r="S292" s="26"/>
      <c r="T292" s="26"/>
      <c r="U292" s="26" t="s">
        <v>1045</v>
      </c>
      <c r="V292" s="122"/>
      <c r="W292" s="122"/>
      <c r="X292" s="122"/>
      <c r="Y292" s="122"/>
      <c r="Z292" s="122"/>
      <c r="AA292" s="630"/>
      <c r="AB292" s="630"/>
      <c r="AC292" s="630"/>
      <c r="AD292" s="122"/>
      <c r="AE292" s="122"/>
      <c r="AF292" s="122"/>
      <c r="AG292" s="122"/>
      <c r="AH292" s="122"/>
      <c r="AI292" s="122"/>
      <c r="AJ292" s="122"/>
      <c r="AK292" s="26"/>
      <c r="AL292" s="38"/>
      <c r="AM292" s="26"/>
    </row>
    <row r="293" spans="1:40" ht="13.5" customHeight="1">
      <c r="A293" s="20" t="str">
        <f t="shared" si="16"/>
        <v>SK</v>
      </c>
      <c r="B293" s="51"/>
      <c r="C293" s="583" t="s">
        <v>73</v>
      </c>
      <c r="D293" s="573"/>
      <c r="E293" s="583" t="s">
        <v>94</v>
      </c>
      <c r="F293" s="583"/>
      <c r="G293" s="583"/>
      <c r="H293" s="583"/>
      <c r="I293" s="583"/>
      <c r="J293" s="583"/>
      <c r="K293" s="583"/>
      <c r="L293" s="583"/>
      <c r="M293" s="583"/>
      <c r="N293" s="583"/>
      <c r="O293" s="583"/>
      <c r="P293" s="583"/>
      <c r="Q293" s="583"/>
      <c r="R293" s="583"/>
      <c r="S293" s="583"/>
      <c r="T293" s="583"/>
      <c r="U293" s="226" t="s">
        <v>383</v>
      </c>
      <c r="V293" s="572" t="s">
        <v>138</v>
      </c>
      <c r="W293" s="572"/>
      <c r="X293" s="572"/>
      <c r="Y293" s="572"/>
      <c r="Z293" s="572"/>
      <c r="AA293" s="575" t="s">
        <v>959</v>
      </c>
      <c r="AB293" s="576"/>
      <c r="AC293" s="577"/>
      <c r="AD293" s="572" t="s">
        <v>97</v>
      </c>
      <c r="AE293" s="572"/>
      <c r="AF293" s="572" t="s">
        <v>98</v>
      </c>
      <c r="AG293" s="572"/>
      <c r="AH293" s="583" t="s">
        <v>75</v>
      </c>
      <c r="AI293" s="583"/>
      <c r="AJ293" s="583"/>
      <c r="AK293" s="621" t="s">
        <v>159</v>
      </c>
      <c r="AL293" s="38"/>
      <c r="AM293" s="16"/>
    </row>
    <row r="294" spans="1:40" ht="13.4" customHeight="1">
      <c r="A294" s="20" t="str">
        <f t="shared" si="16"/>
        <v>SK</v>
      </c>
      <c r="B294" s="51"/>
      <c r="C294" s="573"/>
      <c r="D294" s="573"/>
      <c r="E294" s="583"/>
      <c r="F294" s="583"/>
      <c r="G294" s="583"/>
      <c r="H294" s="583"/>
      <c r="I294" s="583"/>
      <c r="J294" s="583"/>
      <c r="K294" s="583"/>
      <c r="L294" s="583"/>
      <c r="M294" s="583"/>
      <c r="N294" s="583"/>
      <c r="O294" s="583"/>
      <c r="P294" s="583"/>
      <c r="Q294" s="583"/>
      <c r="R294" s="583"/>
      <c r="S294" s="583"/>
      <c r="T294" s="583"/>
      <c r="U294" s="227"/>
      <c r="V294" s="572"/>
      <c r="W294" s="572"/>
      <c r="X294" s="572"/>
      <c r="Y294" s="572"/>
      <c r="Z294" s="572"/>
      <c r="AA294" s="578"/>
      <c r="AB294" s="579"/>
      <c r="AC294" s="580"/>
      <c r="AD294" s="572"/>
      <c r="AE294" s="572"/>
      <c r="AF294" s="572"/>
      <c r="AG294" s="572"/>
      <c r="AH294" s="583"/>
      <c r="AI294" s="583"/>
      <c r="AJ294" s="583"/>
      <c r="AK294" s="622"/>
      <c r="AL294" s="38"/>
      <c r="AM294" s="16"/>
    </row>
    <row r="295" spans="1:40" s="13" customFormat="1" ht="13.4" customHeight="1">
      <c r="A295" s="20" t="str">
        <f t="shared" si="16"/>
        <v>SK</v>
      </c>
      <c r="B295" s="20"/>
      <c r="C295" s="541">
        <v>1</v>
      </c>
      <c r="D295" s="542"/>
      <c r="E295" s="563" t="s">
        <v>440</v>
      </c>
      <c r="F295" s="564"/>
      <c r="G295" s="564"/>
      <c r="H295" s="564"/>
      <c r="I295" s="564"/>
      <c r="J295" s="564"/>
      <c r="K295" s="564"/>
      <c r="L295" s="564"/>
      <c r="M295" s="564"/>
      <c r="N295" s="564"/>
      <c r="O295" s="564"/>
      <c r="P295" s="564"/>
      <c r="Q295" s="564"/>
      <c r="R295" s="564"/>
      <c r="S295" s="564"/>
      <c r="T295" s="565"/>
      <c r="U295" s="219" t="s">
        <v>441</v>
      </c>
      <c r="V295" s="546" t="s">
        <v>101</v>
      </c>
      <c r="W295" s="547"/>
      <c r="X295" s="547"/>
      <c r="Y295" s="547"/>
      <c r="Z295" s="548"/>
      <c r="AA295" s="623" t="s">
        <v>102</v>
      </c>
      <c r="AB295" s="624"/>
      <c r="AC295" s="625"/>
      <c r="AD295" s="415">
        <v>10</v>
      </c>
      <c r="AE295" s="415" t="s">
        <v>103</v>
      </c>
      <c r="AF295" s="541"/>
      <c r="AG295" s="542"/>
      <c r="AH295" s="549"/>
      <c r="AI295" s="550"/>
      <c r="AJ295" s="551"/>
      <c r="AK295" s="265"/>
      <c r="AL295" s="38"/>
      <c r="AM295" s="54"/>
      <c r="AN295" s="13" t="str">
        <f t="shared" ref="AN295:AN309" si="17">$Z$20</f>
        <v>■</v>
      </c>
    </row>
    <row r="296" spans="1:40" s="13" customFormat="1" ht="13.4" customHeight="1">
      <c r="A296" s="20" t="str">
        <f t="shared" si="16"/>
        <v>SK</v>
      </c>
      <c r="B296" s="20"/>
      <c r="C296" s="541">
        <v>2</v>
      </c>
      <c r="D296" s="542"/>
      <c r="E296" s="563" t="s">
        <v>442</v>
      </c>
      <c r="F296" s="564"/>
      <c r="G296" s="564"/>
      <c r="H296" s="564"/>
      <c r="I296" s="564"/>
      <c r="J296" s="564"/>
      <c r="K296" s="564"/>
      <c r="L296" s="564"/>
      <c r="M296" s="564"/>
      <c r="N296" s="564"/>
      <c r="O296" s="564"/>
      <c r="P296" s="564"/>
      <c r="Q296" s="564"/>
      <c r="R296" s="564"/>
      <c r="S296" s="564"/>
      <c r="T296" s="565"/>
      <c r="U296" s="219" t="s">
        <v>443</v>
      </c>
      <c r="V296" s="546" t="s">
        <v>101</v>
      </c>
      <c r="W296" s="547"/>
      <c r="X296" s="547"/>
      <c r="Y296" s="547"/>
      <c r="Z296" s="548"/>
      <c r="AA296" s="623" t="s">
        <v>102</v>
      </c>
      <c r="AB296" s="624"/>
      <c r="AC296" s="625"/>
      <c r="AD296" s="415">
        <v>51</v>
      </c>
      <c r="AE296" s="415" t="s">
        <v>103</v>
      </c>
      <c r="AF296" s="541"/>
      <c r="AG296" s="542"/>
      <c r="AH296" s="549"/>
      <c r="AI296" s="550"/>
      <c r="AJ296" s="551"/>
      <c r="AK296" s="265"/>
      <c r="AL296" s="38"/>
      <c r="AM296" s="54"/>
      <c r="AN296" s="13" t="str">
        <f t="shared" si="17"/>
        <v>■</v>
      </c>
    </row>
    <row r="297" spans="1:40" s="13" customFormat="1" ht="13.4" customHeight="1">
      <c r="A297" s="20" t="str">
        <f t="shared" si="16"/>
        <v>SK</v>
      </c>
      <c r="B297" s="20"/>
      <c r="C297" s="552">
        <v>3</v>
      </c>
      <c r="D297" s="553"/>
      <c r="E297" s="566" t="s">
        <v>106</v>
      </c>
      <c r="F297" s="567"/>
      <c r="G297" s="567"/>
      <c r="H297" s="567"/>
      <c r="I297" s="567"/>
      <c r="J297" s="567"/>
      <c r="K297" s="567"/>
      <c r="L297" s="567"/>
      <c r="M297" s="567"/>
      <c r="N297" s="567"/>
      <c r="O297" s="567"/>
      <c r="P297" s="567"/>
      <c r="Q297" s="567"/>
      <c r="R297" s="567"/>
      <c r="S297" s="567"/>
      <c r="T297" s="568"/>
      <c r="U297" s="220" t="s">
        <v>444</v>
      </c>
      <c r="V297" s="557" t="s">
        <v>107</v>
      </c>
      <c r="W297" s="558"/>
      <c r="X297" s="558"/>
      <c r="Y297" s="558"/>
      <c r="Z297" s="559"/>
      <c r="AA297" s="626" t="s">
        <v>108</v>
      </c>
      <c r="AB297" s="627"/>
      <c r="AC297" s="628"/>
      <c r="AD297" s="419">
        <v>1</v>
      </c>
      <c r="AE297" s="419">
        <v>0</v>
      </c>
      <c r="AF297" s="552" t="s">
        <v>109</v>
      </c>
      <c r="AG297" s="553"/>
      <c r="AH297" s="560"/>
      <c r="AI297" s="561"/>
      <c r="AJ297" s="562"/>
      <c r="AK297" s="321" t="s">
        <v>391</v>
      </c>
      <c r="AL297" s="38"/>
      <c r="AM297" s="54"/>
      <c r="AN297" s="13" t="str">
        <f t="shared" si="17"/>
        <v>■</v>
      </c>
    </row>
    <row r="298" spans="1:40" s="13" customFormat="1" ht="13.4" customHeight="1">
      <c r="A298" s="20" t="str">
        <f t="shared" si="16"/>
        <v>SK</v>
      </c>
      <c r="B298" s="20"/>
      <c r="C298" s="541">
        <v>4</v>
      </c>
      <c r="D298" s="542"/>
      <c r="E298" s="563" t="s">
        <v>110</v>
      </c>
      <c r="F298" s="564"/>
      <c r="G298" s="564"/>
      <c r="H298" s="564"/>
      <c r="I298" s="564"/>
      <c r="J298" s="564"/>
      <c r="K298" s="564"/>
      <c r="L298" s="564"/>
      <c r="M298" s="564"/>
      <c r="N298" s="564"/>
      <c r="O298" s="564"/>
      <c r="P298" s="564"/>
      <c r="Q298" s="564"/>
      <c r="R298" s="564"/>
      <c r="S298" s="564"/>
      <c r="T298" s="565"/>
      <c r="U298" s="221" t="s">
        <v>445</v>
      </c>
      <c r="V298" s="546" t="s">
        <v>107</v>
      </c>
      <c r="W298" s="547"/>
      <c r="X298" s="547"/>
      <c r="Y298" s="547"/>
      <c r="Z298" s="548"/>
      <c r="AA298" s="623" t="s">
        <v>108</v>
      </c>
      <c r="AB298" s="624"/>
      <c r="AC298" s="625"/>
      <c r="AD298" s="415">
        <v>1</v>
      </c>
      <c r="AE298" s="415">
        <v>0</v>
      </c>
      <c r="AF298" s="541"/>
      <c r="AG298" s="542"/>
      <c r="AH298" s="549"/>
      <c r="AI298" s="550"/>
      <c r="AJ298" s="551"/>
      <c r="AK298" s="265"/>
      <c r="AL298" s="38"/>
      <c r="AM298" s="54"/>
      <c r="AN298" s="13" t="str">
        <f t="shared" si="17"/>
        <v>■</v>
      </c>
    </row>
    <row r="299" spans="1:40" s="13" customFormat="1">
      <c r="A299" s="20" t="str">
        <f t="shared" si="16"/>
        <v>SK</v>
      </c>
      <c r="B299" s="20"/>
      <c r="C299" s="541">
        <v>5</v>
      </c>
      <c r="D299" s="542"/>
      <c r="E299" s="543" t="s">
        <v>80</v>
      </c>
      <c r="F299" s="544"/>
      <c r="G299" s="544"/>
      <c r="H299" s="544"/>
      <c r="I299" s="544"/>
      <c r="J299" s="544"/>
      <c r="K299" s="544"/>
      <c r="L299" s="544"/>
      <c r="M299" s="544"/>
      <c r="N299" s="544"/>
      <c r="O299" s="544"/>
      <c r="P299" s="544"/>
      <c r="Q299" s="544"/>
      <c r="R299" s="544"/>
      <c r="S299" s="544"/>
      <c r="T299" s="545"/>
      <c r="U299" s="221" t="s">
        <v>446</v>
      </c>
      <c r="V299" s="546" t="s">
        <v>101</v>
      </c>
      <c r="W299" s="547"/>
      <c r="X299" s="547"/>
      <c r="Y299" s="547"/>
      <c r="Z299" s="548"/>
      <c r="AA299" s="623" t="s">
        <v>102</v>
      </c>
      <c r="AB299" s="624"/>
      <c r="AC299" s="625"/>
      <c r="AD299" s="415">
        <v>2</v>
      </c>
      <c r="AE299" s="415" t="s">
        <v>103</v>
      </c>
      <c r="AF299" s="541"/>
      <c r="AG299" s="542"/>
      <c r="AH299" s="549"/>
      <c r="AI299" s="550"/>
      <c r="AJ299" s="551"/>
      <c r="AK299" s="265"/>
      <c r="AL299" s="38"/>
      <c r="AM299" s="54"/>
      <c r="AN299" s="13" t="str">
        <f t="shared" si="17"/>
        <v>■</v>
      </c>
    </row>
    <row r="300" spans="1:40" s="13" customFormat="1">
      <c r="A300" s="20" t="str">
        <f t="shared" si="16"/>
        <v>SK</v>
      </c>
      <c r="B300" s="20"/>
      <c r="C300" s="541">
        <v>6</v>
      </c>
      <c r="D300" s="542"/>
      <c r="E300" s="543" t="s">
        <v>608</v>
      </c>
      <c r="F300" s="544"/>
      <c r="G300" s="544"/>
      <c r="H300" s="544"/>
      <c r="I300" s="544"/>
      <c r="J300" s="544"/>
      <c r="K300" s="544"/>
      <c r="L300" s="544"/>
      <c r="M300" s="544"/>
      <c r="N300" s="544"/>
      <c r="O300" s="544"/>
      <c r="P300" s="544"/>
      <c r="Q300" s="544"/>
      <c r="R300" s="544"/>
      <c r="S300" s="544"/>
      <c r="T300" s="545"/>
      <c r="U300" s="221" t="s">
        <v>609</v>
      </c>
      <c r="V300" s="546" t="s">
        <v>107</v>
      </c>
      <c r="W300" s="547"/>
      <c r="X300" s="547"/>
      <c r="Y300" s="547"/>
      <c r="Z300" s="548"/>
      <c r="AA300" s="623" t="s">
        <v>102</v>
      </c>
      <c r="AB300" s="624"/>
      <c r="AC300" s="625"/>
      <c r="AD300" s="415">
        <v>9</v>
      </c>
      <c r="AE300" s="415" t="s">
        <v>103</v>
      </c>
      <c r="AF300" s="541"/>
      <c r="AG300" s="542"/>
      <c r="AH300" s="549"/>
      <c r="AI300" s="550"/>
      <c r="AJ300" s="551"/>
      <c r="AK300" s="265"/>
      <c r="AL300" s="38"/>
      <c r="AM300" s="54"/>
      <c r="AN300" s="13" t="str">
        <f t="shared" si="17"/>
        <v>■</v>
      </c>
    </row>
    <row r="301" spans="1:40" s="13" customFormat="1" ht="13.4" customHeight="1">
      <c r="A301" s="20" t="str">
        <f t="shared" si="16"/>
        <v>SK</v>
      </c>
      <c r="B301" s="20"/>
      <c r="C301" s="541">
        <v>7</v>
      </c>
      <c r="D301" s="542"/>
      <c r="E301" s="543" t="s">
        <v>1046</v>
      </c>
      <c r="F301" s="544"/>
      <c r="G301" s="544"/>
      <c r="H301" s="544"/>
      <c r="I301" s="544"/>
      <c r="J301" s="544"/>
      <c r="K301" s="544"/>
      <c r="L301" s="544"/>
      <c r="M301" s="544"/>
      <c r="N301" s="544"/>
      <c r="O301" s="544"/>
      <c r="P301" s="544"/>
      <c r="Q301" s="544"/>
      <c r="R301" s="544"/>
      <c r="S301" s="544"/>
      <c r="T301" s="545"/>
      <c r="U301" s="221" t="s">
        <v>1047</v>
      </c>
      <c r="V301" s="546" t="s">
        <v>101</v>
      </c>
      <c r="W301" s="547"/>
      <c r="X301" s="547"/>
      <c r="Y301" s="547"/>
      <c r="Z301" s="548"/>
      <c r="AA301" s="623" t="s">
        <v>102</v>
      </c>
      <c r="AB301" s="624"/>
      <c r="AC301" s="625"/>
      <c r="AD301" s="415">
        <v>10</v>
      </c>
      <c r="AE301" s="415" t="s">
        <v>103</v>
      </c>
      <c r="AF301" s="541"/>
      <c r="AG301" s="542"/>
      <c r="AH301" s="549"/>
      <c r="AI301" s="550"/>
      <c r="AJ301" s="551"/>
      <c r="AK301" s="265"/>
      <c r="AL301" s="38"/>
      <c r="AM301" s="54"/>
      <c r="AN301" s="13" t="str">
        <f t="shared" si="17"/>
        <v>■</v>
      </c>
    </row>
    <row r="302" spans="1:40" s="13" customFormat="1" ht="13.4" customHeight="1">
      <c r="A302" s="20" t="str">
        <f t="shared" si="16"/>
        <v>SK</v>
      </c>
      <c r="B302" s="20"/>
      <c r="C302" s="541">
        <v>8</v>
      </c>
      <c r="D302" s="542"/>
      <c r="E302" s="543" t="s">
        <v>1048</v>
      </c>
      <c r="F302" s="544"/>
      <c r="G302" s="544"/>
      <c r="H302" s="544"/>
      <c r="I302" s="544"/>
      <c r="J302" s="544"/>
      <c r="K302" s="544"/>
      <c r="L302" s="544"/>
      <c r="M302" s="544"/>
      <c r="N302" s="544"/>
      <c r="O302" s="544"/>
      <c r="P302" s="544"/>
      <c r="Q302" s="544"/>
      <c r="R302" s="544"/>
      <c r="S302" s="544"/>
      <c r="T302" s="545"/>
      <c r="U302" s="221" t="s">
        <v>1049</v>
      </c>
      <c r="V302" s="546" t="s">
        <v>107</v>
      </c>
      <c r="W302" s="547"/>
      <c r="X302" s="547"/>
      <c r="Y302" s="547"/>
      <c r="Z302" s="548"/>
      <c r="AA302" s="623" t="s">
        <v>102</v>
      </c>
      <c r="AB302" s="624"/>
      <c r="AC302" s="625"/>
      <c r="AD302" s="415">
        <v>8</v>
      </c>
      <c r="AE302" s="415" t="s">
        <v>103</v>
      </c>
      <c r="AF302" s="541"/>
      <c r="AG302" s="542"/>
      <c r="AH302" s="549"/>
      <c r="AI302" s="550"/>
      <c r="AJ302" s="551"/>
      <c r="AK302" s="265"/>
      <c r="AL302" s="38"/>
      <c r="AM302" s="54"/>
      <c r="AN302" s="13" t="str">
        <f t="shared" si="17"/>
        <v>■</v>
      </c>
    </row>
    <row r="303" spans="1:40" s="13" customFormat="1" ht="13.4" customHeight="1">
      <c r="A303" s="20" t="str">
        <f t="shared" si="16"/>
        <v>SK</v>
      </c>
      <c r="B303" s="20"/>
      <c r="C303" s="552">
        <v>9</v>
      </c>
      <c r="D303" s="553"/>
      <c r="E303" s="554" t="s">
        <v>400</v>
      </c>
      <c r="F303" s="555"/>
      <c r="G303" s="555"/>
      <c r="H303" s="555"/>
      <c r="I303" s="555"/>
      <c r="J303" s="555"/>
      <c r="K303" s="555"/>
      <c r="L303" s="555"/>
      <c r="M303" s="555"/>
      <c r="N303" s="555"/>
      <c r="O303" s="555"/>
      <c r="P303" s="555"/>
      <c r="Q303" s="555"/>
      <c r="R303" s="555"/>
      <c r="S303" s="555"/>
      <c r="T303" s="556"/>
      <c r="U303" s="259" t="s">
        <v>474</v>
      </c>
      <c r="V303" s="557" t="s">
        <v>107</v>
      </c>
      <c r="W303" s="558"/>
      <c r="X303" s="558"/>
      <c r="Y303" s="558"/>
      <c r="Z303" s="559"/>
      <c r="AA303" s="626" t="s">
        <v>102</v>
      </c>
      <c r="AB303" s="627"/>
      <c r="AC303" s="628"/>
      <c r="AD303" s="419">
        <v>1</v>
      </c>
      <c r="AE303" s="419" t="s">
        <v>103</v>
      </c>
      <c r="AF303" s="552" t="s">
        <v>109</v>
      </c>
      <c r="AG303" s="553"/>
      <c r="AH303" s="560"/>
      <c r="AI303" s="561"/>
      <c r="AJ303" s="562"/>
      <c r="AK303" s="333" t="s">
        <v>399</v>
      </c>
      <c r="AL303" s="38"/>
      <c r="AM303" s="54"/>
      <c r="AN303" s="13" t="str">
        <f t="shared" si="17"/>
        <v>■</v>
      </c>
    </row>
    <row r="304" spans="1:40" s="13" customFormat="1" ht="13.4" customHeight="1">
      <c r="A304" s="20" t="str">
        <f t="shared" si="16"/>
        <v>SK</v>
      </c>
      <c r="B304" s="20"/>
      <c r="C304" s="541">
        <v>10</v>
      </c>
      <c r="D304" s="542"/>
      <c r="E304" s="543" t="s">
        <v>1050</v>
      </c>
      <c r="F304" s="544"/>
      <c r="G304" s="544"/>
      <c r="H304" s="544"/>
      <c r="I304" s="544"/>
      <c r="J304" s="544"/>
      <c r="K304" s="544"/>
      <c r="L304" s="544"/>
      <c r="M304" s="544"/>
      <c r="N304" s="544"/>
      <c r="O304" s="544"/>
      <c r="P304" s="544"/>
      <c r="Q304" s="544"/>
      <c r="R304" s="544"/>
      <c r="S304" s="544"/>
      <c r="T304" s="545"/>
      <c r="U304" s="221" t="s">
        <v>1051</v>
      </c>
      <c r="V304" s="546" t="s">
        <v>101</v>
      </c>
      <c r="W304" s="547"/>
      <c r="X304" s="547"/>
      <c r="Y304" s="547"/>
      <c r="Z304" s="548"/>
      <c r="AA304" s="623" t="s">
        <v>102</v>
      </c>
      <c r="AB304" s="624"/>
      <c r="AC304" s="625"/>
      <c r="AD304" s="415">
        <v>4</v>
      </c>
      <c r="AE304" s="415" t="s">
        <v>103</v>
      </c>
      <c r="AF304" s="541"/>
      <c r="AG304" s="542"/>
      <c r="AH304" s="549"/>
      <c r="AI304" s="550"/>
      <c r="AJ304" s="551"/>
      <c r="AK304" s="265"/>
      <c r="AL304" s="38"/>
      <c r="AM304" s="54"/>
      <c r="AN304" s="13" t="str">
        <f t="shared" si="17"/>
        <v>■</v>
      </c>
    </row>
    <row r="305" spans="1:40" s="13" customFormat="1" ht="13.4" customHeight="1">
      <c r="A305" s="20" t="str">
        <f t="shared" si="16"/>
        <v>SK</v>
      </c>
      <c r="B305" s="20"/>
      <c r="C305" s="552">
        <v>11</v>
      </c>
      <c r="D305" s="553"/>
      <c r="E305" s="554" t="s">
        <v>1052</v>
      </c>
      <c r="F305" s="555"/>
      <c r="G305" s="555"/>
      <c r="H305" s="555"/>
      <c r="I305" s="555"/>
      <c r="J305" s="555"/>
      <c r="K305" s="555"/>
      <c r="L305" s="555"/>
      <c r="M305" s="555"/>
      <c r="N305" s="555"/>
      <c r="O305" s="555"/>
      <c r="P305" s="555"/>
      <c r="Q305" s="555"/>
      <c r="R305" s="555"/>
      <c r="S305" s="555"/>
      <c r="T305" s="556"/>
      <c r="U305" s="259" t="s">
        <v>1053</v>
      </c>
      <c r="V305" s="557" t="s">
        <v>1054</v>
      </c>
      <c r="W305" s="558"/>
      <c r="X305" s="558"/>
      <c r="Y305" s="558"/>
      <c r="Z305" s="559"/>
      <c r="AA305" s="626" t="s">
        <v>102</v>
      </c>
      <c r="AB305" s="627"/>
      <c r="AC305" s="628"/>
      <c r="AD305" s="419">
        <v>100</v>
      </c>
      <c r="AE305" s="419" t="s">
        <v>103</v>
      </c>
      <c r="AF305" s="552" t="s">
        <v>109</v>
      </c>
      <c r="AG305" s="553"/>
      <c r="AH305" s="560"/>
      <c r="AI305" s="561"/>
      <c r="AJ305" s="562"/>
      <c r="AK305" s="333" t="s">
        <v>399</v>
      </c>
      <c r="AL305" s="38"/>
      <c r="AM305" s="54"/>
      <c r="AN305" s="13" t="str">
        <f t="shared" si="17"/>
        <v>■</v>
      </c>
    </row>
    <row r="306" spans="1:40" s="13" customFormat="1" ht="13.4" customHeight="1">
      <c r="A306" s="20" t="str">
        <f t="shared" si="16"/>
        <v>SK</v>
      </c>
      <c r="B306" s="20"/>
      <c r="C306" s="541">
        <v>12</v>
      </c>
      <c r="D306" s="542"/>
      <c r="E306" s="543" t="s">
        <v>409</v>
      </c>
      <c r="F306" s="544"/>
      <c r="G306" s="544"/>
      <c r="H306" s="544"/>
      <c r="I306" s="544"/>
      <c r="J306" s="544"/>
      <c r="K306" s="544"/>
      <c r="L306" s="544"/>
      <c r="M306" s="544"/>
      <c r="N306" s="544"/>
      <c r="O306" s="544"/>
      <c r="P306" s="544"/>
      <c r="Q306" s="544"/>
      <c r="R306" s="544"/>
      <c r="S306" s="544"/>
      <c r="T306" s="545"/>
      <c r="U306" s="221" t="s">
        <v>453</v>
      </c>
      <c r="V306" s="546" t="s">
        <v>107</v>
      </c>
      <c r="W306" s="547"/>
      <c r="X306" s="547"/>
      <c r="Y306" s="547"/>
      <c r="Z306" s="548"/>
      <c r="AA306" s="623" t="s">
        <v>102</v>
      </c>
      <c r="AB306" s="624"/>
      <c r="AC306" s="625"/>
      <c r="AD306" s="415">
        <v>6</v>
      </c>
      <c r="AE306" s="415" t="s">
        <v>103</v>
      </c>
      <c r="AF306" s="541"/>
      <c r="AG306" s="542"/>
      <c r="AH306" s="549"/>
      <c r="AI306" s="550"/>
      <c r="AJ306" s="551"/>
      <c r="AK306" s="265"/>
      <c r="AL306" s="38"/>
      <c r="AM306" s="54"/>
      <c r="AN306" s="13" t="str">
        <f t="shared" si="17"/>
        <v>■</v>
      </c>
    </row>
    <row r="307" spans="1:40" s="13" customFormat="1" ht="13.4" customHeight="1">
      <c r="A307" s="20" t="str">
        <f t="shared" si="16"/>
        <v>SK</v>
      </c>
      <c r="B307" s="20"/>
      <c r="C307" s="541">
        <v>13</v>
      </c>
      <c r="D307" s="542"/>
      <c r="E307" s="543" t="s">
        <v>411</v>
      </c>
      <c r="F307" s="544"/>
      <c r="G307" s="544"/>
      <c r="H307" s="544"/>
      <c r="I307" s="544"/>
      <c r="J307" s="544"/>
      <c r="K307" s="544"/>
      <c r="L307" s="544"/>
      <c r="M307" s="544"/>
      <c r="N307" s="544"/>
      <c r="O307" s="544"/>
      <c r="P307" s="544"/>
      <c r="Q307" s="544"/>
      <c r="R307" s="544"/>
      <c r="S307" s="544"/>
      <c r="T307" s="545"/>
      <c r="U307" s="221" t="s">
        <v>516</v>
      </c>
      <c r="V307" s="546" t="s">
        <v>107</v>
      </c>
      <c r="W307" s="547"/>
      <c r="X307" s="547"/>
      <c r="Y307" s="547"/>
      <c r="Z307" s="548"/>
      <c r="AA307" s="623" t="s">
        <v>102</v>
      </c>
      <c r="AB307" s="624"/>
      <c r="AC307" s="625"/>
      <c r="AD307" s="415">
        <v>6</v>
      </c>
      <c r="AE307" s="415" t="s">
        <v>103</v>
      </c>
      <c r="AF307" s="541"/>
      <c r="AG307" s="542"/>
      <c r="AH307" s="549"/>
      <c r="AI307" s="550"/>
      <c r="AJ307" s="551"/>
      <c r="AK307" s="265"/>
      <c r="AL307" s="29"/>
      <c r="AM307" s="54"/>
      <c r="AN307" s="13" t="str">
        <f t="shared" si="17"/>
        <v>■</v>
      </c>
    </row>
    <row r="308" spans="1:40" s="13" customFormat="1" ht="13.4" customHeight="1">
      <c r="A308" s="20" t="str">
        <f t="shared" si="16"/>
        <v>SK</v>
      </c>
      <c r="B308" s="20"/>
      <c r="C308" s="541">
        <v>14</v>
      </c>
      <c r="D308" s="542"/>
      <c r="E308" s="543" t="s">
        <v>970</v>
      </c>
      <c r="F308" s="544"/>
      <c r="G308" s="544"/>
      <c r="H308" s="544"/>
      <c r="I308" s="544"/>
      <c r="J308" s="544"/>
      <c r="K308" s="544"/>
      <c r="L308" s="544"/>
      <c r="M308" s="544"/>
      <c r="N308" s="544"/>
      <c r="O308" s="544"/>
      <c r="P308" s="544"/>
      <c r="Q308" s="544"/>
      <c r="R308" s="544"/>
      <c r="S308" s="544"/>
      <c r="T308" s="545"/>
      <c r="U308" s="221" t="s">
        <v>971</v>
      </c>
      <c r="V308" s="546" t="s">
        <v>107</v>
      </c>
      <c r="W308" s="547"/>
      <c r="X308" s="547"/>
      <c r="Y308" s="547"/>
      <c r="Z308" s="548"/>
      <c r="AA308" s="623" t="s">
        <v>102</v>
      </c>
      <c r="AB308" s="624"/>
      <c r="AC308" s="625"/>
      <c r="AD308" s="415">
        <v>1</v>
      </c>
      <c r="AE308" s="415" t="s">
        <v>103</v>
      </c>
      <c r="AF308" s="541"/>
      <c r="AG308" s="542"/>
      <c r="AH308" s="549"/>
      <c r="AI308" s="550"/>
      <c r="AJ308" s="551"/>
      <c r="AK308" s="265"/>
      <c r="AL308" s="48"/>
      <c r="AM308" s="54"/>
      <c r="AN308" s="13" t="str">
        <f t="shared" si="17"/>
        <v>■</v>
      </c>
    </row>
    <row r="309" spans="1:40" s="13" customFormat="1" ht="13.4" customHeight="1">
      <c r="A309" s="20" t="str">
        <f t="shared" si="16"/>
        <v>SK</v>
      </c>
      <c r="B309" s="20"/>
      <c r="C309" s="541">
        <v>15</v>
      </c>
      <c r="D309" s="542"/>
      <c r="E309" s="543" t="s">
        <v>976</v>
      </c>
      <c r="F309" s="544"/>
      <c r="G309" s="544"/>
      <c r="H309" s="544"/>
      <c r="I309" s="544"/>
      <c r="J309" s="544"/>
      <c r="K309" s="544"/>
      <c r="L309" s="544"/>
      <c r="M309" s="544"/>
      <c r="N309" s="544"/>
      <c r="O309" s="544"/>
      <c r="P309" s="544"/>
      <c r="Q309" s="544"/>
      <c r="R309" s="544"/>
      <c r="S309" s="544"/>
      <c r="T309" s="545"/>
      <c r="U309" s="221" t="s">
        <v>977</v>
      </c>
      <c r="V309" s="546" t="s">
        <v>107</v>
      </c>
      <c r="W309" s="547"/>
      <c r="X309" s="547"/>
      <c r="Y309" s="547"/>
      <c r="Z309" s="548"/>
      <c r="AA309" s="623" t="s">
        <v>108</v>
      </c>
      <c r="AB309" s="624"/>
      <c r="AC309" s="625"/>
      <c r="AD309" s="415">
        <v>2</v>
      </c>
      <c r="AE309" s="415">
        <v>0</v>
      </c>
      <c r="AF309" s="541"/>
      <c r="AG309" s="542"/>
      <c r="AH309" s="549"/>
      <c r="AI309" s="550"/>
      <c r="AJ309" s="551"/>
      <c r="AK309" s="265"/>
      <c r="AL309" s="37"/>
      <c r="AM309" s="54"/>
      <c r="AN309" s="13" t="str">
        <f t="shared" si="17"/>
        <v>■</v>
      </c>
    </row>
    <row r="310" spans="1:40" ht="13.4" customHeight="1">
      <c r="A310" s="20" t="str">
        <f t="shared" si="16"/>
        <v>SK</v>
      </c>
      <c r="B310" s="25"/>
      <c r="V310" s="238"/>
      <c r="W310" s="238"/>
      <c r="X310" s="238"/>
      <c r="Y310" s="238"/>
      <c r="Z310" s="238"/>
      <c r="AA310" s="629"/>
      <c r="AB310" s="629"/>
      <c r="AC310" s="629"/>
      <c r="AD310" s="238"/>
      <c r="AE310" s="238"/>
      <c r="AF310" s="238"/>
      <c r="AG310" s="238"/>
      <c r="AH310" s="238"/>
      <c r="AI310" s="238"/>
      <c r="AJ310" s="238"/>
      <c r="AK310" s="55"/>
      <c r="AL310" s="37"/>
      <c r="AM310" s="16"/>
    </row>
    <row r="311" spans="1:40" s="1" customFormat="1" ht="13.4" customHeight="1">
      <c r="A311" s="20" t="str">
        <f t="shared" si="16"/>
        <v>GA</v>
      </c>
      <c r="B311" s="20"/>
      <c r="C311" s="52" t="s">
        <v>380</v>
      </c>
      <c r="D311" s="53"/>
      <c r="E311" s="26"/>
      <c r="F311" s="26"/>
      <c r="G311" s="26"/>
      <c r="H311" s="26"/>
      <c r="I311" s="26"/>
      <c r="J311" s="26" t="s">
        <v>1055</v>
      </c>
      <c r="K311" s="71"/>
      <c r="L311" s="26"/>
      <c r="M311" s="71"/>
      <c r="N311" s="26"/>
      <c r="O311" s="26"/>
      <c r="P311" s="26"/>
      <c r="Q311" s="26"/>
      <c r="R311" s="26"/>
      <c r="S311" s="26"/>
      <c r="T311" s="26"/>
      <c r="U311" s="26" t="s">
        <v>1056</v>
      </c>
      <c r="V311" s="122"/>
      <c r="W311" s="122"/>
      <c r="X311" s="122"/>
      <c r="Y311" s="122"/>
      <c r="Z311" s="122"/>
      <c r="AA311" s="630"/>
      <c r="AB311" s="630"/>
      <c r="AC311" s="630"/>
      <c r="AD311" s="122"/>
      <c r="AE311" s="122"/>
      <c r="AF311" s="122"/>
      <c r="AG311" s="122"/>
      <c r="AH311" s="122"/>
      <c r="AI311" s="122"/>
      <c r="AJ311" s="122"/>
      <c r="AK311" s="26"/>
      <c r="AL311" s="38"/>
      <c r="AM311" s="26"/>
    </row>
    <row r="312" spans="1:40" ht="13.5" customHeight="1">
      <c r="A312" s="20" t="str">
        <f t="shared" si="16"/>
        <v>GA</v>
      </c>
      <c r="B312" s="51"/>
      <c r="C312" s="583" t="s">
        <v>73</v>
      </c>
      <c r="D312" s="573"/>
      <c r="E312" s="583" t="s">
        <v>94</v>
      </c>
      <c r="F312" s="583"/>
      <c r="G312" s="583"/>
      <c r="H312" s="583"/>
      <c r="I312" s="583"/>
      <c r="J312" s="583"/>
      <c r="K312" s="583"/>
      <c r="L312" s="583"/>
      <c r="M312" s="583"/>
      <c r="N312" s="583"/>
      <c r="O312" s="583"/>
      <c r="P312" s="583"/>
      <c r="Q312" s="583"/>
      <c r="R312" s="583"/>
      <c r="S312" s="583"/>
      <c r="T312" s="583"/>
      <c r="U312" s="226" t="s">
        <v>383</v>
      </c>
      <c r="V312" s="572" t="s">
        <v>138</v>
      </c>
      <c r="W312" s="572"/>
      <c r="X312" s="572"/>
      <c r="Y312" s="572"/>
      <c r="Z312" s="572"/>
      <c r="AA312" s="575" t="s">
        <v>959</v>
      </c>
      <c r="AB312" s="576"/>
      <c r="AC312" s="577"/>
      <c r="AD312" s="572" t="s">
        <v>97</v>
      </c>
      <c r="AE312" s="572"/>
      <c r="AF312" s="572" t="s">
        <v>98</v>
      </c>
      <c r="AG312" s="572"/>
      <c r="AH312" s="583" t="s">
        <v>75</v>
      </c>
      <c r="AI312" s="583"/>
      <c r="AJ312" s="583"/>
      <c r="AK312" s="572" t="s">
        <v>159</v>
      </c>
      <c r="AL312" s="38"/>
      <c r="AM312" s="16"/>
    </row>
    <row r="313" spans="1:40" ht="13.4" customHeight="1">
      <c r="A313" s="20" t="str">
        <f t="shared" si="16"/>
        <v>GA</v>
      </c>
      <c r="B313" s="51"/>
      <c r="C313" s="573"/>
      <c r="D313" s="573"/>
      <c r="E313" s="583"/>
      <c r="F313" s="583"/>
      <c r="G313" s="583"/>
      <c r="H313" s="583"/>
      <c r="I313" s="583"/>
      <c r="J313" s="583"/>
      <c r="K313" s="583"/>
      <c r="L313" s="583"/>
      <c r="M313" s="583"/>
      <c r="N313" s="583"/>
      <c r="O313" s="583"/>
      <c r="P313" s="583"/>
      <c r="Q313" s="583"/>
      <c r="R313" s="583"/>
      <c r="S313" s="583"/>
      <c r="T313" s="583"/>
      <c r="U313" s="227"/>
      <c r="V313" s="572"/>
      <c r="W313" s="572"/>
      <c r="X313" s="572"/>
      <c r="Y313" s="572"/>
      <c r="Z313" s="572"/>
      <c r="AA313" s="578"/>
      <c r="AB313" s="579"/>
      <c r="AC313" s="580"/>
      <c r="AD313" s="572"/>
      <c r="AE313" s="572"/>
      <c r="AF313" s="572"/>
      <c r="AG313" s="572"/>
      <c r="AH313" s="583"/>
      <c r="AI313" s="583"/>
      <c r="AJ313" s="583"/>
      <c r="AK313" s="572"/>
      <c r="AL313" s="38"/>
      <c r="AM313" s="16"/>
    </row>
    <row r="314" spans="1:40" s="13" customFormat="1">
      <c r="A314" s="20" t="str">
        <f t="shared" si="16"/>
        <v>GA</v>
      </c>
      <c r="B314" s="20"/>
      <c r="C314" s="541">
        <v>1</v>
      </c>
      <c r="D314" s="542"/>
      <c r="E314" s="563" t="s">
        <v>440</v>
      </c>
      <c r="F314" s="564"/>
      <c r="G314" s="564"/>
      <c r="H314" s="564"/>
      <c r="I314" s="564"/>
      <c r="J314" s="564"/>
      <c r="K314" s="564"/>
      <c r="L314" s="564"/>
      <c r="M314" s="564"/>
      <c r="N314" s="564"/>
      <c r="O314" s="564"/>
      <c r="P314" s="564"/>
      <c r="Q314" s="564"/>
      <c r="R314" s="564"/>
      <c r="S314" s="564"/>
      <c r="T314" s="565"/>
      <c r="U314" s="219" t="s">
        <v>441</v>
      </c>
      <c r="V314" s="546" t="s">
        <v>101</v>
      </c>
      <c r="W314" s="547"/>
      <c r="X314" s="547"/>
      <c r="Y314" s="547"/>
      <c r="Z314" s="548"/>
      <c r="AA314" s="623" t="s">
        <v>102</v>
      </c>
      <c r="AB314" s="624"/>
      <c r="AC314" s="625"/>
      <c r="AD314" s="415">
        <v>10</v>
      </c>
      <c r="AE314" s="415" t="s">
        <v>103</v>
      </c>
      <c r="AF314" s="541"/>
      <c r="AG314" s="542"/>
      <c r="AH314" s="549"/>
      <c r="AI314" s="550"/>
      <c r="AJ314" s="551"/>
      <c r="AK314" s="332"/>
      <c r="AL314" s="38"/>
      <c r="AM314" s="54"/>
      <c r="AN314" s="13" t="str">
        <f>$G$21</f>
        <v>■</v>
      </c>
    </row>
    <row r="315" spans="1:40" s="13" customFormat="1">
      <c r="A315" s="20" t="str">
        <f t="shared" si="16"/>
        <v>GA</v>
      </c>
      <c r="B315" s="20"/>
      <c r="C315" s="541">
        <v>2</v>
      </c>
      <c r="D315" s="542"/>
      <c r="E315" s="563" t="s">
        <v>442</v>
      </c>
      <c r="F315" s="564"/>
      <c r="G315" s="564"/>
      <c r="H315" s="564"/>
      <c r="I315" s="564"/>
      <c r="J315" s="564"/>
      <c r="K315" s="564"/>
      <c r="L315" s="564"/>
      <c r="M315" s="564"/>
      <c r="N315" s="564"/>
      <c r="O315" s="564"/>
      <c r="P315" s="564"/>
      <c r="Q315" s="564"/>
      <c r="R315" s="564"/>
      <c r="S315" s="564"/>
      <c r="T315" s="565"/>
      <c r="U315" s="219" t="s">
        <v>443</v>
      </c>
      <c r="V315" s="546" t="s">
        <v>101</v>
      </c>
      <c r="W315" s="547"/>
      <c r="X315" s="547"/>
      <c r="Y315" s="547"/>
      <c r="Z315" s="548"/>
      <c r="AA315" s="623" t="s">
        <v>102</v>
      </c>
      <c r="AB315" s="624"/>
      <c r="AC315" s="625"/>
      <c r="AD315" s="415">
        <v>51</v>
      </c>
      <c r="AE315" s="415" t="s">
        <v>103</v>
      </c>
      <c r="AF315" s="541"/>
      <c r="AG315" s="542"/>
      <c r="AH315" s="549"/>
      <c r="AI315" s="550"/>
      <c r="AJ315" s="551"/>
      <c r="AK315" s="332"/>
      <c r="AL315" s="38"/>
      <c r="AM315" s="54"/>
      <c r="AN315" s="13" t="str">
        <f t="shared" ref="AN315:AN328" si="18">$G$21</f>
        <v>■</v>
      </c>
    </row>
    <row r="316" spans="1:40" s="13" customFormat="1">
      <c r="A316" s="20" t="str">
        <f t="shared" si="16"/>
        <v>GA</v>
      </c>
      <c r="B316" s="20"/>
      <c r="C316" s="552">
        <v>3</v>
      </c>
      <c r="D316" s="553"/>
      <c r="E316" s="566" t="s">
        <v>106</v>
      </c>
      <c r="F316" s="567"/>
      <c r="G316" s="567"/>
      <c r="H316" s="567"/>
      <c r="I316" s="567"/>
      <c r="J316" s="567"/>
      <c r="K316" s="567"/>
      <c r="L316" s="567"/>
      <c r="M316" s="567"/>
      <c r="N316" s="567"/>
      <c r="O316" s="567"/>
      <c r="P316" s="567"/>
      <c r="Q316" s="567"/>
      <c r="R316" s="567"/>
      <c r="S316" s="567"/>
      <c r="T316" s="568"/>
      <c r="U316" s="220" t="s">
        <v>444</v>
      </c>
      <c r="V316" s="557" t="s">
        <v>107</v>
      </c>
      <c r="W316" s="558"/>
      <c r="X316" s="558"/>
      <c r="Y316" s="558"/>
      <c r="Z316" s="559"/>
      <c r="AA316" s="626" t="s">
        <v>108</v>
      </c>
      <c r="AB316" s="627"/>
      <c r="AC316" s="628"/>
      <c r="AD316" s="419">
        <v>1</v>
      </c>
      <c r="AE316" s="419">
        <v>0</v>
      </c>
      <c r="AF316" s="552" t="s">
        <v>109</v>
      </c>
      <c r="AG316" s="553"/>
      <c r="AH316" s="560"/>
      <c r="AI316" s="561"/>
      <c r="AJ316" s="562"/>
      <c r="AK316" s="333" t="s">
        <v>416</v>
      </c>
      <c r="AL316" s="38"/>
      <c r="AM316" s="54"/>
      <c r="AN316" s="13" t="str">
        <f t="shared" si="18"/>
        <v>■</v>
      </c>
    </row>
    <row r="317" spans="1:40" s="13" customFormat="1">
      <c r="A317" s="20" t="str">
        <f t="shared" si="16"/>
        <v>GA</v>
      </c>
      <c r="B317" s="20"/>
      <c r="C317" s="541">
        <v>4</v>
      </c>
      <c r="D317" s="542"/>
      <c r="E317" s="563" t="s">
        <v>110</v>
      </c>
      <c r="F317" s="564"/>
      <c r="G317" s="564"/>
      <c r="H317" s="564"/>
      <c r="I317" s="564"/>
      <c r="J317" s="564"/>
      <c r="K317" s="564"/>
      <c r="L317" s="564"/>
      <c r="M317" s="564"/>
      <c r="N317" s="564"/>
      <c r="O317" s="564"/>
      <c r="P317" s="564"/>
      <c r="Q317" s="564"/>
      <c r="R317" s="564"/>
      <c r="S317" s="564"/>
      <c r="T317" s="565"/>
      <c r="U317" s="221" t="s">
        <v>445</v>
      </c>
      <c r="V317" s="546" t="s">
        <v>107</v>
      </c>
      <c r="W317" s="547"/>
      <c r="X317" s="547"/>
      <c r="Y317" s="547"/>
      <c r="Z317" s="548"/>
      <c r="AA317" s="623" t="s">
        <v>108</v>
      </c>
      <c r="AB317" s="624"/>
      <c r="AC317" s="625"/>
      <c r="AD317" s="415">
        <v>1</v>
      </c>
      <c r="AE317" s="415">
        <v>0</v>
      </c>
      <c r="AF317" s="541"/>
      <c r="AG317" s="542"/>
      <c r="AH317" s="549"/>
      <c r="AI317" s="550"/>
      <c r="AJ317" s="551"/>
      <c r="AK317" s="332"/>
      <c r="AL317" s="38"/>
      <c r="AM317" s="54"/>
      <c r="AN317" s="13" t="str">
        <f t="shared" si="18"/>
        <v>■</v>
      </c>
    </row>
    <row r="318" spans="1:40" s="13" customFormat="1">
      <c r="A318" s="20" t="str">
        <f t="shared" si="16"/>
        <v>GA</v>
      </c>
      <c r="B318" s="20"/>
      <c r="C318" s="541">
        <v>5</v>
      </c>
      <c r="D318" s="542"/>
      <c r="E318" s="543" t="s">
        <v>80</v>
      </c>
      <c r="F318" s="544"/>
      <c r="G318" s="544"/>
      <c r="H318" s="544"/>
      <c r="I318" s="544"/>
      <c r="J318" s="544"/>
      <c r="K318" s="544"/>
      <c r="L318" s="544"/>
      <c r="M318" s="544"/>
      <c r="N318" s="544"/>
      <c r="O318" s="544"/>
      <c r="P318" s="544"/>
      <c r="Q318" s="544"/>
      <c r="R318" s="544"/>
      <c r="S318" s="544"/>
      <c r="T318" s="545"/>
      <c r="U318" s="221" t="s">
        <v>446</v>
      </c>
      <c r="V318" s="546" t="s">
        <v>101</v>
      </c>
      <c r="W318" s="547"/>
      <c r="X318" s="547"/>
      <c r="Y318" s="547"/>
      <c r="Z318" s="548"/>
      <c r="AA318" s="623" t="s">
        <v>102</v>
      </c>
      <c r="AB318" s="624"/>
      <c r="AC318" s="625"/>
      <c r="AD318" s="415">
        <v>2</v>
      </c>
      <c r="AE318" s="415" t="s">
        <v>103</v>
      </c>
      <c r="AF318" s="541"/>
      <c r="AG318" s="542"/>
      <c r="AH318" s="549"/>
      <c r="AI318" s="550"/>
      <c r="AJ318" s="551"/>
      <c r="AK318" s="332"/>
      <c r="AL318" s="38"/>
      <c r="AM318" s="54"/>
      <c r="AN318" s="13" t="str">
        <f t="shared" si="18"/>
        <v>■</v>
      </c>
    </row>
    <row r="319" spans="1:40" s="13" customFormat="1">
      <c r="A319" s="20" t="str">
        <f t="shared" si="16"/>
        <v>GA</v>
      </c>
      <c r="B319" s="20"/>
      <c r="C319" s="541">
        <v>6</v>
      </c>
      <c r="D319" s="542"/>
      <c r="E319" s="543" t="s">
        <v>1057</v>
      </c>
      <c r="F319" s="544"/>
      <c r="G319" s="544"/>
      <c r="H319" s="544"/>
      <c r="I319" s="544"/>
      <c r="J319" s="544"/>
      <c r="K319" s="544"/>
      <c r="L319" s="544"/>
      <c r="M319" s="544"/>
      <c r="N319" s="544"/>
      <c r="O319" s="544"/>
      <c r="P319" s="544"/>
      <c r="Q319" s="544"/>
      <c r="R319" s="544"/>
      <c r="S319" s="544"/>
      <c r="T319" s="545"/>
      <c r="U319" s="221" t="s">
        <v>1058</v>
      </c>
      <c r="V319" s="546" t="s">
        <v>107</v>
      </c>
      <c r="W319" s="547"/>
      <c r="X319" s="547"/>
      <c r="Y319" s="547"/>
      <c r="Z319" s="548"/>
      <c r="AA319" s="623" t="s">
        <v>102</v>
      </c>
      <c r="AB319" s="624"/>
      <c r="AC319" s="625"/>
      <c r="AD319" s="415">
        <v>6</v>
      </c>
      <c r="AE319" s="415" t="s">
        <v>103</v>
      </c>
      <c r="AF319" s="541"/>
      <c r="AG319" s="542"/>
      <c r="AH319" s="549"/>
      <c r="AI319" s="550"/>
      <c r="AJ319" s="551"/>
      <c r="AK319" s="332"/>
      <c r="AL319" s="38"/>
      <c r="AM319" s="54"/>
      <c r="AN319" s="13" t="str">
        <f t="shared" si="18"/>
        <v>■</v>
      </c>
    </row>
    <row r="320" spans="1:40" s="13" customFormat="1">
      <c r="A320" s="20" t="str">
        <f t="shared" si="16"/>
        <v>GA</v>
      </c>
      <c r="B320" s="20"/>
      <c r="C320" s="541">
        <v>7</v>
      </c>
      <c r="D320" s="542"/>
      <c r="E320" s="543" t="s">
        <v>1059</v>
      </c>
      <c r="F320" s="544"/>
      <c r="G320" s="544"/>
      <c r="H320" s="544"/>
      <c r="I320" s="544"/>
      <c r="J320" s="544"/>
      <c r="K320" s="544"/>
      <c r="L320" s="544"/>
      <c r="M320" s="544"/>
      <c r="N320" s="544"/>
      <c r="O320" s="544"/>
      <c r="P320" s="544"/>
      <c r="Q320" s="544"/>
      <c r="R320" s="544"/>
      <c r="S320" s="544"/>
      <c r="T320" s="545"/>
      <c r="U320" s="221" t="s">
        <v>1060</v>
      </c>
      <c r="V320" s="546" t="s">
        <v>107</v>
      </c>
      <c r="W320" s="547"/>
      <c r="X320" s="547"/>
      <c r="Y320" s="547"/>
      <c r="Z320" s="548"/>
      <c r="AA320" s="623" t="s">
        <v>102</v>
      </c>
      <c r="AB320" s="624"/>
      <c r="AC320" s="625"/>
      <c r="AD320" s="415">
        <v>1</v>
      </c>
      <c r="AE320" s="415" t="s">
        <v>103</v>
      </c>
      <c r="AF320" s="541"/>
      <c r="AG320" s="542"/>
      <c r="AH320" s="549"/>
      <c r="AI320" s="550"/>
      <c r="AJ320" s="551"/>
      <c r="AK320" s="332"/>
      <c r="AL320" s="38"/>
      <c r="AM320" s="54"/>
      <c r="AN320" s="13" t="str">
        <f t="shared" si="18"/>
        <v>■</v>
      </c>
    </row>
    <row r="321" spans="1:40" s="13" customFormat="1">
      <c r="A321" s="20" t="str">
        <f t="shared" si="16"/>
        <v>GA</v>
      </c>
      <c r="B321" s="20"/>
      <c r="C321" s="541">
        <v>8</v>
      </c>
      <c r="D321" s="542"/>
      <c r="E321" s="543" t="s">
        <v>1061</v>
      </c>
      <c r="F321" s="544"/>
      <c r="G321" s="544"/>
      <c r="H321" s="544"/>
      <c r="I321" s="544"/>
      <c r="J321" s="544"/>
      <c r="K321" s="544"/>
      <c r="L321" s="544"/>
      <c r="M321" s="544"/>
      <c r="N321" s="544"/>
      <c r="O321" s="544"/>
      <c r="P321" s="544"/>
      <c r="Q321" s="544"/>
      <c r="R321" s="544"/>
      <c r="S321" s="544"/>
      <c r="T321" s="545"/>
      <c r="U321" s="221" t="s">
        <v>1062</v>
      </c>
      <c r="V321" s="546" t="s">
        <v>107</v>
      </c>
      <c r="W321" s="547"/>
      <c r="X321" s="547"/>
      <c r="Y321" s="547"/>
      <c r="Z321" s="548"/>
      <c r="AA321" s="623" t="s">
        <v>102</v>
      </c>
      <c r="AB321" s="624"/>
      <c r="AC321" s="625"/>
      <c r="AD321" s="415">
        <v>31</v>
      </c>
      <c r="AE321" s="415" t="s">
        <v>103</v>
      </c>
      <c r="AF321" s="541"/>
      <c r="AG321" s="542"/>
      <c r="AH321" s="549"/>
      <c r="AI321" s="550"/>
      <c r="AJ321" s="551"/>
      <c r="AK321" s="332"/>
      <c r="AL321" s="38"/>
      <c r="AM321" s="54"/>
      <c r="AN321" s="13" t="str">
        <f t="shared" si="18"/>
        <v>■</v>
      </c>
    </row>
    <row r="322" spans="1:40" s="13" customFormat="1">
      <c r="A322" s="20" t="str">
        <f t="shared" si="16"/>
        <v>GA</v>
      </c>
      <c r="B322" s="20"/>
      <c r="C322" s="541">
        <v>9</v>
      </c>
      <c r="D322" s="542"/>
      <c r="E322" s="543" t="s">
        <v>992</v>
      </c>
      <c r="F322" s="544"/>
      <c r="G322" s="544"/>
      <c r="H322" s="544"/>
      <c r="I322" s="544"/>
      <c r="J322" s="544"/>
      <c r="K322" s="544"/>
      <c r="L322" s="544"/>
      <c r="M322" s="544"/>
      <c r="N322" s="544"/>
      <c r="O322" s="544"/>
      <c r="P322" s="544"/>
      <c r="Q322" s="544"/>
      <c r="R322" s="544"/>
      <c r="S322" s="544"/>
      <c r="T322" s="545"/>
      <c r="U322" s="221" t="s">
        <v>776</v>
      </c>
      <c r="V322" s="546" t="s">
        <v>101</v>
      </c>
      <c r="W322" s="547"/>
      <c r="X322" s="547"/>
      <c r="Y322" s="547"/>
      <c r="Z322" s="548"/>
      <c r="AA322" s="623" t="s">
        <v>102</v>
      </c>
      <c r="AB322" s="624"/>
      <c r="AC322" s="625"/>
      <c r="AD322" s="415">
        <v>14</v>
      </c>
      <c r="AE322" s="415" t="s">
        <v>103</v>
      </c>
      <c r="AF322" s="541"/>
      <c r="AG322" s="542"/>
      <c r="AH322" s="549"/>
      <c r="AI322" s="550"/>
      <c r="AJ322" s="551"/>
      <c r="AK322" s="332"/>
      <c r="AL322" s="38"/>
      <c r="AM322" s="54"/>
      <c r="AN322" s="13" t="str">
        <f t="shared" si="18"/>
        <v>■</v>
      </c>
    </row>
    <row r="323" spans="1:40" s="13" customFormat="1">
      <c r="A323" s="20" t="str">
        <f t="shared" si="16"/>
        <v>GA</v>
      </c>
      <c r="B323" s="20"/>
      <c r="C323" s="541">
        <v>10</v>
      </c>
      <c r="D323" s="542"/>
      <c r="E323" s="543" t="s">
        <v>1063</v>
      </c>
      <c r="F323" s="544"/>
      <c r="G323" s="544"/>
      <c r="H323" s="544"/>
      <c r="I323" s="544"/>
      <c r="J323" s="544"/>
      <c r="K323" s="544"/>
      <c r="L323" s="544"/>
      <c r="M323" s="544"/>
      <c r="N323" s="544"/>
      <c r="O323" s="544"/>
      <c r="P323" s="544"/>
      <c r="Q323" s="544"/>
      <c r="R323" s="544"/>
      <c r="S323" s="544"/>
      <c r="T323" s="545"/>
      <c r="U323" s="221" t="s">
        <v>1064</v>
      </c>
      <c r="V323" s="546" t="s">
        <v>107</v>
      </c>
      <c r="W323" s="547"/>
      <c r="X323" s="547"/>
      <c r="Y323" s="547"/>
      <c r="Z323" s="548"/>
      <c r="AA323" s="623" t="s">
        <v>710</v>
      </c>
      <c r="AB323" s="624"/>
      <c r="AC323" s="625"/>
      <c r="AD323" s="415">
        <v>1</v>
      </c>
      <c r="AE323" s="415">
        <v>4</v>
      </c>
      <c r="AF323" s="541"/>
      <c r="AG323" s="542"/>
      <c r="AH323" s="549"/>
      <c r="AI323" s="550"/>
      <c r="AJ323" s="551"/>
      <c r="AK323" s="332"/>
      <c r="AL323" s="38"/>
      <c r="AM323" s="54"/>
      <c r="AN323" s="13" t="str">
        <f t="shared" si="18"/>
        <v>■</v>
      </c>
    </row>
    <row r="324" spans="1:40" s="13" customFormat="1">
      <c r="A324" s="20" t="str">
        <f t="shared" si="16"/>
        <v>GA</v>
      </c>
      <c r="B324" s="20"/>
      <c r="C324" s="541">
        <v>11</v>
      </c>
      <c r="D324" s="542"/>
      <c r="E324" s="543" t="s">
        <v>1065</v>
      </c>
      <c r="F324" s="544"/>
      <c r="G324" s="544"/>
      <c r="H324" s="544"/>
      <c r="I324" s="544"/>
      <c r="J324" s="544"/>
      <c r="K324" s="544"/>
      <c r="L324" s="544"/>
      <c r="M324" s="544"/>
      <c r="N324" s="544"/>
      <c r="O324" s="544"/>
      <c r="P324" s="544"/>
      <c r="Q324" s="544"/>
      <c r="R324" s="544"/>
      <c r="S324" s="544"/>
      <c r="T324" s="545"/>
      <c r="U324" s="221" t="s">
        <v>1066</v>
      </c>
      <c r="V324" s="546" t="s">
        <v>107</v>
      </c>
      <c r="W324" s="547"/>
      <c r="X324" s="547"/>
      <c r="Y324" s="547"/>
      <c r="Z324" s="548"/>
      <c r="AA324" s="623" t="s">
        <v>102</v>
      </c>
      <c r="AB324" s="624"/>
      <c r="AC324" s="625"/>
      <c r="AD324" s="415">
        <v>1</v>
      </c>
      <c r="AE324" s="415" t="s">
        <v>103</v>
      </c>
      <c r="AF324" s="541"/>
      <c r="AG324" s="542"/>
      <c r="AH324" s="549"/>
      <c r="AI324" s="550"/>
      <c r="AJ324" s="551"/>
      <c r="AK324" s="332"/>
      <c r="AL324" s="38"/>
      <c r="AM324" s="54"/>
      <c r="AN324" s="13" t="str">
        <f t="shared" si="18"/>
        <v>■</v>
      </c>
    </row>
    <row r="325" spans="1:40" s="13" customFormat="1">
      <c r="A325" s="20" t="str">
        <f t="shared" si="16"/>
        <v>GA</v>
      </c>
      <c r="B325" s="20"/>
      <c r="C325" s="541">
        <v>12</v>
      </c>
      <c r="D325" s="542"/>
      <c r="E325" s="543" t="s">
        <v>409</v>
      </c>
      <c r="F325" s="544"/>
      <c r="G325" s="544"/>
      <c r="H325" s="544"/>
      <c r="I325" s="544"/>
      <c r="J325" s="544"/>
      <c r="K325" s="544"/>
      <c r="L325" s="544"/>
      <c r="M325" s="544"/>
      <c r="N325" s="544"/>
      <c r="O325" s="544"/>
      <c r="P325" s="544"/>
      <c r="Q325" s="544"/>
      <c r="R325" s="544"/>
      <c r="S325" s="544"/>
      <c r="T325" s="545"/>
      <c r="U325" s="221" t="s">
        <v>453</v>
      </c>
      <c r="V325" s="546" t="s">
        <v>107</v>
      </c>
      <c r="W325" s="547"/>
      <c r="X325" s="547"/>
      <c r="Y325" s="547"/>
      <c r="Z325" s="548"/>
      <c r="AA325" s="623" t="s">
        <v>102</v>
      </c>
      <c r="AB325" s="624"/>
      <c r="AC325" s="625"/>
      <c r="AD325" s="415">
        <v>6</v>
      </c>
      <c r="AE325" s="415" t="s">
        <v>103</v>
      </c>
      <c r="AF325" s="541"/>
      <c r="AG325" s="542"/>
      <c r="AH325" s="549"/>
      <c r="AI325" s="550"/>
      <c r="AJ325" s="551"/>
      <c r="AK325" s="332"/>
      <c r="AL325" s="38"/>
      <c r="AM325" s="54"/>
      <c r="AN325" s="13" t="str">
        <f t="shared" si="18"/>
        <v>■</v>
      </c>
    </row>
    <row r="326" spans="1:40" s="13" customFormat="1">
      <c r="A326" s="20" t="str">
        <f t="shared" si="16"/>
        <v>GA</v>
      </c>
      <c r="B326" s="20"/>
      <c r="C326" s="541">
        <v>13</v>
      </c>
      <c r="D326" s="542"/>
      <c r="E326" s="543" t="s">
        <v>411</v>
      </c>
      <c r="F326" s="544"/>
      <c r="G326" s="544"/>
      <c r="H326" s="544"/>
      <c r="I326" s="544"/>
      <c r="J326" s="544"/>
      <c r="K326" s="544"/>
      <c r="L326" s="544"/>
      <c r="M326" s="544"/>
      <c r="N326" s="544"/>
      <c r="O326" s="544"/>
      <c r="P326" s="544"/>
      <c r="Q326" s="544"/>
      <c r="R326" s="544"/>
      <c r="S326" s="544"/>
      <c r="T326" s="545"/>
      <c r="U326" s="221" t="s">
        <v>516</v>
      </c>
      <c r="V326" s="546" t="s">
        <v>107</v>
      </c>
      <c r="W326" s="547"/>
      <c r="X326" s="547"/>
      <c r="Y326" s="547"/>
      <c r="Z326" s="548"/>
      <c r="AA326" s="623" t="s">
        <v>102</v>
      </c>
      <c r="AB326" s="624"/>
      <c r="AC326" s="625"/>
      <c r="AD326" s="415">
        <v>6</v>
      </c>
      <c r="AE326" s="415" t="s">
        <v>103</v>
      </c>
      <c r="AF326" s="541"/>
      <c r="AG326" s="542"/>
      <c r="AH326" s="549"/>
      <c r="AI326" s="550"/>
      <c r="AJ326" s="551"/>
      <c r="AK326" s="332"/>
      <c r="AL326" s="29"/>
      <c r="AM326" s="54"/>
      <c r="AN326" s="13" t="str">
        <f t="shared" si="18"/>
        <v>■</v>
      </c>
    </row>
    <row r="327" spans="1:40" s="13" customFormat="1">
      <c r="A327" s="20" t="str">
        <f t="shared" si="16"/>
        <v>GA</v>
      </c>
      <c r="B327" s="20"/>
      <c r="C327" s="541">
        <v>14</v>
      </c>
      <c r="D327" s="542"/>
      <c r="E327" s="543" t="s">
        <v>970</v>
      </c>
      <c r="F327" s="544"/>
      <c r="G327" s="544"/>
      <c r="H327" s="544"/>
      <c r="I327" s="544"/>
      <c r="J327" s="544"/>
      <c r="K327" s="544"/>
      <c r="L327" s="544"/>
      <c r="M327" s="544"/>
      <c r="N327" s="544"/>
      <c r="O327" s="544"/>
      <c r="P327" s="544"/>
      <c r="Q327" s="544"/>
      <c r="R327" s="544"/>
      <c r="S327" s="544"/>
      <c r="T327" s="545"/>
      <c r="U327" s="221" t="s">
        <v>971</v>
      </c>
      <c r="V327" s="546" t="s">
        <v>107</v>
      </c>
      <c r="W327" s="547"/>
      <c r="X327" s="547"/>
      <c r="Y327" s="547"/>
      <c r="Z327" s="548"/>
      <c r="AA327" s="623" t="s">
        <v>102</v>
      </c>
      <c r="AB327" s="624"/>
      <c r="AC327" s="625"/>
      <c r="AD327" s="415">
        <v>1</v>
      </c>
      <c r="AE327" s="415" t="s">
        <v>103</v>
      </c>
      <c r="AF327" s="541"/>
      <c r="AG327" s="542"/>
      <c r="AH327" s="549"/>
      <c r="AI327" s="550"/>
      <c r="AJ327" s="551"/>
      <c r="AK327" s="332"/>
      <c r="AL327" s="48"/>
      <c r="AM327" s="54"/>
      <c r="AN327" s="13" t="str">
        <f t="shared" si="18"/>
        <v>■</v>
      </c>
    </row>
    <row r="328" spans="1:40" s="13" customFormat="1">
      <c r="A328" s="20" t="str">
        <f t="shared" si="16"/>
        <v>GA</v>
      </c>
      <c r="B328" s="20"/>
      <c r="C328" s="541">
        <v>15</v>
      </c>
      <c r="D328" s="542"/>
      <c r="E328" s="543" t="s">
        <v>976</v>
      </c>
      <c r="F328" s="544"/>
      <c r="G328" s="544"/>
      <c r="H328" s="544"/>
      <c r="I328" s="544"/>
      <c r="J328" s="544"/>
      <c r="K328" s="544"/>
      <c r="L328" s="544"/>
      <c r="M328" s="544"/>
      <c r="N328" s="544"/>
      <c r="O328" s="544"/>
      <c r="P328" s="544"/>
      <c r="Q328" s="544"/>
      <c r="R328" s="544"/>
      <c r="S328" s="544"/>
      <c r="T328" s="545"/>
      <c r="U328" s="221" t="s">
        <v>977</v>
      </c>
      <c r="V328" s="546" t="s">
        <v>107</v>
      </c>
      <c r="W328" s="547"/>
      <c r="X328" s="547"/>
      <c r="Y328" s="547"/>
      <c r="Z328" s="548"/>
      <c r="AA328" s="623" t="s">
        <v>108</v>
      </c>
      <c r="AB328" s="624"/>
      <c r="AC328" s="625"/>
      <c r="AD328" s="415">
        <v>2</v>
      </c>
      <c r="AE328" s="415">
        <v>0</v>
      </c>
      <c r="AF328" s="541"/>
      <c r="AG328" s="542"/>
      <c r="AH328" s="549"/>
      <c r="AI328" s="550"/>
      <c r="AJ328" s="551"/>
      <c r="AK328" s="332"/>
      <c r="AL328" s="37"/>
      <c r="AM328" s="54"/>
      <c r="AN328" s="13" t="str">
        <f t="shared" si="18"/>
        <v>■</v>
      </c>
    </row>
    <row r="329" spans="1:40" ht="13.4" customHeight="1">
      <c r="A329" s="20" t="str">
        <f t="shared" si="16"/>
        <v>GA</v>
      </c>
      <c r="B329" s="25"/>
      <c r="V329" s="238"/>
      <c r="W329" s="238"/>
      <c r="X329" s="238"/>
      <c r="Y329" s="238"/>
      <c r="Z329" s="238"/>
      <c r="AA329" s="629"/>
      <c r="AB329" s="629"/>
      <c r="AC329" s="629"/>
      <c r="AD329" s="238"/>
      <c r="AE329" s="238"/>
      <c r="AF329" s="238"/>
      <c r="AG329" s="238"/>
      <c r="AH329" s="238"/>
      <c r="AI329" s="238"/>
      <c r="AJ329" s="238"/>
      <c r="AK329" s="55"/>
      <c r="AL329" s="37"/>
      <c r="AM329" s="16"/>
    </row>
    <row r="330" spans="1:40" s="1" customFormat="1" ht="13.4" customHeight="1">
      <c r="A330" s="20" t="str">
        <f t="shared" si="16"/>
        <v>HH</v>
      </c>
      <c r="B330" s="20"/>
      <c r="C330" s="52" t="s">
        <v>380</v>
      </c>
      <c r="D330" s="53"/>
      <c r="E330" s="26"/>
      <c r="F330" s="26"/>
      <c r="G330" s="26"/>
      <c r="H330" s="26"/>
      <c r="I330" s="26"/>
      <c r="J330" s="26" t="s">
        <v>1067</v>
      </c>
      <c r="K330" s="71"/>
      <c r="L330" s="26"/>
      <c r="M330" s="71"/>
      <c r="N330" s="26"/>
      <c r="O330" s="26"/>
      <c r="P330" s="26"/>
      <c r="Q330" s="26"/>
      <c r="R330" s="26"/>
      <c r="S330" s="26"/>
      <c r="T330" s="26"/>
      <c r="U330" s="26" t="s">
        <v>1068</v>
      </c>
      <c r="V330" s="122"/>
      <c r="W330" s="122"/>
      <c r="X330" s="122"/>
      <c r="Y330" s="122"/>
      <c r="Z330" s="122"/>
      <c r="AA330" s="630"/>
      <c r="AB330" s="630"/>
      <c r="AC330" s="630"/>
      <c r="AD330" s="122"/>
      <c r="AE330" s="122"/>
      <c r="AF330" s="122"/>
      <c r="AG330" s="122"/>
      <c r="AH330" s="122"/>
      <c r="AI330" s="122"/>
      <c r="AJ330" s="122"/>
      <c r="AK330" s="26"/>
      <c r="AL330" s="38"/>
      <c r="AM330" s="26"/>
    </row>
    <row r="331" spans="1:40" ht="13.5" customHeight="1">
      <c r="A331" s="20" t="str">
        <f t="shared" si="16"/>
        <v>HH</v>
      </c>
      <c r="B331" s="51"/>
      <c r="C331" s="583" t="s">
        <v>73</v>
      </c>
      <c r="D331" s="573"/>
      <c r="E331" s="583" t="s">
        <v>94</v>
      </c>
      <c r="F331" s="583"/>
      <c r="G331" s="583"/>
      <c r="H331" s="583"/>
      <c r="I331" s="583"/>
      <c r="J331" s="583"/>
      <c r="K331" s="583"/>
      <c r="L331" s="583"/>
      <c r="M331" s="583"/>
      <c r="N331" s="583"/>
      <c r="O331" s="583"/>
      <c r="P331" s="583"/>
      <c r="Q331" s="583"/>
      <c r="R331" s="583"/>
      <c r="S331" s="583"/>
      <c r="T331" s="583"/>
      <c r="U331" s="226" t="s">
        <v>383</v>
      </c>
      <c r="V331" s="572" t="s">
        <v>138</v>
      </c>
      <c r="W331" s="572"/>
      <c r="X331" s="572"/>
      <c r="Y331" s="572"/>
      <c r="Z331" s="572"/>
      <c r="AA331" s="575" t="s">
        <v>959</v>
      </c>
      <c r="AB331" s="576"/>
      <c r="AC331" s="577"/>
      <c r="AD331" s="572" t="s">
        <v>97</v>
      </c>
      <c r="AE331" s="572"/>
      <c r="AF331" s="572" t="s">
        <v>98</v>
      </c>
      <c r="AG331" s="572"/>
      <c r="AH331" s="583" t="s">
        <v>75</v>
      </c>
      <c r="AI331" s="583"/>
      <c r="AJ331" s="583"/>
      <c r="AK331" s="572" t="s">
        <v>159</v>
      </c>
      <c r="AL331" s="38"/>
      <c r="AM331" s="16"/>
    </row>
    <row r="332" spans="1:40" ht="13.4" customHeight="1">
      <c r="A332" s="20" t="str">
        <f t="shared" si="16"/>
        <v>HH</v>
      </c>
      <c r="B332" s="51"/>
      <c r="C332" s="573"/>
      <c r="D332" s="573"/>
      <c r="E332" s="583"/>
      <c r="F332" s="583"/>
      <c r="G332" s="583"/>
      <c r="H332" s="583"/>
      <c r="I332" s="583"/>
      <c r="J332" s="583"/>
      <c r="K332" s="583"/>
      <c r="L332" s="583"/>
      <c r="M332" s="583"/>
      <c r="N332" s="583"/>
      <c r="O332" s="583"/>
      <c r="P332" s="583"/>
      <c r="Q332" s="583"/>
      <c r="R332" s="583"/>
      <c r="S332" s="583"/>
      <c r="T332" s="583"/>
      <c r="U332" s="227"/>
      <c r="V332" s="572"/>
      <c r="W332" s="572"/>
      <c r="X332" s="572"/>
      <c r="Y332" s="572"/>
      <c r="Z332" s="572"/>
      <c r="AA332" s="578"/>
      <c r="AB332" s="579"/>
      <c r="AC332" s="580"/>
      <c r="AD332" s="572"/>
      <c r="AE332" s="572"/>
      <c r="AF332" s="572"/>
      <c r="AG332" s="572"/>
      <c r="AH332" s="583"/>
      <c r="AI332" s="583"/>
      <c r="AJ332" s="583"/>
      <c r="AK332" s="572"/>
      <c r="AL332" s="38"/>
      <c r="AM332" s="16"/>
    </row>
    <row r="333" spans="1:40" s="13" customFormat="1" ht="13.4" customHeight="1">
      <c r="A333" s="20" t="str">
        <f t="shared" si="16"/>
        <v>HH</v>
      </c>
      <c r="B333" s="20"/>
      <c r="C333" s="541">
        <v>1</v>
      </c>
      <c r="D333" s="542"/>
      <c r="E333" s="563" t="s">
        <v>440</v>
      </c>
      <c r="F333" s="564"/>
      <c r="G333" s="564"/>
      <c r="H333" s="564"/>
      <c r="I333" s="564"/>
      <c r="J333" s="564"/>
      <c r="K333" s="564"/>
      <c r="L333" s="564"/>
      <c r="M333" s="564"/>
      <c r="N333" s="564"/>
      <c r="O333" s="564"/>
      <c r="P333" s="564"/>
      <c r="Q333" s="564"/>
      <c r="R333" s="564"/>
      <c r="S333" s="564"/>
      <c r="T333" s="565"/>
      <c r="U333" s="219" t="s">
        <v>441</v>
      </c>
      <c r="V333" s="546" t="s">
        <v>101</v>
      </c>
      <c r="W333" s="547"/>
      <c r="X333" s="547"/>
      <c r="Y333" s="547"/>
      <c r="Z333" s="548"/>
      <c r="AA333" s="623" t="s">
        <v>102</v>
      </c>
      <c r="AB333" s="624"/>
      <c r="AC333" s="625"/>
      <c r="AD333" s="415">
        <v>10</v>
      </c>
      <c r="AE333" s="415" t="s">
        <v>103</v>
      </c>
      <c r="AF333" s="541"/>
      <c r="AG333" s="542"/>
      <c r="AH333" s="549"/>
      <c r="AI333" s="550"/>
      <c r="AJ333" s="551"/>
      <c r="AK333" s="332"/>
      <c r="AL333" s="38"/>
      <c r="AM333" s="54"/>
      <c r="AN333" s="13" t="str">
        <f>$J$21</f>
        <v>■</v>
      </c>
    </row>
    <row r="334" spans="1:40" s="13" customFormat="1" ht="13.4" customHeight="1">
      <c r="A334" s="20" t="str">
        <f t="shared" si="16"/>
        <v>HH</v>
      </c>
      <c r="B334" s="20"/>
      <c r="C334" s="541">
        <v>2</v>
      </c>
      <c r="D334" s="542"/>
      <c r="E334" s="563" t="s">
        <v>442</v>
      </c>
      <c r="F334" s="564"/>
      <c r="G334" s="564"/>
      <c r="H334" s="564"/>
      <c r="I334" s="564"/>
      <c r="J334" s="564"/>
      <c r="K334" s="564"/>
      <c r="L334" s="564"/>
      <c r="M334" s="564"/>
      <c r="N334" s="564"/>
      <c r="O334" s="564"/>
      <c r="P334" s="564"/>
      <c r="Q334" s="564"/>
      <c r="R334" s="564"/>
      <c r="S334" s="564"/>
      <c r="T334" s="565"/>
      <c r="U334" s="219" t="s">
        <v>443</v>
      </c>
      <c r="V334" s="546" t="s">
        <v>101</v>
      </c>
      <c r="W334" s="547"/>
      <c r="X334" s="547"/>
      <c r="Y334" s="547"/>
      <c r="Z334" s="548"/>
      <c r="AA334" s="623" t="s">
        <v>102</v>
      </c>
      <c r="AB334" s="624"/>
      <c r="AC334" s="625"/>
      <c r="AD334" s="415">
        <v>51</v>
      </c>
      <c r="AE334" s="415" t="s">
        <v>103</v>
      </c>
      <c r="AF334" s="541"/>
      <c r="AG334" s="542"/>
      <c r="AH334" s="549"/>
      <c r="AI334" s="550"/>
      <c r="AJ334" s="551"/>
      <c r="AK334" s="332"/>
      <c r="AL334" s="38"/>
      <c r="AM334" s="54"/>
      <c r="AN334" s="13" t="str">
        <f t="shared" ref="AN334:AN349" si="19">$J$21</f>
        <v>■</v>
      </c>
    </row>
    <row r="335" spans="1:40" s="13" customFormat="1" ht="13.4" customHeight="1">
      <c r="A335" s="20" t="str">
        <f t="shared" si="16"/>
        <v>HH</v>
      </c>
      <c r="B335" s="20"/>
      <c r="C335" s="552">
        <v>3</v>
      </c>
      <c r="D335" s="553"/>
      <c r="E335" s="566" t="s">
        <v>106</v>
      </c>
      <c r="F335" s="567"/>
      <c r="G335" s="567"/>
      <c r="H335" s="567"/>
      <c r="I335" s="567"/>
      <c r="J335" s="567"/>
      <c r="K335" s="567"/>
      <c r="L335" s="567"/>
      <c r="M335" s="567"/>
      <c r="N335" s="567"/>
      <c r="O335" s="567"/>
      <c r="P335" s="567"/>
      <c r="Q335" s="567"/>
      <c r="R335" s="567"/>
      <c r="S335" s="567"/>
      <c r="T335" s="568"/>
      <c r="U335" s="220" t="s">
        <v>444</v>
      </c>
      <c r="V335" s="557" t="s">
        <v>107</v>
      </c>
      <c r="W335" s="558"/>
      <c r="X335" s="558"/>
      <c r="Y335" s="558"/>
      <c r="Z335" s="559"/>
      <c r="AA335" s="626" t="s">
        <v>108</v>
      </c>
      <c r="AB335" s="627"/>
      <c r="AC335" s="628"/>
      <c r="AD335" s="419">
        <v>1</v>
      </c>
      <c r="AE335" s="419">
        <v>0</v>
      </c>
      <c r="AF335" s="552" t="s">
        <v>109</v>
      </c>
      <c r="AG335" s="553"/>
      <c r="AH335" s="560"/>
      <c r="AI335" s="561"/>
      <c r="AJ335" s="562"/>
      <c r="AK335" s="333" t="s">
        <v>416</v>
      </c>
      <c r="AL335" s="38"/>
      <c r="AM335" s="54"/>
      <c r="AN335" s="13" t="str">
        <f t="shared" si="19"/>
        <v>■</v>
      </c>
    </row>
    <row r="336" spans="1:40" s="13" customFormat="1" ht="13.4" customHeight="1">
      <c r="A336" s="20" t="str">
        <f t="shared" si="16"/>
        <v>HH</v>
      </c>
      <c r="B336" s="20"/>
      <c r="C336" s="541">
        <v>4</v>
      </c>
      <c r="D336" s="542"/>
      <c r="E336" s="563" t="s">
        <v>110</v>
      </c>
      <c r="F336" s="564"/>
      <c r="G336" s="564"/>
      <c r="H336" s="564"/>
      <c r="I336" s="564"/>
      <c r="J336" s="564"/>
      <c r="K336" s="564"/>
      <c r="L336" s="564"/>
      <c r="M336" s="564"/>
      <c r="N336" s="564"/>
      <c r="O336" s="564"/>
      <c r="P336" s="564"/>
      <c r="Q336" s="564"/>
      <c r="R336" s="564"/>
      <c r="S336" s="564"/>
      <c r="T336" s="565"/>
      <c r="U336" s="221" t="s">
        <v>445</v>
      </c>
      <c r="V336" s="546" t="s">
        <v>107</v>
      </c>
      <c r="W336" s="547"/>
      <c r="X336" s="547"/>
      <c r="Y336" s="547"/>
      <c r="Z336" s="548"/>
      <c r="AA336" s="623" t="s">
        <v>108</v>
      </c>
      <c r="AB336" s="624"/>
      <c r="AC336" s="625"/>
      <c r="AD336" s="415">
        <v>1</v>
      </c>
      <c r="AE336" s="415">
        <v>0</v>
      </c>
      <c r="AF336" s="541"/>
      <c r="AG336" s="542"/>
      <c r="AH336" s="549"/>
      <c r="AI336" s="550"/>
      <c r="AJ336" s="551"/>
      <c r="AK336" s="332"/>
      <c r="AL336" s="38"/>
      <c r="AM336" s="54"/>
      <c r="AN336" s="13" t="str">
        <f t="shared" si="19"/>
        <v>■</v>
      </c>
    </row>
    <row r="337" spans="1:40" s="13" customFormat="1">
      <c r="A337" s="20" t="str">
        <f t="shared" si="16"/>
        <v>HH</v>
      </c>
      <c r="B337" s="20"/>
      <c r="C337" s="541">
        <v>5</v>
      </c>
      <c r="D337" s="542"/>
      <c r="E337" s="543" t="s">
        <v>80</v>
      </c>
      <c r="F337" s="544"/>
      <c r="G337" s="544"/>
      <c r="H337" s="544"/>
      <c r="I337" s="544"/>
      <c r="J337" s="544"/>
      <c r="K337" s="544"/>
      <c r="L337" s="544"/>
      <c r="M337" s="544"/>
      <c r="N337" s="544"/>
      <c r="O337" s="544"/>
      <c r="P337" s="544"/>
      <c r="Q337" s="544"/>
      <c r="R337" s="544"/>
      <c r="S337" s="544"/>
      <c r="T337" s="545"/>
      <c r="U337" s="221" t="s">
        <v>446</v>
      </c>
      <c r="V337" s="546" t="s">
        <v>101</v>
      </c>
      <c r="W337" s="547"/>
      <c r="X337" s="547"/>
      <c r="Y337" s="547"/>
      <c r="Z337" s="548"/>
      <c r="AA337" s="623" t="s">
        <v>102</v>
      </c>
      <c r="AB337" s="624"/>
      <c r="AC337" s="625"/>
      <c r="AD337" s="415">
        <v>2</v>
      </c>
      <c r="AE337" s="415" t="s">
        <v>103</v>
      </c>
      <c r="AF337" s="541"/>
      <c r="AG337" s="542"/>
      <c r="AH337" s="549"/>
      <c r="AI337" s="550"/>
      <c r="AJ337" s="551"/>
      <c r="AK337" s="332"/>
      <c r="AL337" s="38"/>
      <c r="AM337" s="54"/>
      <c r="AN337" s="13" t="str">
        <f t="shared" si="19"/>
        <v>■</v>
      </c>
    </row>
    <row r="338" spans="1:40" s="13" customFormat="1">
      <c r="A338" s="20" t="str">
        <f t="shared" si="16"/>
        <v>HH</v>
      </c>
      <c r="B338" s="20"/>
      <c r="C338" s="541">
        <v>6</v>
      </c>
      <c r="D338" s="542"/>
      <c r="E338" s="543" t="s">
        <v>1069</v>
      </c>
      <c r="F338" s="544"/>
      <c r="G338" s="544"/>
      <c r="H338" s="544"/>
      <c r="I338" s="544"/>
      <c r="J338" s="544"/>
      <c r="K338" s="544"/>
      <c r="L338" s="544"/>
      <c r="M338" s="544"/>
      <c r="N338" s="544"/>
      <c r="O338" s="544"/>
      <c r="P338" s="544"/>
      <c r="Q338" s="544"/>
      <c r="R338" s="544"/>
      <c r="S338" s="544"/>
      <c r="T338" s="545"/>
      <c r="U338" s="221" t="s">
        <v>1070</v>
      </c>
      <c r="V338" s="546" t="s">
        <v>107</v>
      </c>
      <c r="W338" s="547"/>
      <c r="X338" s="547"/>
      <c r="Y338" s="547"/>
      <c r="Z338" s="548"/>
      <c r="AA338" s="623" t="s">
        <v>102</v>
      </c>
      <c r="AB338" s="624"/>
      <c r="AC338" s="625"/>
      <c r="AD338" s="415">
        <v>6</v>
      </c>
      <c r="AE338" s="415" t="s">
        <v>103</v>
      </c>
      <c r="AF338" s="541"/>
      <c r="AG338" s="542"/>
      <c r="AH338" s="549"/>
      <c r="AI338" s="550"/>
      <c r="AJ338" s="551"/>
      <c r="AK338" s="332"/>
      <c r="AL338" s="38"/>
      <c r="AM338" s="54"/>
      <c r="AN338" s="13" t="str">
        <f t="shared" si="19"/>
        <v>■</v>
      </c>
    </row>
    <row r="339" spans="1:40" s="13" customFormat="1" ht="13.4" customHeight="1">
      <c r="A339" s="20" t="str">
        <f t="shared" si="16"/>
        <v>HH</v>
      </c>
      <c r="B339" s="20"/>
      <c r="C339" s="541">
        <v>7</v>
      </c>
      <c r="D339" s="542"/>
      <c r="E339" s="543" t="s">
        <v>1059</v>
      </c>
      <c r="F339" s="544"/>
      <c r="G339" s="544"/>
      <c r="H339" s="544"/>
      <c r="I339" s="544"/>
      <c r="J339" s="544"/>
      <c r="K339" s="544"/>
      <c r="L339" s="544"/>
      <c r="M339" s="544"/>
      <c r="N339" s="544"/>
      <c r="O339" s="544"/>
      <c r="P339" s="544"/>
      <c r="Q339" s="544"/>
      <c r="R339" s="544"/>
      <c r="S339" s="544"/>
      <c r="T339" s="545"/>
      <c r="U339" s="221" t="s">
        <v>1060</v>
      </c>
      <c r="V339" s="546" t="s">
        <v>107</v>
      </c>
      <c r="W339" s="547"/>
      <c r="X339" s="547"/>
      <c r="Y339" s="547"/>
      <c r="Z339" s="548"/>
      <c r="AA339" s="623" t="s">
        <v>102</v>
      </c>
      <c r="AB339" s="624"/>
      <c r="AC339" s="625"/>
      <c r="AD339" s="415">
        <v>1</v>
      </c>
      <c r="AE339" s="415" t="s">
        <v>103</v>
      </c>
      <c r="AF339" s="541"/>
      <c r="AG339" s="542"/>
      <c r="AH339" s="549"/>
      <c r="AI339" s="550"/>
      <c r="AJ339" s="551"/>
      <c r="AK339" s="332"/>
      <c r="AL339" s="38"/>
      <c r="AM339" s="54"/>
      <c r="AN339" s="13" t="str">
        <f t="shared" si="19"/>
        <v>■</v>
      </c>
    </row>
    <row r="340" spans="1:40" s="13" customFormat="1" ht="13.4" customHeight="1">
      <c r="A340" s="20" t="str">
        <f t="shared" si="16"/>
        <v>HH</v>
      </c>
      <c r="B340" s="20"/>
      <c r="C340" s="541">
        <v>8</v>
      </c>
      <c r="D340" s="542"/>
      <c r="E340" s="543" t="s">
        <v>1071</v>
      </c>
      <c r="F340" s="544"/>
      <c r="G340" s="544"/>
      <c r="H340" s="544"/>
      <c r="I340" s="544"/>
      <c r="J340" s="544"/>
      <c r="K340" s="544"/>
      <c r="L340" s="544"/>
      <c r="M340" s="544"/>
      <c r="N340" s="544"/>
      <c r="O340" s="544"/>
      <c r="P340" s="544"/>
      <c r="Q340" s="544"/>
      <c r="R340" s="544"/>
      <c r="S340" s="544"/>
      <c r="T340" s="545"/>
      <c r="U340" s="221" t="s">
        <v>1072</v>
      </c>
      <c r="V340" s="546" t="s">
        <v>107</v>
      </c>
      <c r="W340" s="547"/>
      <c r="X340" s="547"/>
      <c r="Y340" s="547"/>
      <c r="Z340" s="548"/>
      <c r="AA340" s="623" t="s">
        <v>102</v>
      </c>
      <c r="AB340" s="624"/>
      <c r="AC340" s="625"/>
      <c r="AD340" s="415">
        <v>1</v>
      </c>
      <c r="AE340" s="415" t="s">
        <v>103</v>
      </c>
      <c r="AF340" s="541"/>
      <c r="AG340" s="542"/>
      <c r="AH340" s="549"/>
      <c r="AI340" s="550"/>
      <c r="AJ340" s="551"/>
      <c r="AK340" s="332"/>
      <c r="AL340" s="38"/>
      <c r="AM340" s="54"/>
      <c r="AN340" s="13" t="str">
        <f t="shared" si="19"/>
        <v>■</v>
      </c>
    </row>
    <row r="341" spans="1:40" s="13" customFormat="1" ht="13.4" customHeight="1">
      <c r="A341" s="20" t="str">
        <f t="shared" si="16"/>
        <v>HH</v>
      </c>
      <c r="B341" s="20"/>
      <c r="C341" s="541">
        <v>9</v>
      </c>
      <c r="D341" s="542"/>
      <c r="E341" s="543" t="s">
        <v>606</v>
      </c>
      <c r="F341" s="544"/>
      <c r="G341" s="544"/>
      <c r="H341" s="544"/>
      <c r="I341" s="544"/>
      <c r="J341" s="544"/>
      <c r="K341" s="544"/>
      <c r="L341" s="544"/>
      <c r="M341" s="544"/>
      <c r="N341" s="544"/>
      <c r="O341" s="544"/>
      <c r="P341" s="544"/>
      <c r="Q341" s="544"/>
      <c r="R341" s="544"/>
      <c r="S341" s="544"/>
      <c r="T341" s="545"/>
      <c r="U341" s="221" t="s">
        <v>607</v>
      </c>
      <c r="V341" s="546" t="s">
        <v>101</v>
      </c>
      <c r="W341" s="547"/>
      <c r="X341" s="547"/>
      <c r="Y341" s="547"/>
      <c r="Z341" s="548"/>
      <c r="AA341" s="623" t="s">
        <v>102</v>
      </c>
      <c r="AB341" s="624"/>
      <c r="AC341" s="625"/>
      <c r="AD341" s="415">
        <v>1</v>
      </c>
      <c r="AE341" s="415" t="s">
        <v>103</v>
      </c>
      <c r="AF341" s="541"/>
      <c r="AG341" s="542"/>
      <c r="AH341" s="549"/>
      <c r="AI341" s="550"/>
      <c r="AJ341" s="551"/>
      <c r="AK341" s="332"/>
      <c r="AL341" s="38"/>
      <c r="AM341" s="54"/>
      <c r="AN341" s="13" t="str">
        <f t="shared" si="19"/>
        <v>■</v>
      </c>
    </row>
    <row r="342" spans="1:40" s="13" customFormat="1" ht="13.4" customHeight="1">
      <c r="A342" s="20" t="str">
        <f t="shared" si="16"/>
        <v>HH</v>
      </c>
      <c r="B342" s="20"/>
      <c r="C342" s="541">
        <v>10</v>
      </c>
      <c r="D342" s="542"/>
      <c r="E342" s="543" t="s">
        <v>1073</v>
      </c>
      <c r="F342" s="544"/>
      <c r="G342" s="544"/>
      <c r="H342" s="544"/>
      <c r="I342" s="544"/>
      <c r="J342" s="544"/>
      <c r="K342" s="544"/>
      <c r="L342" s="544"/>
      <c r="M342" s="544"/>
      <c r="N342" s="544"/>
      <c r="O342" s="544"/>
      <c r="P342" s="544"/>
      <c r="Q342" s="544"/>
      <c r="R342" s="544"/>
      <c r="S342" s="544"/>
      <c r="T342" s="545"/>
      <c r="U342" s="221" t="s">
        <v>1074</v>
      </c>
      <c r="V342" s="546" t="s">
        <v>107</v>
      </c>
      <c r="W342" s="547"/>
      <c r="X342" s="547"/>
      <c r="Y342" s="547"/>
      <c r="Z342" s="548"/>
      <c r="AA342" s="623" t="s">
        <v>108</v>
      </c>
      <c r="AB342" s="624"/>
      <c r="AC342" s="625"/>
      <c r="AD342" s="415">
        <v>1</v>
      </c>
      <c r="AE342" s="415">
        <v>0</v>
      </c>
      <c r="AF342" s="541"/>
      <c r="AG342" s="542"/>
      <c r="AH342" s="549"/>
      <c r="AI342" s="550"/>
      <c r="AJ342" s="551"/>
      <c r="AK342" s="332"/>
      <c r="AL342" s="38"/>
      <c r="AM342" s="54"/>
      <c r="AN342" s="13" t="str">
        <f t="shared" si="19"/>
        <v>■</v>
      </c>
    </row>
    <row r="343" spans="1:40" s="13" customFormat="1" ht="13.4" customHeight="1">
      <c r="A343" s="20" t="str">
        <f t="shared" si="16"/>
        <v>HH</v>
      </c>
      <c r="B343" s="20"/>
      <c r="C343" s="541">
        <v>11</v>
      </c>
      <c r="D343" s="542"/>
      <c r="E343" s="543" t="s">
        <v>1075</v>
      </c>
      <c r="F343" s="544"/>
      <c r="G343" s="544"/>
      <c r="H343" s="544"/>
      <c r="I343" s="544"/>
      <c r="J343" s="544"/>
      <c r="K343" s="544"/>
      <c r="L343" s="544"/>
      <c r="M343" s="544"/>
      <c r="N343" s="544"/>
      <c r="O343" s="544"/>
      <c r="P343" s="544"/>
      <c r="Q343" s="544"/>
      <c r="R343" s="544"/>
      <c r="S343" s="544"/>
      <c r="T343" s="545"/>
      <c r="U343" s="221" t="s">
        <v>1076</v>
      </c>
      <c r="V343" s="546" t="s">
        <v>107</v>
      </c>
      <c r="W343" s="547"/>
      <c r="X343" s="547"/>
      <c r="Y343" s="547"/>
      <c r="Z343" s="548"/>
      <c r="AA343" s="623" t="s">
        <v>108</v>
      </c>
      <c r="AB343" s="624"/>
      <c r="AC343" s="625"/>
      <c r="AD343" s="415">
        <v>6</v>
      </c>
      <c r="AE343" s="415">
        <v>0</v>
      </c>
      <c r="AF343" s="541"/>
      <c r="AG343" s="542"/>
      <c r="AH343" s="549"/>
      <c r="AI343" s="550"/>
      <c r="AJ343" s="551"/>
      <c r="AK343" s="332"/>
      <c r="AL343" s="38"/>
      <c r="AM343" s="54"/>
      <c r="AN343" s="13" t="str">
        <f t="shared" si="19"/>
        <v>■</v>
      </c>
    </row>
    <row r="344" spans="1:40" s="13" customFormat="1" ht="13.4" customHeight="1">
      <c r="A344" s="20" t="str">
        <f t="shared" si="16"/>
        <v>HH</v>
      </c>
      <c r="B344" s="20"/>
      <c r="C344" s="541">
        <v>12</v>
      </c>
      <c r="D344" s="542"/>
      <c r="E344" s="543" t="s">
        <v>1077</v>
      </c>
      <c r="F344" s="544"/>
      <c r="G344" s="544"/>
      <c r="H344" s="544"/>
      <c r="I344" s="544"/>
      <c r="J344" s="544"/>
      <c r="K344" s="544"/>
      <c r="L344" s="544"/>
      <c r="M344" s="544"/>
      <c r="N344" s="544"/>
      <c r="O344" s="544"/>
      <c r="P344" s="544"/>
      <c r="Q344" s="544"/>
      <c r="R344" s="544"/>
      <c r="S344" s="544"/>
      <c r="T344" s="545"/>
      <c r="U344" s="221" t="s">
        <v>1078</v>
      </c>
      <c r="V344" s="546" t="s">
        <v>107</v>
      </c>
      <c r="W344" s="547"/>
      <c r="X344" s="547"/>
      <c r="Y344" s="547"/>
      <c r="Z344" s="548"/>
      <c r="AA344" s="623" t="s">
        <v>108</v>
      </c>
      <c r="AB344" s="624"/>
      <c r="AC344" s="625"/>
      <c r="AD344" s="415">
        <v>2</v>
      </c>
      <c r="AE344" s="415">
        <v>0</v>
      </c>
      <c r="AF344" s="541"/>
      <c r="AG344" s="542"/>
      <c r="AH344" s="549"/>
      <c r="AI344" s="550"/>
      <c r="AJ344" s="551"/>
      <c r="AK344" s="332"/>
      <c r="AL344" s="38"/>
      <c r="AM344" s="54"/>
      <c r="AN344" s="13" t="str">
        <f t="shared" si="19"/>
        <v>■</v>
      </c>
    </row>
    <row r="345" spans="1:40" s="13" customFormat="1" ht="13.4" customHeight="1">
      <c r="A345" s="20" t="str">
        <f t="shared" si="16"/>
        <v>HH</v>
      </c>
      <c r="B345" s="20"/>
      <c r="C345" s="541">
        <v>13</v>
      </c>
      <c r="D345" s="542"/>
      <c r="E345" s="543" t="s">
        <v>1079</v>
      </c>
      <c r="F345" s="544"/>
      <c r="G345" s="544"/>
      <c r="H345" s="544"/>
      <c r="I345" s="544"/>
      <c r="J345" s="544"/>
      <c r="K345" s="544"/>
      <c r="L345" s="544"/>
      <c r="M345" s="544"/>
      <c r="N345" s="544"/>
      <c r="O345" s="544"/>
      <c r="P345" s="544"/>
      <c r="Q345" s="544"/>
      <c r="R345" s="544"/>
      <c r="S345" s="544"/>
      <c r="T345" s="545"/>
      <c r="U345" s="221" t="s">
        <v>1080</v>
      </c>
      <c r="V345" s="546" t="s">
        <v>107</v>
      </c>
      <c r="W345" s="547"/>
      <c r="X345" s="547"/>
      <c r="Y345" s="547"/>
      <c r="Z345" s="548"/>
      <c r="AA345" s="623" t="s">
        <v>108</v>
      </c>
      <c r="AB345" s="624"/>
      <c r="AC345" s="625"/>
      <c r="AD345" s="415">
        <v>7</v>
      </c>
      <c r="AE345" s="415">
        <v>0</v>
      </c>
      <c r="AF345" s="541"/>
      <c r="AG345" s="542"/>
      <c r="AH345" s="549"/>
      <c r="AI345" s="550"/>
      <c r="AJ345" s="551"/>
      <c r="AK345" s="332"/>
      <c r="AL345" s="38"/>
      <c r="AM345" s="54"/>
      <c r="AN345" s="13" t="str">
        <f t="shared" si="19"/>
        <v>■</v>
      </c>
    </row>
    <row r="346" spans="1:40" s="13" customFormat="1" ht="13.4" customHeight="1">
      <c r="A346" s="20" t="str">
        <f t="shared" si="16"/>
        <v>HH</v>
      </c>
      <c r="B346" s="20"/>
      <c r="C346" s="541">
        <v>14</v>
      </c>
      <c r="D346" s="542"/>
      <c r="E346" s="543" t="s">
        <v>409</v>
      </c>
      <c r="F346" s="544"/>
      <c r="G346" s="544"/>
      <c r="H346" s="544"/>
      <c r="I346" s="544"/>
      <c r="J346" s="544"/>
      <c r="K346" s="544"/>
      <c r="L346" s="544"/>
      <c r="M346" s="544"/>
      <c r="N346" s="544"/>
      <c r="O346" s="544"/>
      <c r="P346" s="544"/>
      <c r="Q346" s="544"/>
      <c r="R346" s="544"/>
      <c r="S346" s="544"/>
      <c r="T346" s="545"/>
      <c r="U346" s="221" t="s">
        <v>453</v>
      </c>
      <c r="V346" s="546" t="s">
        <v>107</v>
      </c>
      <c r="W346" s="547"/>
      <c r="X346" s="547"/>
      <c r="Y346" s="547"/>
      <c r="Z346" s="548"/>
      <c r="AA346" s="623" t="s">
        <v>102</v>
      </c>
      <c r="AB346" s="624"/>
      <c r="AC346" s="625"/>
      <c r="AD346" s="415">
        <v>6</v>
      </c>
      <c r="AE346" s="415" t="s">
        <v>103</v>
      </c>
      <c r="AF346" s="541"/>
      <c r="AG346" s="542"/>
      <c r="AH346" s="549"/>
      <c r="AI346" s="550"/>
      <c r="AJ346" s="551"/>
      <c r="AK346" s="332"/>
      <c r="AL346" s="38"/>
      <c r="AM346" s="54"/>
      <c r="AN346" s="13" t="str">
        <f t="shared" si="19"/>
        <v>■</v>
      </c>
    </row>
    <row r="347" spans="1:40" s="13" customFormat="1" ht="13.4" customHeight="1">
      <c r="A347" s="20" t="str">
        <f t="shared" si="16"/>
        <v>HH</v>
      </c>
      <c r="B347" s="20"/>
      <c r="C347" s="541">
        <v>15</v>
      </c>
      <c r="D347" s="542"/>
      <c r="E347" s="543" t="s">
        <v>411</v>
      </c>
      <c r="F347" s="544"/>
      <c r="G347" s="544"/>
      <c r="H347" s="544"/>
      <c r="I347" s="544"/>
      <c r="J347" s="544"/>
      <c r="K347" s="544"/>
      <c r="L347" s="544"/>
      <c r="M347" s="544"/>
      <c r="N347" s="544"/>
      <c r="O347" s="544"/>
      <c r="P347" s="544"/>
      <c r="Q347" s="544"/>
      <c r="R347" s="544"/>
      <c r="S347" s="544"/>
      <c r="T347" s="545"/>
      <c r="U347" s="221" t="s">
        <v>516</v>
      </c>
      <c r="V347" s="546" t="s">
        <v>107</v>
      </c>
      <c r="W347" s="547"/>
      <c r="X347" s="547"/>
      <c r="Y347" s="547"/>
      <c r="Z347" s="548"/>
      <c r="AA347" s="623" t="s">
        <v>102</v>
      </c>
      <c r="AB347" s="624"/>
      <c r="AC347" s="625"/>
      <c r="AD347" s="415">
        <v>6</v>
      </c>
      <c r="AE347" s="415" t="s">
        <v>103</v>
      </c>
      <c r="AF347" s="541"/>
      <c r="AG347" s="542"/>
      <c r="AH347" s="549"/>
      <c r="AI347" s="550"/>
      <c r="AJ347" s="551"/>
      <c r="AK347" s="332"/>
      <c r="AL347" s="29"/>
      <c r="AM347" s="54"/>
      <c r="AN347" s="13" t="str">
        <f t="shared" si="19"/>
        <v>■</v>
      </c>
    </row>
    <row r="348" spans="1:40" s="13" customFormat="1" ht="13.4" customHeight="1">
      <c r="A348" s="20" t="str">
        <f t="shared" si="16"/>
        <v>HH</v>
      </c>
      <c r="B348" s="20"/>
      <c r="C348" s="541">
        <v>16</v>
      </c>
      <c r="D348" s="542"/>
      <c r="E348" s="543" t="s">
        <v>970</v>
      </c>
      <c r="F348" s="544"/>
      <c r="G348" s="544"/>
      <c r="H348" s="544"/>
      <c r="I348" s="544"/>
      <c r="J348" s="544"/>
      <c r="K348" s="544"/>
      <c r="L348" s="544"/>
      <c r="M348" s="544"/>
      <c r="N348" s="544"/>
      <c r="O348" s="544"/>
      <c r="P348" s="544"/>
      <c r="Q348" s="544"/>
      <c r="R348" s="544"/>
      <c r="S348" s="544"/>
      <c r="T348" s="545"/>
      <c r="U348" s="221" t="s">
        <v>971</v>
      </c>
      <c r="V348" s="546" t="s">
        <v>107</v>
      </c>
      <c r="W348" s="547"/>
      <c r="X348" s="547"/>
      <c r="Y348" s="547"/>
      <c r="Z348" s="548"/>
      <c r="AA348" s="623" t="s">
        <v>102</v>
      </c>
      <c r="AB348" s="624"/>
      <c r="AC348" s="625"/>
      <c r="AD348" s="415">
        <v>1</v>
      </c>
      <c r="AE348" s="415" t="s">
        <v>103</v>
      </c>
      <c r="AF348" s="541"/>
      <c r="AG348" s="542"/>
      <c r="AH348" s="549"/>
      <c r="AI348" s="550"/>
      <c r="AJ348" s="551"/>
      <c r="AK348" s="332"/>
      <c r="AL348" s="48"/>
      <c r="AM348" s="54"/>
      <c r="AN348" s="13" t="str">
        <f t="shared" si="19"/>
        <v>■</v>
      </c>
    </row>
    <row r="349" spans="1:40" s="13" customFormat="1" ht="13.4" customHeight="1">
      <c r="A349" s="20" t="str">
        <f t="shared" si="16"/>
        <v>HH</v>
      </c>
      <c r="B349" s="20"/>
      <c r="C349" s="541">
        <v>17</v>
      </c>
      <c r="D349" s="542"/>
      <c r="E349" s="543" t="s">
        <v>976</v>
      </c>
      <c r="F349" s="544"/>
      <c r="G349" s="544"/>
      <c r="H349" s="544"/>
      <c r="I349" s="544"/>
      <c r="J349" s="544"/>
      <c r="K349" s="544"/>
      <c r="L349" s="544"/>
      <c r="M349" s="544"/>
      <c r="N349" s="544"/>
      <c r="O349" s="544"/>
      <c r="P349" s="544"/>
      <c r="Q349" s="544"/>
      <c r="R349" s="544"/>
      <c r="S349" s="544"/>
      <c r="T349" s="545"/>
      <c r="U349" s="221" t="s">
        <v>977</v>
      </c>
      <c r="V349" s="546" t="s">
        <v>107</v>
      </c>
      <c r="W349" s="547"/>
      <c r="X349" s="547"/>
      <c r="Y349" s="547"/>
      <c r="Z349" s="548"/>
      <c r="AA349" s="623" t="s">
        <v>108</v>
      </c>
      <c r="AB349" s="624"/>
      <c r="AC349" s="625"/>
      <c r="AD349" s="415">
        <v>2</v>
      </c>
      <c r="AE349" s="415">
        <v>0</v>
      </c>
      <c r="AF349" s="541"/>
      <c r="AG349" s="542"/>
      <c r="AH349" s="549"/>
      <c r="AI349" s="550"/>
      <c r="AJ349" s="551"/>
      <c r="AK349" s="332"/>
      <c r="AL349" s="37"/>
      <c r="AM349" s="54"/>
      <c r="AN349" s="13" t="str">
        <f t="shared" si="19"/>
        <v>■</v>
      </c>
    </row>
    <row r="350" spans="1:40" ht="13.4" customHeight="1">
      <c r="A350" s="20" t="str">
        <f t="shared" si="16"/>
        <v>HH</v>
      </c>
      <c r="B350" s="25"/>
      <c r="V350" s="238"/>
      <c r="W350" s="238"/>
      <c r="X350" s="238"/>
      <c r="Y350" s="238"/>
      <c r="Z350" s="238"/>
      <c r="AA350" s="629"/>
      <c r="AB350" s="629"/>
      <c r="AC350" s="629"/>
      <c r="AD350" s="238"/>
      <c r="AE350" s="238"/>
      <c r="AF350" s="238"/>
      <c r="AG350" s="238"/>
      <c r="AH350" s="238"/>
      <c r="AI350" s="238"/>
      <c r="AJ350" s="238"/>
      <c r="AK350" s="55"/>
      <c r="AL350" s="37"/>
      <c r="AM350" s="16"/>
    </row>
    <row r="351" spans="1:40" s="1" customFormat="1" ht="13.4" customHeight="1">
      <c r="A351" s="20" t="str">
        <f t="shared" si="16"/>
        <v>GT</v>
      </c>
      <c r="B351" s="20"/>
      <c r="C351" s="52" t="s">
        <v>380</v>
      </c>
      <c r="D351" s="53"/>
      <c r="E351" s="26"/>
      <c r="F351" s="26"/>
      <c r="G351" s="26"/>
      <c r="H351" s="26"/>
      <c r="I351" s="26"/>
      <c r="J351" s="26" t="s">
        <v>1081</v>
      </c>
      <c r="K351" s="71"/>
      <c r="L351" s="26"/>
      <c r="M351" s="71"/>
      <c r="N351" s="26"/>
      <c r="O351" s="26"/>
      <c r="P351" s="26"/>
      <c r="Q351" s="26"/>
      <c r="R351" s="26"/>
      <c r="S351" s="26"/>
      <c r="T351" s="26"/>
      <c r="U351" s="26" t="s">
        <v>1082</v>
      </c>
      <c r="V351" s="122"/>
      <c r="W351" s="122"/>
      <c r="X351" s="122"/>
      <c r="Y351" s="122"/>
      <c r="Z351" s="122"/>
      <c r="AA351" s="630"/>
      <c r="AB351" s="630"/>
      <c r="AC351" s="630"/>
      <c r="AD351" s="122"/>
      <c r="AE351" s="122"/>
      <c r="AF351" s="122"/>
      <c r="AG351" s="122"/>
      <c r="AH351" s="122"/>
      <c r="AI351" s="122"/>
      <c r="AJ351" s="122"/>
      <c r="AK351" s="26"/>
      <c r="AL351" s="38"/>
      <c r="AM351" s="26"/>
    </row>
    <row r="352" spans="1:40" ht="13.5" customHeight="1">
      <c r="A352" s="20" t="str">
        <f t="shared" si="16"/>
        <v>GT</v>
      </c>
      <c r="B352" s="51"/>
      <c r="C352" s="583" t="s">
        <v>73</v>
      </c>
      <c r="D352" s="573"/>
      <c r="E352" s="583" t="s">
        <v>94</v>
      </c>
      <c r="F352" s="583"/>
      <c r="G352" s="583"/>
      <c r="H352" s="583"/>
      <c r="I352" s="583"/>
      <c r="J352" s="583"/>
      <c r="K352" s="583"/>
      <c r="L352" s="583"/>
      <c r="M352" s="583"/>
      <c r="N352" s="583"/>
      <c r="O352" s="583"/>
      <c r="P352" s="583"/>
      <c r="Q352" s="583"/>
      <c r="R352" s="583"/>
      <c r="S352" s="583"/>
      <c r="T352" s="583"/>
      <c r="U352" s="226" t="s">
        <v>383</v>
      </c>
      <c r="V352" s="572" t="s">
        <v>138</v>
      </c>
      <c r="W352" s="572"/>
      <c r="X352" s="572"/>
      <c r="Y352" s="572"/>
      <c r="Z352" s="572"/>
      <c r="AA352" s="575" t="s">
        <v>959</v>
      </c>
      <c r="AB352" s="576"/>
      <c r="AC352" s="577"/>
      <c r="AD352" s="572" t="s">
        <v>97</v>
      </c>
      <c r="AE352" s="572"/>
      <c r="AF352" s="572" t="s">
        <v>98</v>
      </c>
      <c r="AG352" s="572"/>
      <c r="AH352" s="583" t="s">
        <v>75</v>
      </c>
      <c r="AI352" s="583"/>
      <c r="AJ352" s="583"/>
      <c r="AK352" s="621" t="s">
        <v>159</v>
      </c>
      <c r="AL352" s="38"/>
      <c r="AM352" s="16"/>
    </row>
    <row r="353" spans="1:40" ht="13.4" customHeight="1">
      <c r="A353" s="20" t="str">
        <f t="shared" si="16"/>
        <v>GT</v>
      </c>
      <c r="B353" s="51"/>
      <c r="C353" s="573"/>
      <c r="D353" s="573"/>
      <c r="E353" s="583"/>
      <c r="F353" s="583"/>
      <c r="G353" s="583"/>
      <c r="H353" s="583"/>
      <c r="I353" s="583"/>
      <c r="J353" s="583"/>
      <c r="K353" s="583"/>
      <c r="L353" s="583"/>
      <c r="M353" s="583"/>
      <c r="N353" s="583"/>
      <c r="O353" s="583"/>
      <c r="P353" s="583"/>
      <c r="Q353" s="583"/>
      <c r="R353" s="583"/>
      <c r="S353" s="583"/>
      <c r="T353" s="583"/>
      <c r="U353" s="227"/>
      <c r="V353" s="572"/>
      <c r="W353" s="572"/>
      <c r="X353" s="572"/>
      <c r="Y353" s="572"/>
      <c r="Z353" s="572"/>
      <c r="AA353" s="578"/>
      <c r="AB353" s="579"/>
      <c r="AC353" s="580"/>
      <c r="AD353" s="572"/>
      <c r="AE353" s="572"/>
      <c r="AF353" s="572"/>
      <c r="AG353" s="572"/>
      <c r="AH353" s="583"/>
      <c r="AI353" s="583"/>
      <c r="AJ353" s="583"/>
      <c r="AK353" s="622"/>
      <c r="AL353" s="38"/>
      <c r="AM353" s="16"/>
    </row>
    <row r="354" spans="1:40" s="13" customFormat="1" ht="13.4" customHeight="1">
      <c r="A354" s="20" t="str">
        <f t="shared" si="16"/>
        <v>GT</v>
      </c>
      <c r="B354" s="20"/>
      <c r="C354" s="541">
        <v>1</v>
      </c>
      <c r="D354" s="542"/>
      <c r="E354" s="563" t="s">
        <v>440</v>
      </c>
      <c r="F354" s="564"/>
      <c r="G354" s="564"/>
      <c r="H354" s="564"/>
      <c r="I354" s="564"/>
      <c r="J354" s="564"/>
      <c r="K354" s="564"/>
      <c r="L354" s="564"/>
      <c r="M354" s="564"/>
      <c r="N354" s="564"/>
      <c r="O354" s="564"/>
      <c r="P354" s="564"/>
      <c r="Q354" s="564"/>
      <c r="R354" s="564"/>
      <c r="S354" s="564"/>
      <c r="T354" s="565"/>
      <c r="U354" s="219" t="s">
        <v>441</v>
      </c>
      <c r="V354" s="546" t="s">
        <v>101</v>
      </c>
      <c r="W354" s="547"/>
      <c r="X354" s="547"/>
      <c r="Y354" s="547"/>
      <c r="Z354" s="548"/>
      <c r="AA354" s="623" t="s">
        <v>102</v>
      </c>
      <c r="AB354" s="624"/>
      <c r="AC354" s="625"/>
      <c r="AD354" s="415">
        <v>10</v>
      </c>
      <c r="AE354" s="415" t="s">
        <v>103</v>
      </c>
      <c r="AF354" s="541"/>
      <c r="AG354" s="542"/>
      <c r="AH354" s="549"/>
      <c r="AI354" s="550"/>
      <c r="AJ354" s="551"/>
      <c r="AK354" s="265"/>
      <c r="AL354" s="38"/>
      <c r="AM354" s="54"/>
      <c r="AN354" s="13" t="str">
        <f>$M$21</f>
        <v>■</v>
      </c>
    </row>
    <row r="355" spans="1:40" s="13" customFormat="1" ht="13.4" customHeight="1">
      <c r="A355" s="20" t="str">
        <f t="shared" ref="A355:A418" si="20">IF(LEN(J355)&gt;0,MID(J355,FIND("（",J355,1)+1,2),A354)</f>
        <v>GT</v>
      </c>
      <c r="B355" s="20"/>
      <c r="C355" s="541">
        <v>2</v>
      </c>
      <c r="D355" s="542"/>
      <c r="E355" s="563" t="s">
        <v>442</v>
      </c>
      <c r="F355" s="564"/>
      <c r="G355" s="564"/>
      <c r="H355" s="564"/>
      <c r="I355" s="564"/>
      <c r="J355" s="564"/>
      <c r="K355" s="564"/>
      <c r="L355" s="564"/>
      <c r="M355" s="564"/>
      <c r="N355" s="564"/>
      <c r="O355" s="564"/>
      <c r="P355" s="564"/>
      <c r="Q355" s="564"/>
      <c r="R355" s="564"/>
      <c r="S355" s="564"/>
      <c r="T355" s="565"/>
      <c r="U355" s="219" t="s">
        <v>443</v>
      </c>
      <c r="V355" s="546" t="s">
        <v>101</v>
      </c>
      <c r="W355" s="547"/>
      <c r="X355" s="547"/>
      <c r="Y355" s="547"/>
      <c r="Z355" s="548"/>
      <c r="AA355" s="623" t="s">
        <v>102</v>
      </c>
      <c r="AB355" s="624"/>
      <c r="AC355" s="625"/>
      <c r="AD355" s="415">
        <v>51</v>
      </c>
      <c r="AE355" s="415" t="s">
        <v>103</v>
      </c>
      <c r="AF355" s="541"/>
      <c r="AG355" s="542"/>
      <c r="AH355" s="549"/>
      <c r="AI355" s="550"/>
      <c r="AJ355" s="551"/>
      <c r="AK355" s="265"/>
      <c r="AL355" s="38"/>
      <c r="AM355" s="54"/>
      <c r="AN355" s="13" t="str">
        <f t="shared" ref="AN355:AN373" si="21">$M$21</f>
        <v>■</v>
      </c>
    </row>
    <row r="356" spans="1:40" s="13" customFormat="1" ht="13.4" customHeight="1">
      <c r="A356" s="20" t="str">
        <f t="shared" si="20"/>
        <v>GT</v>
      </c>
      <c r="B356" s="20"/>
      <c r="C356" s="552">
        <v>3</v>
      </c>
      <c r="D356" s="553"/>
      <c r="E356" s="566" t="s">
        <v>106</v>
      </c>
      <c r="F356" s="567"/>
      <c r="G356" s="567"/>
      <c r="H356" s="567"/>
      <c r="I356" s="567"/>
      <c r="J356" s="567"/>
      <c r="K356" s="567"/>
      <c r="L356" s="567"/>
      <c r="M356" s="567"/>
      <c r="N356" s="567"/>
      <c r="O356" s="567"/>
      <c r="P356" s="567"/>
      <c r="Q356" s="567"/>
      <c r="R356" s="567"/>
      <c r="S356" s="567"/>
      <c r="T356" s="568"/>
      <c r="U356" s="220" t="s">
        <v>444</v>
      </c>
      <c r="V356" s="557" t="s">
        <v>107</v>
      </c>
      <c r="W356" s="558"/>
      <c r="X356" s="558"/>
      <c r="Y356" s="558"/>
      <c r="Z356" s="559"/>
      <c r="AA356" s="626" t="s">
        <v>108</v>
      </c>
      <c r="AB356" s="627"/>
      <c r="AC356" s="628"/>
      <c r="AD356" s="419">
        <v>1</v>
      </c>
      <c r="AE356" s="419">
        <v>0</v>
      </c>
      <c r="AF356" s="552" t="s">
        <v>109</v>
      </c>
      <c r="AG356" s="553"/>
      <c r="AH356" s="560"/>
      <c r="AI356" s="561"/>
      <c r="AJ356" s="562"/>
      <c r="AK356" s="321" t="s">
        <v>391</v>
      </c>
      <c r="AL356" s="38"/>
      <c r="AM356" s="54"/>
      <c r="AN356" s="13" t="str">
        <f t="shared" si="21"/>
        <v>■</v>
      </c>
    </row>
    <row r="357" spans="1:40" s="13" customFormat="1" ht="13.4" customHeight="1">
      <c r="A357" s="20" t="str">
        <f t="shared" si="20"/>
        <v>GT</v>
      </c>
      <c r="B357" s="20"/>
      <c r="C357" s="541">
        <v>4</v>
      </c>
      <c r="D357" s="542"/>
      <c r="E357" s="563" t="s">
        <v>110</v>
      </c>
      <c r="F357" s="564"/>
      <c r="G357" s="564"/>
      <c r="H357" s="564"/>
      <c r="I357" s="564"/>
      <c r="J357" s="564"/>
      <c r="K357" s="564"/>
      <c r="L357" s="564"/>
      <c r="M357" s="564"/>
      <c r="N357" s="564"/>
      <c r="O357" s="564"/>
      <c r="P357" s="564"/>
      <c r="Q357" s="564"/>
      <c r="R357" s="564"/>
      <c r="S357" s="564"/>
      <c r="T357" s="565"/>
      <c r="U357" s="221" t="s">
        <v>445</v>
      </c>
      <c r="V357" s="546" t="s">
        <v>107</v>
      </c>
      <c r="W357" s="547"/>
      <c r="X357" s="547"/>
      <c r="Y357" s="547"/>
      <c r="Z357" s="548"/>
      <c r="AA357" s="623" t="s">
        <v>108</v>
      </c>
      <c r="AB357" s="624"/>
      <c r="AC357" s="625"/>
      <c r="AD357" s="415">
        <v>1</v>
      </c>
      <c r="AE357" s="415">
        <v>0</v>
      </c>
      <c r="AF357" s="541"/>
      <c r="AG357" s="542"/>
      <c r="AH357" s="549"/>
      <c r="AI357" s="550"/>
      <c r="AJ357" s="551"/>
      <c r="AK357" s="265"/>
      <c r="AL357" s="38"/>
      <c r="AM357" s="54"/>
      <c r="AN357" s="13" t="str">
        <f t="shared" si="21"/>
        <v>■</v>
      </c>
    </row>
    <row r="358" spans="1:40" s="13" customFormat="1">
      <c r="A358" s="20" t="str">
        <f t="shared" si="20"/>
        <v>GT</v>
      </c>
      <c r="B358" s="20"/>
      <c r="C358" s="541">
        <v>5</v>
      </c>
      <c r="D358" s="542"/>
      <c r="E358" s="543" t="s">
        <v>80</v>
      </c>
      <c r="F358" s="544"/>
      <c r="G358" s="544"/>
      <c r="H358" s="544"/>
      <c r="I358" s="544"/>
      <c r="J358" s="544"/>
      <c r="K358" s="544"/>
      <c r="L358" s="544"/>
      <c r="M358" s="544"/>
      <c r="N358" s="544"/>
      <c r="O358" s="544"/>
      <c r="P358" s="544"/>
      <c r="Q358" s="544"/>
      <c r="R358" s="544"/>
      <c r="S358" s="544"/>
      <c r="T358" s="545"/>
      <c r="U358" s="221" t="s">
        <v>446</v>
      </c>
      <c r="V358" s="546" t="s">
        <v>101</v>
      </c>
      <c r="W358" s="547"/>
      <c r="X358" s="547"/>
      <c r="Y358" s="547"/>
      <c r="Z358" s="548"/>
      <c r="AA358" s="623" t="s">
        <v>102</v>
      </c>
      <c r="AB358" s="624"/>
      <c r="AC358" s="625"/>
      <c r="AD358" s="415">
        <v>2</v>
      </c>
      <c r="AE358" s="415" t="s">
        <v>103</v>
      </c>
      <c r="AF358" s="541"/>
      <c r="AG358" s="542"/>
      <c r="AH358" s="549"/>
      <c r="AI358" s="550"/>
      <c r="AJ358" s="551"/>
      <c r="AK358" s="265"/>
      <c r="AL358" s="38"/>
      <c r="AM358" s="54"/>
      <c r="AN358" s="13" t="str">
        <f t="shared" si="21"/>
        <v>■</v>
      </c>
    </row>
    <row r="359" spans="1:40" s="13" customFormat="1">
      <c r="A359" s="20" t="str">
        <f t="shared" si="20"/>
        <v>GT</v>
      </c>
      <c r="B359" s="20"/>
      <c r="C359" s="541">
        <v>6</v>
      </c>
      <c r="D359" s="542"/>
      <c r="E359" s="543" t="s">
        <v>1083</v>
      </c>
      <c r="F359" s="544"/>
      <c r="G359" s="544"/>
      <c r="H359" s="544"/>
      <c r="I359" s="544"/>
      <c r="J359" s="544"/>
      <c r="K359" s="544"/>
      <c r="L359" s="544"/>
      <c r="M359" s="544"/>
      <c r="N359" s="544"/>
      <c r="O359" s="544"/>
      <c r="P359" s="544"/>
      <c r="Q359" s="544"/>
      <c r="R359" s="544"/>
      <c r="S359" s="544"/>
      <c r="T359" s="545"/>
      <c r="U359" s="221" t="s">
        <v>1084</v>
      </c>
      <c r="V359" s="546" t="s">
        <v>107</v>
      </c>
      <c r="W359" s="547"/>
      <c r="X359" s="547"/>
      <c r="Y359" s="547"/>
      <c r="Z359" s="548"/>
      <c r="AA359" s="623" t="s">
        <v>102</v>
      </c>
      <c r="AB359" s="624"/>
      <c r="AC359" s="625"/>
      <c r="AD359" s="415">
        <v>6</v>
      </c>
      <c r="AE359" s="415" t="s">
        <v>103</v>
      </c>
      <c r="AF359" s="541"/>
      <c r="AG359" s="542"/>
      <c r="AH359" s="549"/>
      <c r="AI359" s="550"/>
      <c r="AJ359" s="551"/>
      <c r="AK359" s="265"/>
      <c r="AL359" s="38"/>
      <c r="AM359" s="54"/>
      <c r="AN359" s="13" t="str">
        <f t="shared" si="21"/>
        <v>■</v>
      </c>
    </row>
    <row r="360" spans="1:40" s="13" customFormat="1" ht="13.4" customHeight="1">
      <c r="A360" s="20" t="str">
        <f t="shared" si="20"/>
        <v>GT</v>
      </c>
      <c r="B360" s="20"/>
      <c r="C360" s="541">
        <v>7</v>
      </c>
      <c r="D360" s="542"/>
      <c r="E360" s="543" t="s">
        <v>1059</v>
      </c>
      <c r="F360" s="544"/>
      <c r="G360" s="544"/>
      <c r="H360" s="544"/>
      <c r="I360" s="544"/>
      <c r="J360" s="544"/>
      <c r="K360" s="544"/>
      <c r="L360" s="544"/>
      <c r="M360" s="544"/>
      <c r="N360" s="544"/>
      <c r="O360" s="544"/>
      <c r="P360" s="544"/>
      <c r="Q360" s="544"/>
      <c r="R360" s="544"/>
      <c r="S360" s="544"/>
      <c r="T360" s="545"/>
      <c r="U360" s="221" t="s">
        <v>1060</v>
      </c>
      <c r="V360" s="546" t="s">
        <v>107</v>
      </c>
      <c r="W360" s="547"/>
      <c r="X360" s="547"/>
      <c r="Y360" s="547"/>
      <c r="Z360" s="548"/>
      <c r="AA360" s="623" t="s">
        <v>102</v>
      </c>
      <c r="AB360" s="624"/>
      <c r="AC360" s="625"/>
      <c r="AD360" s="415">
        <v>1</v>
      </c>
      <c r="AE360" s="415" t="s">
        <v>103</v>
      </c>
      <c r="AF360" s="541"/>
      <c r="AG360" s="542"/>
      <c r="AH360" s="549"/>
      <c r="AI360" s="550"/>
      <c r="AJ360" s="551"/>
      <c r="AK360" s="265"/>
      <c r="AL360" s="38"/>
      <c r="AM360" s="54"/>
      <c r="AN360" s="13" t="str">
        <f t="shared" si="21"/>
        <v>■</v>
      </c>
    </row>
    <row r="361" spans="1:40" s="13" customFormat="1" ht="13.4" customHeight="1">
      <c r="A361" s="20" t="str">
        <f t="shared" si="20"/>
        <v>GT</v>
      </c>
      <c r="B361" s="20"/>
      <c r="C361" s="541">
        <v>8</v>
      </c>
      <c r="D361" s="542"/>
      <c r="E361" s="543" t="s">
        <v>1071</v>
      </c>
      <c r="F361" s="544"/>
      <c r="G361" s="544"/>
      <c r="H361" s="544"/>
      <c r="I361" s="544"/>
      <c r="J361" s="544"/>
      <c r="K361" s="544"/>
      <c r="L361" s="544"/>
      <c r="M361" s="544"/>
      <c r="N361" s="544"/>
      <c r="O361" s="544"/>
      <c r="P361" s="544"/>
      <c r="Q361" s="544"/>
      <c r="R361" s="544"/>
      <c r="S361" s="544"/>
      <c r="T361" s="545"/>
      <c r="U361" s="221" t="s">
        <v>1072</v>
      </c>
      <c r="V361" s="546" t="s">
        <v>107</v>
      </c>
      <c r="W361" s="547"/>
      <c r="X361" s="547"/>
      <c r="Y361" s="547"/>
      <c r="Z361" s="548"/>
      <c r="AA361" s="623" t="s">
        <v>102</v>
      </c>
      <c r="AB361" s="624"/>
      <c r="AC361" s="625"/>
      <c r="AD361" s="415">
        <v>1</v>
      </c>
      <c r="AE361" s="415" t="s">
        <v>103</v>
      </c>
      <c r="AF361" s="541"/>
      <c r="AG361" s="542"/>
      <c r="AH361" s="549"/>
      <c r="AI361" s="550"/>
      <c r="AJ361" s="551"/>
      <c r="AK361" s="265"/>
      <c r="AL361" s="38"/>
      <c r="AM361" s="54"/>
      <c r="AN361" s="13" t="str">
        <f t="shared" si="21"/>
        <v>■</v>
      </c>
    </row>
    <row r="362" spans="1:40" s="13" customFormat="1" ht="13.4" customHeight="1">
      <c r="A362" s="20" t="str">
        <f t="shared" si="20"/>
        <v>GT</v>
      </c>
      <c r="B362" s="20"/>
      <c r="C362" s="541">
        <v>9</v>
      </c>
      <c r="D362" s="542"/>
      <c r="E362" s="543" t="s">
        <v>606</v>
      </c>
      <c r="F362" s="544"/>
      <c r="G362" s="544"/>
      <c r="H362" s="544"/>
      <c r="I362" s="544"/>
      <c r="J362" s="544"/>
      <c r="K362" s="544"/>
      <c r="L362" s="544"/>
      <c r="M362" s="544"/>
      <c r="N362" s="544"/>
      <c r="O362" s="544"/>
      <c r="P362" s="544"/>
      <c r="Q362" s="544"/>
      <c r="R362" s="544"/>
      <c r="S362" s="544"/>
      <c r="T362" s="545"/>
      <c r="U362" s="221" t="s">
        <v>607</v>
      </c>
      <c r="V362" s="546" t="s">
        <v>101</v>
      </c>
      <c r="W362" s="547"/>
      <c r="X362" s="547"/>
      <c r="Y362" s="547"/>
      <c r="Z362" s="548"/>
      <c r="AA362" s="623" t="s">
        <v>102</v>
      </c>
      <c r="AB362" s="624"/>
      <c r="AC362" s="625"/>
      <c r="AD362" s="415">
        <v>1</v>
      </c>
      <c r="AE362" s="415" t="s">
        <v>103</v>
      </c>
      <c r="AF362" s="541"/>
      <c r="AG362" s="542"/>
      <c r="AH362" s="549"/>
      <c r="AI362" s="550"/>
      <c r="AJ362" s="551"/>
      <c r="AK362" s="265"/>
      <c r="AL362" s="38"/>
      <c r="AM362" s="54"/>
      <c r="AN362" s="13" t="str">
        <f t="shared" si="21"/>
        <v>■</v>
      </c>
    </row>
    <row r="363" spans="1:40" s="13" customFormat="1" ht="13.4" customHeight="1">
      <c r="A363" s="20" t="str">
        <f t="shared" si="20"/>
        <v>GT</v>
      </c>
      <c r="B363" s="20"/>
      <c r="C363" s="541">
        <v>10</v>
      </c>
      <c r="D363" s="542"/>
      <c r="E363" s="543" t="s">
        <v>1085</v>
      </c>
      <c r="F363" s="544"/>
      <c r="G363" s="544"/>
      <c r="H363" s="544"/>
      <c r="I363" s="544"/>
      <c r="J363" s="544"/>
      <c r="K363" s="544"/>
      <c r="L363" s="544"/>
      <c r="M363" s="544"/>
      <c r="N363" s="544"/>
      <c r="O363" s="544"/>
      <c r="P363" s="544"/>
      <c r="Q363" s="544"/>
      <c r="R363" s="544"/>
      <c r="S363" s="544"/>
      <c r="T363" s="545"/>
      <c r="U363" s="221" t="s">
        <v>1086</v>
      </c>
      <c r="V363" s="546" t="s">
        <v>107</v>
      </c>
      <c r="W363" s="547"/>
      <c r="X363" s="547"/>
      <c r="Y363" s="547"/>
      <c r="Z363" s="548"/>
      <c r="AA363" s="623" t="s">
        <v>108</v>
      </c>
      <c r="AB363" s="624"/>
      <c r="AC363" s="625"/>
      <c r="AD363" s="415">
        <v>7</v>
      </c>
      <c r="AE363" s="415">
        <v>0</v>
      </c>
      <c r="AF363" s="541"/>
      <c r="AG363" s="542"/>
      <c r="AH363" s="549"/>
      <c r="AI363" s="550"/>
      <c r="AJ363" s="551"/>
      <c r="AK363" s="265"/>
      <c r="AL363" s="38"/>
      <c r="AM363" s="54"/>
      <c r="AN363" s="13" t="str">
        <f t="shared" si="21"/>
        <v>■</v>
      </c>
    </row>
    <row r="364" spans="1:40" s="13" customFormat="1" ht="13.4" customHeight="1">
      <c r="A364" s="20" t="str">
        <f t="shared" si="20"/>
        <v>GT</v>
      </c>
      <c r="B364" s="20"/>
      <c r="C364" s="541">
        <v>11</v>
      </c>
      <c r="D364" s="542"/>
      <c r="E364" s="543" t="s">
        <v>1087</v>
      </c>
      <c r="F364" s="544"/>
      <c r="G364" s="544"/>
      <c r="H364" s="544"/>
      <c r="I364" s="544"/>
      <c r="J364" s="544"/>
      <c r="K364" s="544"/>
      <c r="L364" s="544"/>
      <c r="M364" s="544"/>
      <c r="N364" s="544"/>
      <c r="O364" s="544"/>
      <c r="P364" s="544"/>
      <c r="Q364" s="544"/>
      <c r="R364" s="544"/>
      <c r="S364" s="544"/>
      <c r="T364" s="545"/>
      <c r="U364" s="225" t="s">
        <v>1088</v>
      </c>
      <c r="V364" s="546" t="s">
        <v>107</v>
      </c>
      <c r="W364" s="547"/>
      <c r="X364" s="547"/>
      <c r="Y364" s="547"/>
      <c r="Z364" s="548"/>
      <c r="AA364" s="623" t="s">
        <v>108</v>
      </c>
      <c r="AB364" s="624"/>
      <c r="AC364" s="625"/>
      <c r="AD364" s="415">
        <v>7</v>
      </c>
      <c r="AE364" s="415">
        <v>0</v>
      </c>
      <c r="AF364" s="541"/>
      <c r="AG364" s="542"/>
      <c r="AH364" s="549"/>
      <c r="AI364" s="550"/>
      <c r="AJ364" s="551"/>
      <c r="AK364" s="265"/>
      <c r="AL364" s="38"/>
      <c r="AM364" s="54"/>
      <c r="AN364" s="13" t="str">
        <f t="shared" si="21"/>
        <v>■</v>
      </c>
    </row>
    <row r="365" spans="1:40" s="13" customFormat="1" ht="13.4" customHeight="1">
      <c r="A365" s="20" t="str">
        <f t="shared" si="20"/>
        <v>GT</v>
      </c>
      <c r="B365" s="20"/>
      <c r="C365" s="541">
        <v>12</v>
      </c>
      <c r="D365" s="542"/>
      <c r="E365" s="543" t="s">
        <v>1089</v>
      </c>
      <c r="F365" s="544"/>
      <c r="G365" s="544"/>
      <c r="H365" s="544"/>
      <c r="I365" s="544"/>
      <c r="J365" s="544"/>
      <c r="K365" s="544"/>
      <c r="L365" s="544"/>
      <c r="M365" s="544"/>
      <c r="N365" s="544"/>
      <c r="O365" s="544"/>
      <c r="P365" s="544"/>
      <c r="Q365" s="544"/>
      <c r="R365" s="544"/>
      <c r="S365" s="544"/>
      <c r="T365" s="545"/>
      <c r="U365" s="225" t="s">
        <v>1090</v>
      </c>
      <c r="V365" s="546" t="s">
        <v>107</v>
      </c>
      <c r="W365" s="547"/>
      <c r="X365" s="547"/>
      <c r="Y365" s="547"/>
      <c r="Z365" s="548"/>
      <c r="AA365" s="623" t="s">
        <v>108</v>
      </c>
      <c r="AB365" s="624"/>
      <c r="AC365" s="625"/>
      <c r="AD365" s="415">
        <v>7</v>
      </c>
      <c r="AE365" s="415">
        <v>0</v>
      </c>
      <c r="AF365" s="541"/>
      <c r="AG365" s="542"/>
      <c r="AH365" s="549"/>
      <c r="AI365" s="550"/>
      <c r="AJ365" s="551"/>
      <c r="AK365" s="265"/>
      <c r="AL365" s="38"/>
      <c r="AM365" s="54"/>
      <c r="AN365" s="13" t="str">
        <f t="shared" si="21"/>
        <v>■</v>
      </c>
    </row>
    <row r="366" spans="1:40" s="13" customFormat="1" ht="13.4" customHeight="1">
      <c r="A366" s="20" t="str">
        <f t="shared" si="20"/>
        <v>GT</v>
      </c>
      <c r="B366" s="20"/>
      <c r="C366" s="541">
        <v>13</v>
      </c>
      <c r="D366" s="542"/>
      <c r="E366" s="543" t="s">
        <v>1091</v>
      </c>
      <c r="F366" s="544"/>
      <c r="G366" s="544"/>
      <c r="H366" s="544"/>
      <c r="I366" s="544"/>
      <c r="J366" s="544"/>
      <c r="K366" s="544"/>
      <c r="L366" s="544"/>
      <c r="M366" s="544"/>
      <c r="N366" s="544"/>
      <c r="O366" s="544"/>
      <c r="P366" s="544"/>
      <c r="Q366" s="544"/>
      <c r="R366" s="544"/>
      <c r="S366" s="544"/>
      <c r="T366" s="545"/>
      <c r="U366" s="225" t="s">
        <v>1092</v>
      </c>
      <c r="V366" s="546" t="s">
        <v>107</v>
      </c>
      <c r="W366" s="547"/>
      <c r="X366" s="547"/>
      <c r="Y366" s="547"/>
      <c r="Z366" s="548"/>
      <c r="AA366" s="623" t="s">
        <v>108</v>
      </c>
      <c r="AB366" s="624"/>
      <c r="AC366" s="625"/>
      <c r="AD366" s="415">
        <v>8</v>
      </c>
      <c r="AE366" s="415">
        <v>0</v>
      </c>
      <c r="AF366" s="541"/>
      <c r="AG366" s="542"/>
      <c r="AH366" s="549"/>
      <c r="AI366" s="550"/>
      <c r="AJ366" s="551"/>
      <c r="AK366" s="265"/>
      <c r="AL366" s="38"/>
      <c r="AM366" s="54"/>
      <c r="AN366" s="13" t="str">
        <f t="shared" si="21"/>
        <v>■</v>
      </c>
    </row>
    <row r="367" spans="1:40" s="13" customFormat="1" ht="13.4" customHeight="1">
      <c r="A367" s="20" t="str">
        <f t="shared" si="20"/>
        <v>GT</v>
      </c>
      <c r="B367" s="20"/>
      <c r="C367" s="541">
        <v>14</v>
      </c>
      <c r="D367" s="542"/>
      <c r="E367" s="543" t="s">
        <v>172</v>
      </c>
      <c r="F367" s="544"/>
      <c r="G367" s="544"/>
      <c r="H367" s="544"/>
      <c r="I367" s="544"/>
      <c r="J367" s="544"/>
      <c r="K367" s="544"/>
      <c r="L367" s="544"/>
      <c r="M367" s="544"/>
      <c r="N367" s="544"/>
      <c r="O367" s="544"/>
      <c r="P367" s="544"/>
      <c r="Q367" s="544"/>
      <c r="R367" s="544"/>
      <c r="S367" s="544"/>
      <c r="T367" s="545"/>
      <c r="U367" s="225" t="s">
        <v>605</v>
      </c>
      <c r="V367" s="546" t="s">
        <v>107</v>
      </c>
      <c r="W367" s="547"/>
      <c r="X367" s="547"/>
      <c r="Y367" s="547"/>
      <c r="Z367" s="548"/>
      <c r="AA367" s="623" t="s">
        <v>102</v>
      </c>
      <c r="AB367" s="624"/>
      <c r="AC367" s="625"/>
      <c r="AD367" s="415">
        <v>2</v>
      </c>
      <c r="AE367" s="415" t="s">
        <v>103</v>
      </c>
      <c r="AF367" s="541"/>
      <c r="AG367" s="542"/>
      <c r="AH367" s="549"/>
      <c r="AI367" s="550"/>
      <c r="AJ367" s="551"/>
      <c r="AK367" s="265"/>
      <c r="AL367" s="38"/>
      <c r="AM367" s="54"/>
      <c r="AN367" s="13" t="str">
        <f t="shared" si="21"/>
        <v>■</v>
      </c>
    </row>
    <row r="368" spans="1:40" s="13" customFormat="1" ht="13.4" customHeight="1">
      <c r="A368" s="20" t="str">
        <f t="shared" si="20"/>
        <v>GT</v>
      </c>
      <c r="B368" s="20"/>
      <c r="C368" s="541">
        <v>15</v>
      </c>
      <c r="D368" s="542"/>
      <c r="E368" s="543" t="s">
        <v>1093</v>
      </c>
      <c r="F368" s="544"/>
      <c r="G368" s="544"/>
      <c r="H368" s="544"/>
      <c r="I368" s="544"/>
      <c r="J368" s="544"/>
      <c r="K368" s="544"/>
      <c r="L368" s="544"/>
      <c r="M368" s="544"/>
      <c r="N368" s="544"/>
      <c r="O368" s="544"/>
      <c r="P368" s="544"/>
      <c r="Q368" s="544"/>
      <c r="R368" s="544"/>
      <c r="S368" s="544"/>
      <c r="T368" s="545"/>
      <c r="U368" s="225" t="s">
        <v>1094</v>
      </c>
      <c r="V368" s="546" t="s">
        <v>107</v>
      </c>
      <c r="W368" s="547"/>
      <c r="X368" s="547"/>
      <c r="Y368" s="547"/>
      <c r="Z368" s="548"/>
      <c r="AA368" s="623" t="s">
        <v>102</v>
      </c>
      <c r="AB368" s="624"/>
      <c r="AC368" s="625"/>
      <c r="AD368" s="415">
        <v>8</v>
      </c>
      <c r="AE368" s="415" t="s">
        <v>103</v>
      </c>
      <c r="AF368" s="541"/>
      <c r="AG368" s="542"/>
      <c r="AH368" s="549"/>
      <c r="AI368" s="550"/>
      <c r="AJ368" s="551"/>
      <c r="AK368" s="265"/>
      <c r="AL368" s="38"/>
      <c r="AM368" s="54"/>
      <c r="AN368" s="13" t="str">
        <f t="shared" si="21"/>
        <v>■</v>
      </c>
    </row>
    <row r="369" spans="1:40" s="13" customFormat="1" ht="13.4" customHeight="1">
      <c r="A369" s="20" t="str">
        <f t="shared" si="20"/>
        <v>GT</v>
      </c>
      <c r="B369" s="20"/>
      <c r="C369" s="552">
        <v>16</v>
      </c>
      <c r="D369" s="553"/>
      <c r="E369" s="554" t="s">
        <v>1095</v>
      </c>
      <c r="F369" s="555"/>
      <c r="G369" s="555"/>
      <c r="H369" s="555"/>
      <c r="I369" s="555"/>
      <c r="J369" s="555"/>
      <c r="K369" s="555"/>
      <c r="L369" s="555"/>
      <c r="M369" s="555"/>
      <c r="N369" s="555"/>
      <c r="O369" s="555"/>
      <c r="P369" s="555"/>
      <c r="Q369" s="555"/>
      <c r="R369" s="555"/>
      <c r="S369" s="555"/>
      <c r="T369" s="556"/>
      <c r="U369" s="261" t="s">
        <v>731</v>
      </c>
      <c r="V369" s="557" t="s">
        <v>1054</v>
      </c>
      <c r="W369" s="558"/>
      <c r="X369" s="558"/>
      <c r="Y369" s="558"/>
      <c r="Z369" s="559"/>
      <c r="AA369" s="626" t="s">
        <v>102</v>
      </c>
      <c r="AB369" s="627"/>
      <c r="AC369" s="628"/>
      <c r="AD369" s="419">
        <v>20</v>
      </c>
      <c r="AE369" s="419" t="s">
        <v>103</v>
      </c>
      <c r="AF369" s="552" t="s">
        <v>109</v>
      </c>
      <c r="AG369" s="553"/>
      <c r="AH369" s="560"/>
      <c r="AI369" s="561"/>
      <c r="AJ369" s="562"/>
      <c r="AK369" s="333" t="s">
        <v>399</v>
      </c>
      <c r="AL369" s="38"/>
      <c r="AM369" s="54"/>
      <c r="AN369" s="13" t="str">
        <f t="shared" si="21"/>
        <v>■</v>
      </c>
    </row>
    <row r="370" spans="1:40" s="13" customFormat="1" ht="13.4" customHeight="1">
      <c r="A370" s="20" t="str">
        <f t="shared" si="20"/>
        <v>GT</v>
      </c>
      <c r="B370" s="20"/>
      <c r="C370" s="541">
        <v>17</v>
      </c>
      <c r="D370" s="542"/>
      <c r="E370" s="543" t="s">
        <v>409</v>
      </c>
      <c r="F370" s="544"/>
      <c r="G370" s="544"/>
      <c r="H370" s="544"/>
      <c r="I370" s="544"/>
      <c r="J370" s="544"/>
      <c r="K370" s="544"/>
      <c r="L370" s="544"/>
      <c r="M370" s="544"/>
      <c r="N370" s="544"/>
      <c r="O370" s="544"/>
      <c r="P370" s="544"/>
      <c r="Q370" s="544"/>
      <c r="R370" s="544"/>
      <c r="S370" s="544"/>
      <c r="T370" s="545"/>
      <c r="U370" s="221" t="s">
        <v>453</v>
      </c>
      <c r="V370" s="546" t="s">
        <v>107</v>
      </c>
      <c r="W370" s="547"/>
      <c r="X370" s="547"/>
      <c r="Y370" s="547"/>
      <c r="Z370" s="548"/>
      <c r="AA370" s="623" t="s">
        <v>102</v>
      </c>
      <c r="AB370" s="624"/>
      <c r="AC370" s="625"/>
      <c r="AD370" s="415">
        <v>6</v>
      </c>
      <c r="AE370" s="415" t="s">
        <v>103</v>
      </c>
      <c r="AF370" s="541"/>
      <c r="AG370" s="542"/>
      <c r="AH370" s="549"/>
      <c r="AI370" s="550"/>
      <c r="AJ370" s="551"/>
      <c r="AK370" s="265"/>
      <c r="AL370" s="38"/>
      <c r="AM370" s="54"/>
      <c r="AN370" s="13" t="str">
        <f t="shared" si="21"/>
        <v>■</v>
      </c>
    </row>
    <row r="371" spans="1:40" s="13" customFormat="1" ht="13.4" customHeight="1">
      <c r="A371" s="20" t="str">
        <f t="shared" si="20"/>
        <v>GT</v>
      </c>
      <c r="B371" s="20"/>
      <c r="C371" s="541">
        <v>18</v>
      </c>
      <c r="D371" s="542"/>
      <c r="E371" s="563" t="s">
        <v>411</v>
      </c>
      <c r="F371" s="564"/>
      <c r="G371" s="564"/>
      <c r="H371" s="564"/>
      <c r="I371" s="564"/>
      <c r="J371" s="564"/>
      <c r="K371" s="564"/>
      <c r="L371" s="564"/>
      <c r="M371" s="564"/>
      <c r="N371" s="564"/>
      <c r="O371" s="564"/>
      <c r="P371" s="564"/>
      <c r="Q371" s="564"/>
      <c r="R371" s="564"/>
      <c r="S371" s="564"/>
      <c r="T371" s="565"/>
      <c r="U371" s="221" t="s">
        <v>516</v>
      </c>
      <c r="V371" s="546" t="s">
        <v>107</v>
      </c>
      <c r="W371" s="547"/>
      <c r="X371" s="547"/>
      <c r="Y371" s="547"/>
      <c r="Z371" s="548"/>
      <c r="AA371" s="623" t="s">
        <v>102</v>
      </c>
      <c r="AB371" s="624"/>
      <c r="AC371" s="625"/>
      <c r="AD371" s="415">
        <v>6</v>
      </c>
      <c r="AE371" s="415" t="s">
        <v>103</v>
      </c>
      <c r="AF371" s="541"/>
      <c r="AG371" s="542"/>
      <c r="AH371" s="549"/>
      <c r="AI371" s="550"/>
      <c r="AJ371" s="551"/>
      <c r="AK371" s="265"/>
      <c r="AL371" s="29"/>
      <c r="AM371" s="54"/>
      <c r="AN371" s="13" t="str">
        <f t="shared" si="21"/>
        <v>■</v>
      </c>
    </row>
    <row r="372" spans="1:40" s="13" customFormat="1" ht="13.4" customHeight="1">
      <c r="A372" s="20" t="str">
        <f t="shared" si="20"/>
        <v>GT</v>
      </c>
      <c r="B372" s="20"/>
      <c r="C372" s="541">
        <v>19</v>
      </c>
      <c r="D372" s="542"/>
      <c r="E372" s="563" t="s">
        <v>970</v>
      </c>
      <c r="F372" s="564"/>
      <c r="G372" s="564"/>
      <c r="H372" s="564"/>
      <c r="I372" s="564"/>
      <c r="J372" s="564"/>
      <c r="K372" s="564"/>
      <c r="L372" s="564"/>
      <c r="M372" s="564"/>
      <c r="N372" s="564"/>
      <c r="O372" s="564"/>
      <c r="P372" s="564"/>
      <c r="Q372" s="564"/>
      <c r="R372" s="564"/>
      <c r="S372" s="564"/>
      <c r="T372" s="565"/>
      <c r="U372" s="221" t="s">
        <v>971</v>
      </c>
      <c r="V372" s="546" t="s">
        <v>107</v>
      </c>
      <c r="W372" s="547"/>
      <c r="X372" s="547"/>
      <c r="Y372" s="547"/>
      <c r="Z372" s="548"/>
      <c r="AA372" s="623" t="s">
        <v>102</v>
      </c>
      <c r="AB372" s="624"/>
      <c r="AC372" s="625"/>
      <c r="AD372" s="415">
        <v>1</v>
      </c>
      <c r="AE372" s="415" t="s">
        <v>103</v>
      </c>
      <c r="AF372" s="541"/>
      <c r="AG372" s="542"/>
      <c r="AH372" s="549"/>
      <c r="AI372" s="550"/>
      <c r="AJ372" s="551"/>
      <c r="AK372" s="265"/>
      <c r="AL372" s="48"/>
      <c r="AM372" s="54"/>
      <c r="AN372" s="13" t="str">
        <f t="shared" si="21"/>
        <v>■</v>
      </c>
    </row>
    <row r="373" spans="1:40" s="13" customFormat="1" ht="13.4" customHeight="1">
      <c r="A373" s="20" t="str">
        <f t="shared" si="20"/>
        <v>GT</v>
      </c>
      <c r="B373" s="20"/>
      <c r="C373" s="541">
        <v>20</v>
      </c>
      <c r="D373" s="542"/>
      <c r="E373" s="563" t="s">
        <v>976</v>
      </c>
      <c r="F373" s="564"/>
      <c r="G373" s="564"/>
      <c r="H373" s="564"/>
      <c r="I373" s="564"/>
      <c r="J373" s="564"/>
      <c r="K373" s="564"/>
      <c r="L373" s="564"/>
      <c r="M373" s="564"/>
      <c r="N373" s="564"/>
      <c r="O373" s="564"/>
      <c r="P373" s="564"/>
      <c r="Q373" s="564"/>
      <c r="R373" s="564"/>
      <c r="S373" s="564"/>
      <c r="T373" s="565"/>
      <c r="U373" s="225" t="s">
        <v>977</v>
      </c>
      <c r="V373" s="546" t="s">
        <v>107</v>
      </c>
      <c r="W373" s="547"/>
      <c r="X373" s="547"/>
      <c r="Y373" s="547"/>
      <c r="Z373" s="548"/>
      <c r="AA373" s="623" t="s">
        <v>108</v>
      </c>
      <c r="AB373" s="624"/>
      <c r="AC373" s="625"/>
      <c r="AD373" s="415">
        <v>2</v>
      </c>
      <c r="AE373" s="415">
        <v>0</v>
      </c>
      <c r="AF373" s="541"/>
      <c r="AG373" s="542"/>
      <c r="AH373" s="549"/>
      <c r="AI373" s="550"/>
      <c r="AJ373" s="551"/>
      <c r="AK373" s="265"/>
      <c r="AL373" s="37"/>
      <c r="AM373" s="54"/>
      <c r="AN373" s="13" t="str">
        <f t="shared" si="21"/>
        <v>■</v>
      </c>
    </row>
    <row r="374" spans="1:40" ht="13.4" customHeight="1">
      <c r="A374" s="20" t="str">
        <f t="shared" si="20"/>
        <v>GT</v>
      </c>
      <c r="B374" s="25"/>
      <c r="V374" s="238"/>
      <c r="W374" s="238"/>
      <c r="X374" s="238"/>
      <c r="Y374" s="238"/>
      <c r="Z374" s="238"/>
      <c r="AA374" s="629"/>
      <c r="AB374" s="629"/>
      <c r="AC374" s="629"/>
      <c r="AD374" s="238"/>
      <c r="AE374" s="238"/>
      <c r="AF374" s="238"/>
      <c r="AG374" s="238"/>
      <c r="AH374" s="238"/>
      <c r="AI374" s="238"/>
      <c r="AJ374" s="238"/>
      <c r="AK374" s="55"/>
      <c r="AL374" s="37"/>
      <c r="AM374" s="16"/>
    </row>
    <row r="375" spans="1:40" s="1" customFormat="1" ht="13.4" customHeight="1">
      <c r="A375" s="20" t="str">
        <f t="shared" si="20"/>
        <v>SI</v>
      </c>
      <c r="B375" s="20"/>
      <c r="C375" s="52" t="s">
        <v>380</v>
      </c>
      <c r="D375" s="53"/>
      <c r="E375" s="26"/>
      <c r="F375" s="26"/>
      <c r="G375" s="26"/>
      <c r="H375" s="26"/>
      <c r="I375" s="26"/>
      <c r="J375" s="26" t="s">
        <v>1096</v>
      </c>
      <c r="K375" s="71"/>
      <c r="L375" s="26"/>
      <c r="M375" s="71"/>
      <c r="N375" s="26"/>
      <c r="O375" s="26"/>
      <c r="P375" s="26"/>
      <c r="Q375" s="26"/>
      <c r="R375" s="26"/>
      <c r="S375" s="26"/>
      <c r="T375" s="26"/>
      <c r="U375" s="26" t="s">
        <v>1097</v>
      </c>
      <c r="V375" s="122"/>
      <c r="W375" s="122"/>
      <c r="X375" s="122"/>
      <c r="Y375" s="122"/>
      <c r="Z375" s="122"/>
      <c r="AA375" s="630"/>
      <c r="AB375" s="630"/>
      <c r="AC375" s="630"/>
      <c r="AD375" s="122"/>
      <c r="AE375" s="122"/>
      <c r="AF375" s="122"/>
      <c r="AG375" s="122"/>
      <c r="AH375" s="122"/>
      <c r="AI375" s="122"/>
      <c r="AJ375" s="122"/>
      <c r="AK375" s="26"/>
      <c r="AL375" s="38"/>
      <c r="AM375" s="26"/>
    </row>
    <row r="376" spans="1:40" ht="13.5" customHeight="1">
      <c r="A376" s="20" t="str">
        <f t="shared" si="20"/>
        <v>SI</v>
      </c>
      <c r="B376" s="51"/>
      <c r="C376" s="583" t="s">
        <v>73</v>
      </c>
      <c r="D376" s="573"/>
      <c r="E376" s="583" t="s">
        <v>94</v>
      </c>
      <c r="F376" s="583"/>
      <c r="G376" s="583"/>
      <c r="H376" s="583"/>
      <c r="I376" s="583"/>
      <c r="J376" s="583"/>
      <c r="K376" s="583"/>
      <c r="L376" s="583"/>
      <c r="M376" s="583"/>
      <c r="N376" s="583"/>
      <c r="O376" s="583"/>
      <c r="P376" s="583"/>
      <c r="Q376" s="583"/>
      <c r="R376" s="583"/>
      <c r="S376" s="583"/>
      <c r="T376" s="583"/>
      <c r="U376" s="226" t="s">
        <v>383</v>
      </c>
      <c r="V376" s="572" t="s">
        <v>138</v>
      </c>
      <c r="W376" s="572"/>
      <c r="X376" s="572"/>
      <c r="Y376" s="572"/>
      <c r="Z376" s="572"/>
      <c r="AA376" s="575" t="s">
        <v>959</v>
      </c>
      <c r="AB376" s="576"/>
      <c r="AC376" s="577"/>
      <c r="AD376" s="572" t="s">
        <v>97</v>
      </c>
      <c r="AE376" s="572"/>
      <c r="AF376" s="572" t="s">
        <v>98</v>
      </c>
      <c r="AG376" s="572"/>
      <c r="AH376" s="583" t="s">
        <v>75</v>
      </c>
      <c r="AI376" s="583"/>
      <c r="AJ376" s="583"/>
      <c r="AK376" s="621" t="s">
        <v>159</v>
      </c>
      <c r="AL376" s="38"/>
      <c r="AM376" s="16"/>
    </row>
    <row r="377" spans="1:40" ht="13.4" customHeight="1">
      <c r="A377" s="20" t="str">
        <f t="shared" si="20"/>
        <v>SI</v>
      </c>
      <c r="B377" s="51"/>
      <c r="C377" s="573"/>
      <c r="D377" s="573"/>
      <c r="E377" s="583"/>
      <c r="F377" s="583"/>
      <c r="G377" s="583"/>
      <c r="H377" s="583"/>
      <c r="I377" s="583"/>
      <c r="J377" s="583"/>
      <c r="K377" s="583"/>
      <c r="L377" s="583"/>
      <c r="M377" s="583"/>
      <c r="N377" s="583"/>
      <c r="O377" s="583"/>
      <c r="P377" s="583"/>
      <c r="Q377" s="583"/>
      <c r="R377" s="583"/>
      <c r="S377" s="583"/>
      <c r="T377" s="583"/>
      <c r="U377" s="227"/>
      <c r="V377" s="572"/>
      <c r="W377" s="572"/>
      <c r="X377" s="572"/>
      <c r="Y377" s="572"/>
      <c r="Z377" s="572"/>
      <c r="AA377" s="578"/>
      <c r="AB377" s="579"/>
      <c r="AC377" s="580"/>
      <c r="AD377" s="572"/>
      <c r="AE377" s="572"/>
      <c r="AF377" s="572"/>
      <c r="AG377" s="572"/>
      <c r="AH377" s="583"/>
      <c r="AI377" s="583"/>
      <c r="AJ377" s="583"/>
      <c r="AK377" s="622"/>
      <c r="AL377" s="38"/>
      <c r="AM377" s="16"/>
    </row>
    <row r="378" spans="1:40" s="13" customFormat="1" ht="13.4" customHeight="1">
      <c r="A378" s="20" t="str">
        <f t="shared" si="20"/>
        <v>SI</v>
      </c>
      <c r="B378" s="20"/>
      <c r="C378" s="541">
        <v>1</v>
      </c>
      <c r="D378" s="542"/>
      <c r="E378" s="563" t="s">
        <v>440</v>
      </c>
      <c r="F378" s="564"/>
      <c r="G378" s="564"/>
      <c r="H378" s="564"/>
      <c r="I378" s="564"/>
      <c r="J378" s="564"/>
      <c r="K378" s="564"/>
      <c r="L378" s="564"/>
      <c r="M378" s="564"/>
      <c r="N378" s="564"/>
      <c r="O378" s="564"/>
      <c r="P378" s="564"/>
      <c r="Q378" s="564"/>
      <c r="R378" s="564"/>
      <c r="S378" s="564"/>
      <c r="T378" s="565"/>
      <c r="U378" s="219" t="s">
        <v>441</v>
      </c>
      <c r="V378" s="546" t="s">
        <v>101</v>
      </c>
      <c r="W378" s="547"/>
      <c r="X378" s="547"/>
      <c r="Y378" s="547"/>
      <c r="Z378" s="548"/>
      <c r="AA378" s="623" t="s">
        <v>102</v>
      </c>
      <c r="AB378" s="624"/>
      <c r="AC378" s="625"/>
      <c r="AD378" s="415">
        <v>10</v>
      </c>
      <c r="AE378" s="415" t="s">
        <v>103</v>
      </c>
      <c r="AF378" s="541"/>
      <c r="AG378" s="542"/>
      <c r="AH378" s="549"/>
      <c r="AI378" s="550"/>
      <c r="AJ378" s="551"/>
      <c r="AK378" s="343"/>
      <c r="AL378" s="38"/>
      <c r="AM378" s="54"/>
      <c r="AN378" s="13" t="str">
        <f>$P$21</f>
        <v>■</v>
      </c>
    </row>
    <row r="379" spans="1:40" s="13" customFormat="1" ht="13.4" customHeight="1">
      <c r="A379" s="20" t="str">
        <f t="shared" si="20"/>
        <v>SI</v>
      </c>
      <c r="B379" s="20"/>
      <c r="C379" s="541">
        <v>2</v>
      </c>
      <c r="D379" s="542"/>
      <c r="E379" s="563" t="s">
        <v>442</v>
      </c>
      <c r="F379" s="564"/>
      <c r="G379" s="564"/>
      <c r="H379" s="564"/>
      <c r="I379" s="564"/>
      <c r="J379" s="564"/>
      <c r="K379" s="564"/>
      <c r="L379" s="564"/>
      <c r="M379" s="564"/>
      <c r="N379" s="564"/>
      <c r="O379" s="564"/>
      <c r="P379" s="564"/>
      <c r="Q379" s="564"/>
      <c r="R379" s="564"/>
      <c r="S379" s="564"/>
      <c r="T379" s="565"/>
      <c r="U379" s="219" t="s">
        <v>443</v>
      </c>
      <c r="V379" s="546" t="s">
        <v>101</v>
      </c>
      <c r="W379" s="547"/>
      <c r="X379" s="547"/>
      <c r="Y379" s="547"/>
      <c r="Z379" s="548"/>
      <c r="AA379" s="623" t="s">
        <v>102</v>
      </c>
      <c r="AB379" s="624"/>
      <c r="AC379" s="625"/>
      <c r="AD379" s="415">
        <v>51</v>
      </c>
      <c r="AE379" s="415" t="s">
        <v>103</v>
      </c>
      <c r="AF379" s="541"/>
      <c r="AG379" s="542"/>
      <c r="AH379" s="549"/>
      <c r="AI379" s="550"/>
      <c r="AJ379" s="551"/>
      <c r="AK379" s="343"/>
      <c r="AL379" s="38"/>
      <c r="AM379" s="54"/>
      <c r="AN379" s="13" t="str">
        <f t="shared" ref="AN379:AN436" si="22">$P$21</f>
        <v>■</v>
      </c>
    </row>
    <row r="380" spans="1:40" s="13" customFormat="1" ht="13.4" customHeight="1">
      <c r="A380" s="20" t="str">
        <f t="shared" si="20"/>
        <v>SI</v>
      </c>
      <c r="B380" s="20"/>
      <c r="C380" s="552">
        <v>3</v>
      </c>
      <c r="D380" s="553"/>
      <c r="E380" s="566" t="s">
        <v>106</v>
      </c>
      <c r="F380" s="567"/>
      <c r="G380" s="567"/>
      <c r="H380" s="567"/>
      <c r="I380" s="567"/>
      <c r="J380" s="567"/>
      <c r="K380" s="567"/>
      <c r="L380" s="567"/>
      <c r="M380" s="567"/>
      <c r="N380" s="567"/>
      <c r="O380" s="567"/>
      <c r="P380" s="567"/>
      <c r="Q380" s="567"/>
      <c r="R380" s="567"/>
      <c r="S380" s="567"/>
      <c r="T380" s="568"/>
      <c r="U380" s="220" t="s">
        <v>444</v>
      </c>
      <c r="V380" s="557" t="s">
        <v>107</v>
      </c>
      <c r="W380" s="558"/>
      <c r="X380" s="558"/>
      <c r="Y380" s="558"/>
      <c r="Z380" s="559"/>
      <c r="AA380" s="626" t="s">
        <v>108</v>
      </c>
      <c r="AB380" s="627"/>
      <c r="AC380" s="628"/>
      <c r="AD380" s="419">
        <v>1</v>
      </c>
      <c r="AE380" s="419">
        <v>0</v>
      </c>
      <c r="AF380" s="552" t="s">
        <v>109</v>
      </c>
      <c r="AG380" s="553"/>
      <c r="AH380" s="560"/>
      <c r="AI380" s="561"/>
      <c r="AJ380" s="562"/>
      <c r="AK380" s="321" t="s">
        <v>391</v>
      </c>
      <c r="AL380" s="38"/>
      <c r="AM380" s="54"/>
      <c r="AN380" s="13" t="str">
        <f t="shared" si="22"/>
        <v>■</v>
      </c>
    </row>
    <row r="381" spans="1:40" s="13" customFormat="1" ht="13.4" customHeight="1">
      <c r="A381" s="20" t="str">
        <f t="shared" si="20"/>
        <v>SI</v>
      </c>
      <c r="B381" s="20"/>
      <c r="C381" s="541">
        <v>4</v>
      </c>
      <c r="D381" s="542"/>
      <c r="E381" s="563" t="s">
        <v>110</v>
      </c>
      <c r="F381" s="564"/>
      <c r="G381" s="564"/>
      <c r="H381" s="564"/>
      <c r="I381" s="564"/>
      <c r="J381" s="564"/>
      <c r="K381" s="564"/>
      <c r="L381" s="564"/>
      <c r="M381" s="564"/>
      <c r="N381" s="564"/>
      <c r="O381" s="564"/>
      <c r="P381" s="564"/>
      <c r="Q381" s="564"/>
      <c r="R381" s="564"/>
      <c r="S381" s="564"/>
      <c r="T381" s="565"/>
      <c r="U381" s="221" t="s">
        <v>445</v>
      </c>
      <c r="V381" s="546" t="s">
        <v>107</v>
      </c>
      <c r="W381" s="547"/>
      <c r="X381" s="547"/>
      <c r="Y381" s="547"/>
      <c r="Z381" s="548"/>
      <c r="AA381" s="623" t="s">
        <v>108</v>
      </c>
      <c r="AB381" s="624"/>
      <c r="AC381" s="625"/>
      <c r="AD381" s="415">
        <v>1</v>
      </c>
      <c r="AE381" s="415">
        <v>0</v>
      </c>
      <c r="AF381" s="541"/>
      <c r="AG381" s="542"/>
      <c r="AH381" s="549"/>
      <c r="AI381" s="550"/>
      <c r="AJ381" s="551"/>
      <c r="AK381" s="265"/>
      <c r="AL381" s="38"/>
      <c r="AM381" s="54"/>
      <c r="AN381" s="13" t="str">
        <f t="shared" si="22"/>
        <v>■</v>
      </c>
    </row>
    <row r="382" spans="1:40" s="13" customFormat="1" ht="13.4" customHeight="1">
      <c r="A382" s="20" t="str">
        <f t="shared" si="20"/>
        <v>SI</v>
      </c>
      <c r="B382" s="20"/>
      <c r="C382" s="541">
        <v>5</v>
      </c>
      <c r="D382" s="542"/>
      <c r="E382" s="543" t="s">
        <v>80</v>
      </c>
      <c r="F382" s="544"/>
      <c r="G382" s="544"/>
      <c r="H382" s="544"/>
      <c r="I382" s="544"/>
      <c r="J382" s="544"/>
      <c r="K382" s="544"/>
      <c r="L382" s="544"/>
      <c r="M382" s="544"/>
      <c r="N382" s="544"/>
      <c r="O382" s="544"/>
      <c r="P382" s="544"/>
      <c r="Q382" s="544"/>
      <c r="R382" s="544"/>
      <c r="S382" s="544"/>
      <c r="T382" s="545"/>
      <c r="U382" s="221" t="s">
        <v>446</v>
      </c>
      <c r="V382" s="546" t="s">
        <v>101</v>
      </c>
      <c r="W382" s="547"/>
      <c r="X382" s="547"/>
      <c r="Y382" s="547"/>
      <c r="Z382" s="548"/>
      <c r="AA382" s="623" t="s">
        <v>102</v>
      </c>
      <c r="AB382" s="624"/>
      <c r="AC382" s="625"/>
      <c r="AD382" s="415">
        <v>2</v>
      </c>
      <c r="AE382" s="415" t="s">
        <v>103</v>
      </c>
      <c r="AF382" s="541"/>
      <c r="AG382" s="542"/>
      <c r="AH382" s="549"/>
      <c r="AI382" s="550"/>
      <c r="AJ382" s="551"/>
      <c r="AK382" s="265"/>
      <c r="AL382" s="38"/>
      <c r="AM382" s="54"/>
      <c r="AN382" s="13" t="str">
        <f t="shared" si="22"/>
        <v>■</v>
      </c>
    </row>
    <row r="383" spans="1:40" s="13" customFormat="1" ht="13.4" customHeight="1">
      <c r="A383" s="20" t="str">
        <f t="shared" si="20"/>
        <v>SI</v>
      </c>
      <c r="B383" s="51"/>
      <c r="C383" s="541">
        <v>6</v>
      </c>
      <c r="D383" s="542"/>
      <c r="E383" s="543" t="s">
        <v>172</v>
      </c>
      <c r="F383" s="544"/>
      <c r="G383" s="544"/>
      <c r="H383" s="544"/>
      <c r="I383" s="544"/>
      <c r="J383" s="544"/>
      <c r="K383" s="544"/>
      <c r="L383" s="544"/>
      <c r="M383" s="544"/>
      <c r="N383" s="544"/>
      <c r="O383" s="544"/>
      <c r="P383" s="544"/>
      <c r="Q383" s="544"/>
      <c r="R383" s="544"/>
      <c r="S383" s="544"/>
      <c r="T383" s="545"/>
      <c r="U383" s="221" t="s">
        <v>605</v>
      </c>
      <c r="V383" s="546" t="s">
        <v>107</v>
      </c>
      <c r="W383" s="547"/>
      <c r="X383" s="547"/>
      <c r="Y383" s="547"/>
      <c r="Z383" s="548"/>
      <c r="AA383" s="623" t="s">
        <v>102</v>
      </c>
      <c r="AB383" s="624"/>
      <c r="AC383" s="625"/>
      <c r="AD383" s="415">
        <v>2</v>
      </c>
      <c r="AE383" s="415" t="s">
        <v>103</v>
      </c>
      <c r="AF383" s="541"/>
      <c r="AG383" s="542"/>
      <c r="AH383" s="549"/>
      <c r="AI383" s="550"/>
      <c r="AJ383" s="551"/>
      <c r="AK383" s="343"/>
      <c r="AL383" s="38"/>
      <c r="AM383" s="54"/>
      <c r="AN383" s="13" t="str">
        <f t="shared" si="22"/>
        <v>■</v>
      </c>
    </row>
    <row r="384" spans="1:40" s="13" customFormat="1" ht="13.4" customHeight="1">
      <c r="A384" s="20" t="str">
        <f t="shared" si="20"/>
        <v>SI</v>
      </c>
      <c r="B384" s="20"/>
      <c r="C384" s="541">
        <v>7</v>
      </c>
      <c r="D384" s="542"/>
      <c r="E384" s="543" t="s">
        <v>606</v>
      </c>
      <c r="F384" s="544"/>
      <c r="G384" s="544"/>
      <c r="H384" s="544"/>
      <c r="I384" s="544"/>
      <c r="J384" s="544"/>
      <c r="K384" s="544"/>
      <c r="L384" s="544"/>
      <c r="M384" s="544"/>
      <c r="N384" s="544"/>
      <c r="O384" s="544"/>
      <c r="P384" s="544"/>
      <c r="Q384" s="544"/>
      <c r="R384" s="544"/>
      <c r="S384" s="544"/>
      <c r="T384" s="545"/>
      <c r="U384" s="221" t="s">
        <v>607</v>
      </c>
      <c r="V384" s="546" t="s">
        <v>101</v>
      </c>
      <c r="W384" s="547"/>
      <c r="X384" s="547"/>
      <c r="Y384" s="547"/>
      <c r="Z384" s="548"/>
      <c r="AA384" s="623" t="s">
        <v>102</v>
      </c>
      <c r="AB384" s="624"/>
      <c r="AC384" s="625"/>
      <c r="AD384" s="415">
        <v>1</v>
      </c>
      <c r="AE384" s="415" t="s">
        <v>103</v>
      </c>
      <c r="AF384" s="541"/>
      <c r="AG384" s="542"/>
      <c r="AH384" s="549"/>
      <c r="AI384" s="550"/>
      <c r="AJ384" s="551"/>
      <c r="AK384" s="343"/>
      <c r="AL384" s="38"/>
      <c r="AM384" s="54"/>
      <c r="AN384" s="13" t="str">
        <f t="shared" si="22"/>
        <v>■</v>
      </c>
    </row>
    <row r="385" spans="1:40" s="13" customFormat="1" ht="13.4" customHeight="1">
      <c r="A385" s="20" t="str">
        <f t="shared" si="20"/>
        <v>SI</v>
      </c>
      <c r="B385" s="20"/>
      <c r="C385" s="541">
        <v>8</v>
      </c>
      <c r="D385" s="542"/>
      <c r="E385" s="543" t="s">
        <v>608</v>
      </c>
      <c r="F385" s="544"/>
      <c r="G385" s="544"/>
      <c r="H385" s="544"/>
      <c r="I385" s="544"/>
      <c r="J385" s="544"/>
      <c r="K385" s="544"/>
      <c r="L385" s="544"/>
      <c r="M385" s="544"/>
      <c r="N385" s="544"/>
      <c r="O385" s="544"/>
      <c r="P385" s="544"/>
      <c r="Q385" s="544"/>
      <c r="R385" s="544"/>
      <c r="S385" s="544"/>
      <c r="T385" s="545"/>
      <c r="U385" s="221" t="s">
        <v>609</v>
      </c>
      <c r="V385" s="546" t="s">
        <v>107</v>
      </c>
      <c r="W385" s="547"/>
      <c r="X385" s="547"/>
      <c r="Y385" s="547"/>
      <c r="Z385" s="548"/>
      <c r="AA385" s="623" t="s">
        <v>102</v>
      </c>
      <c r="AB385" s="624"/>
      <c r="AC385" s="625"/>
      <c r="AD385" s="415">
        <v>9</v>
      </c>
      <c r="AE385" s="415" t="s">
        <v>103</v>
      </c>
      <c r="AF385" s="541"/>
      <c r="AG385" s="542"/>
      <c r="AH385" s="549"/>
      <c r="AI385" s="550"/>
      <c r="AJ385" s="551"/>
      <c r="AK385" s="265"/>
      <c r="AL385" s="38"/>
      <c r="AM385" s="54"/>
      <c r="AN385" s="13" t="str">
        <f t="shared" si="22"/>
        <v>■</v>
      </c>
    </row>
    <row r="386" spans="1:40" s="13" customFormat="1" ht="13.4" customHeight="1">
      <c r="A386" s="20" t="str">
        <f t="shared" si="20"/>
        <v>SI</v>
      </c>
      <c r="B386" s="20"/>
      <c r="C386" s="541">
        <v>9</v>
      </c>
      <c r="D386" s="542"/>
      <c r="E386" s="543" t="s">
        <v>610</v>
      </c>
      <c r="F386" s="544"/>
      <c r="G386" s="544"/>
      <c r="H386" s="544"/>
      <c r="I386" s="544"/>
      <c r="J386" s="544"/>
      <c r="K386" s="544"/>
      <c r="L386" s="544"/>
      <c r="M386" s="544"/>
      <c r="N386" s="544"/>
      <c r="O386" s="544"/>
      <c r="P386" s="544"/>
      <c r="Q386" s="544"/>
      <c r="R386" s="544"/>
      <c r="S386" s="544"/>
      <c r="T386" s="545"/>
      <c r="U386" s="221" t="s">
        <v>611</v>
      </c>
      <c r="V386" s="546" t="s">
        <v>107</v>
      </c>
      <c r="W386" s="547"/>
      <c r="X386" s="547"/>
      <c r="Y386" s="547"/>
      <c r="Z386" s="548"/>
      <c r="AA386" s="623" t="s">
        <v>108</v>
      </c>
      <c r="AB386" s="624"/>
      <c r="AC386" s="625"/>
      <c r="AD386" s="415">
        <v>8</v>
      </c>
      <c r="AE386" s="415">
        <v>0</v>
      </c>
      <c r="AF386" s="541"/>
      <c r="AG386" s="542"/>
      <c r="AH386" s="549"/>
      <c r="AI386" s="550"/>
      <c r="AJ386" s="551"/>
      <c r="AK386" s="265"/>
      <c r="AL386" s="38"/>
      <c r="AM386" s="54"/>
      <c r="AN386" s="13" t="str">
        <f t="shared" si="22"/>
        <v>■</v>
      </c>
    </row>
    <row r="387" spans="1:40" s="13" customFormat="1" ht="13.4" customHeight="1">
      <c r="A387" s="20" t="str">
        <f t="shared" si="20"/>
        <v>SI</v>
      </c>
      <c r="B387" s="20"/>
      <c r="C387" s="541">
        <v>10</v>
      </c>
      <c r="D387" s="542"/>
      <c r="E387" s="543" t="s">
        <v>612</v>
      </c>
      <c r="F387" s="544"/>
      <c r="G387" s="544"/>
      <c r="H387" s="544"/>
      <c r="I387" s="544"/>
      <c r="J387" s="544"/>
      <c r="K387" s="544"/>
      <c r="L387" s="544"/>
      <c r="M387" s="544"/>
      <c r="N387" s="544"/>
      <c r="O387" s="544"/>
      <c r="P387" s="544"/>
      <c r="Q387" s="544"/>
      <c r="R387" s="544"/>
      <c r="S387" s="544"/>
      <c r="T387" s="545"/>
      <c r="U387" s="221" t="s">
        <v>613</v>
      </c>
      <c r="V387" s="546" t="s">
        <v>107</v>
      </c>
      <c r="W387" s="547"/>
      <c r="X387" s="547"/>
      <c r="Y387" s="547"/>
      <c r="Z387" s="548"/>
      <c r="AA387" s="623" t="s">
        <v>108</v>
      </c>
      <c r="AB387" s="624"/>
      <c r="AC387" s="625"/>
      <c r="AD387" s="415">
        <v>7</v>
      </c>
      <c r="AE387" s="415">
        <v>0</v>
      </c>
      <c r="AF387" s="541"/>
      <c r="AG387" s="542"/>
      <c r="AH387" s="549"/>
      <c r="AI387" s="550"/>
      <c r="AJ387" s="551"/>
      <c r="AK387" s="265"/>
      <c r="AL387" s="38"/>
      <c r="AM387" s="54"/>
      <c r="AN387" s="13" t="str">
        <f t="shared" si="22"/>
        <v>■</v>
      </c>
    </row>
    <row r="388" spans="1:40" s="13" customFormat="1" ht="13.4" customHeight="1">
      <c r="A388" s="20" t="str">
        <f t="shared" si="20"/>
        <v>SI</v>
      </c>
      <c r="B388" s="20"/>
      <c r="C388" s="541">
        <v>11</v>
      </c>
      <c r="D388" s="542"/>
      <c r="E388" s="543" t="s">
        <v>614</v>
      </c>
      <c r="F388" s="544"/>
      <c r="G388" s="544"/>
      <c r="H388" s="544"/>
      <c r="I388" s="544"/>
      <c r="J388" s="544"/>
      <c r="K388" s="544"/>
      <c r="L388" s="544"/>
      <c r="M388" s="544"/>
      <c r="N388" s="544"/>
      <c r="O388" s="544"/>
      <c r="P388" s="544"/>
      <c r="Q388" s="544"/>
      <c r="R388" s="544"/>
      <c r="S388" s="544"/>
      <c r="T388" s="545"/>
      <c r="U388" s="221" t="s">
        <v>557</v>
      </c>
      <c r="V388" s="546" t="s">
        <v>107</v>
      </c>
      <c r="W388" s="547"/>
      <c r="X388" s="547"/>
      <c r="Y388" s="547"/>
      <c r="Z388" s="548"/>
      <c r="AA388" s="623" t="s">
        <v>108</v>
      </c>
      <c r="AB388" s="624"/>
      <c r="AC388" s="625"/>
      <c r="AD388" s="415">
        <v>3</v>
      </c>
      <c r="AE388" s="415">
        <v>0</v>
      </c>
      <c r="AF388" s="541"/>
      <c r="AG388" s="542"/>
      <c r="AH388" s="549"/>
      <c r="AI388" s="550"/>
      <c r="AJ388" s="551"/>
      <c r="AK388" s="265"/>
      <c r="AL388" s="38"/>
      <c r="AM388" s="54"/>
      <c r="AN388" s="13" t="str">
        <f t="shared" si="22"/>
        <v>■</v>
      </c>
    </row>
    <row r="389" spans="1:40" s="13" customFormat="1" ht="13.4" customHeight="1">
      <c r="A389" s="20" t="str">
        <f t="shared" si="20"/>
        <v>SI</v>
      </c>
      <c r="B389" s="20"/>
      <c r="C389" s="541">
        <v>12</v>
      </c>
      <c r="D389" s="542"/>
      <c r="E389" s="543" t="s">
        <v>615</v>
      </c>
      <c r="F389" s="544"/>
      <c r="G389" s="544"/>
      <c r="H389" s="544"/>
      <c r="I389" s="544"/>
      <c r="J389" s="544"/>
      <c r="K389" s="544"/>
      <c r="L389" s="544"/>
      <c r="M389" s="544"/>
      <c r="N389" s="544"/>
      <c r="O389" s="544"/>
      <c r="P389" s="544"/>
      <c r="Q389" s="544"/>
      <c r="R389" s="544"/>
      <c r="S389" s="544"/>
      <c r="T389" s="545"/>
      <c r="U389" s="221" t="s">
        <v>616</v>
      </c>
      <c r="V389" s="546" t="s">
        <v>107</v>
      </c>
      <c r="W389" s="547"/>
      <c r="X389" s="547"/>
      <c r="Y389" s="547"/>
      <c r="Z389" s="548"/>
      <c r="AA389" s="623" t="s">
        <v>102</v>
      </c>
      <c r="AB389" s="624"/>
      <c r="AC389" s="625"/>
      <c r="AD389" s="415">
        <v>9</v>
      </c>
      <c r="AE389" s="415" t="s">
        <v>103</v>
      </c>
      <c r="AF389" s="541"/>
      <c r="AG389" s="542"/>
      <c r="AH389" s="549"/>
      <c r="AI389" s="550"/>
      <c r="AJ389" s="551"/>
      <c r="AK389" s="265"/>
      <c r="AL389" s="38"/>
      <c r="AM389" s="54"/>
      <c r="AN389" s="13" t="str">
        <f t="shared" si="22"/>
        <v>■</v>
      </c>
    </row>
    <row r="390" spans="1:40" s="13" customFormat="1" ht="13.4" customHeight="1">
      <c r="A390" s="20" t="str">
        <f t="shared" si="20"/>
        <v>SI</v>
      </c>
      <c r="B390" s="20"/>
      <c r="C390" s="552">
        <v>13</v>
      </c>
      <c r="D390" s="553"/>
      <c r="E390" s="554" t="s">
        <v>711</v>
      </c>
      <c r="F390" s="555"/>
      <c r="G390" s="555"/>
      <c r="H390" s="555"/>
      <c r="I390" s="555"/>
      <c r="J390" s="555"/>
      <c r="K390" s="555"/>
      <c r="L390" s="555"/>
      <c r="M390" s="555"/>
      <c r="N390" s="555"/>
      <c r="O390" s="555"/>
      <c r="P390" s="555"/>
      <c r="Q390" s="555"/>
      <c r="R390" s="555"/>
      <c r="S390" s="555"/>
      <c r="T390" s="556"/>
      <c r="U390" s="259" t="s">
        <v>618</v>
      </c>
      <c r="V390" s="557" t="s">
        <v>398</v>
      </c>
      <c r="W390" s="558"/>
      <c r="X390" s="558"/>
      <c r="Y390" s="558"/>
      <c r="Z390" s="559"/>
      <c r="AA390" s="626" t="s">
        <v>102</v>
      </c>
      <c r="AB390" s="627"/>
      <c r="AC390" s="628"/>
      <c r="AD390" s="419">
        <v>50</v>
      </c>
      <c r="AE390" s="419" t="s">
        <v>103</v>
      </c>
      <c r="AF390" s="552" t="s">
        <v>109</v>
      </c>
      <c r="AG390" s="553"/>
      <c r="AH390" s="560"/>
      <c r="AI390" s="561"/>
      <c r="AJ390" s="562"/>
      <c r="AK390" s="333" t="s">
        <v>399</v>
      </c>
      <c r="AL390" s="38"/>
      <c r="AM390" s="54"/>
      <c r="AN390" s="13" t="str">
        <f t="shared" si="22"/>
        <v>■</v>
      </c>
    </row>
    <row r="391" spans="1:40" s="13" customFormat="1" ht="13.4" customHeight="1">
      <c r="A391" s="20" t="str">
        <f t="shared" si="20"/>
        <v>SI</v>
      </c>
      <c r="B391" s="20"/>
      <c r="C391" s="541">
        <v>14</v>
      </c>
      <c r="D391" s="542"/>
      <c r="E391" s="543" t="s">
        <v>619</v>
      </c>
      <c r="F391" s="544"/>
      <c r="G391" s="544"/>
      <c r="H391" s="544"/>
      <c r="I391" s="544"/>
      <c r="J391" s="544"/>
      <c r="K391" s="544"/>
      <c r="L391" s="544"/>
      <c r="M391" s="544"/>
      <c r="N391" s="544"/>
      <c r="O391" s="544"/>
      <c r="P391" s="544"/>
      <c r="Q391" s="544"/>
      <c r="R391" s="544"/>
      <c r="S391" s="544"/>
      <c r="T391" s="545"/>
      <c r="U391" s="221" t="s">
        <v>620</v>
      </c>
      <c r="V391" s="546" t="s">
        <v>107</v>
      </c>
      <c r="W391" s="547"/>
      <c r="X391" s="547"/>
      <c r="Y391" s="547"/>
      <c r="Z391" s="548"/>
      <c r="AA391" s="623" t="s">
        <v>102</v>
      </c>
      <c r="AB391" s="624"/>
      <c r="AC391" s="625"/>
      <c r="AD391" s="415">
        <v>9</v>
      </c>
      <c r="AE391" s="415" t="s">
        <v>103</v>
      </c>
      <c r="AF391" s="541"/>
      <c r="AG391" s="542"/>
      <c r="AH391" s="549"/>
      <c r="AI391" s="550"/>
      <c r="AJ391" s="551"/>
      <c r="AK391" s="265"/>
      <c r="AL391" s="38"/>
      <c r="AM391" s="54"/>
      <c r="AN391" s="13" t="str">
        <f t="shared" si="22"/>
        <v>■</v>
      </c>
    </row>
    <row r="392" spans="1:40" s="13" customFormat="1" ht="13.4" customHeight="1">
      <c r="A392" s="20" t="str">
        <f t="shared" si="20"/>
        <v>SI</v>
      </c>
      <c r="B392" s="20"/>
      <c r="C392" s="552">
        <v>15</v>
      </c>
      <c r="D392" s="553"/>
      <c r="E392" s="554" t="s">
        <v>712</v>
      </c>
      <c r="F392" s="555"/>
      <c r="G392" s="555"/>
      <c r="H392" s="555"/>
      <c r="I392" s="555"/>
      <c r="J392" s="555"/>
      <c r="K392" s="555"/>
      <c r="L392" s="555"/>
      <c r="M392" s="555"/>
      <c r="N392" s="555"/>
      <c r="O392" s="555"/>
      <c r="P392" s="555"/>
      <c r="Q392" s="555"/>
      <c r="R392" s="555"/>
      <c r="S392" s="555"/>
      <c r="T392" s="556"/>
      <c r="U392" s="259" t="s">
        <v>622</v>
      </c>
      <c r="V392" s="557" t="s">
        <v>398</v>
      </c>
      <c r="W392" s="558"/>
      <c r="X392" s="558"/>
      <c r="Y392" s="558"/>
      <c r="Z392" s="559"/>
      <c r="AA392" s="626" t="s">
        <v>102</v>
      </c>
      <c r="AB392" s="627"/>
      <c r="AC392" s="628"/>
      <c r="AD392" s="419">
        <v>50</v>
      </c>
      <c r="AE392" s="419" t="s">
        <v>103</v>
      </c>
      <c r="AF392" s="552" t="s">
        <v>109</v>
      </c>
      <c r="AG392" s="553"/>
      <c r="AH392" s="560"/>
      <c r="AI392" s="561"/>
      <c r="AJ392" s="562"/>
      <c r="AK392" s="333" t="s">
        <v>399</v>
      </c>
      <c r="AL392" s="38"/>
      <c r="AM392" s="54"/>
      <c r="AN392" s="13" t="str">
        <f t="shared" si="22"/>
        <v>■</v>
      </c>
    </row>
    <row r="393" spans="1:40" s="13" customFormat="1" ht="13.4" customHeight="1">
      <c r="A393" s="20" t="str">
        <f t="shared" si="20"/>
        <v>SI</v>
      </c>
      <c r="B393" s="20"/>
      <c r="C393" s="541">
        <v>16</v>
      </c>
      <c r="D393" s="542"/>
      <c r="E393" s="543" t="s">
        <v>623</v>
      </c>
      <c r="F393" s="544"/>
      <c r="G393" s="544"/>
      <c r="H393" s="544"/>
      <c r="I393" s="544"/>
      <c r="J393" s="544"/>
      <c r="K393" s="544"/>
      <c r="L393" s="544"/>
      <c r="M393" s="544"/>
      <c r="N393" s="544"/>
      <c r="O393" s="544"/>
      <c r="P393" s="544"/>
      <c r="Q393" s="544"/>
      <c r="R393" s="544"/>
      <c r="S393" s="544"/>
      <c r="T393" s="545"/>
      <c r="U393" s="221" t="s">
        <v>624</v>
      </c>
      <c r="V393" s="546" t="s">
        <v>107</v>
      </c>
      <c r="W393" s="547"/>
      <c r="X393" s="547"/>
      <c r="Y393" s="547"/>
      <c r="Z393" s="548"/>
      <c r="AA393" s="623" t="s">
        <v>102</v>
      </c>
      <c r="AB393" s="624"/>
      <c r="AC393" s="625"/>
      <c r="AD393" s="415">
        <v>9</v>
      </c>
      <c r="AE393" s="415" t="s">
        <v>103</v>
      </c>
      <c r="AF393" s="541"/>
      <c r="AG393" s="542"/>
      <c r="AH393" s="549"/>
      <c r="AI393" s="550"/>
      <c r="AJ393" s="551"/>
      <c r="AK393" s="265"/>
      <c r="AL393" s="38"/>
      <c r="AM393" s="54"/>
      <c r="AN393" s="13" t="str">
        <f t="shared" si="22"/>
        <v>■</v>
      </c>
    </row>
    <row r="394" spans="1:40" s="13" customFormat="1" ht="13.4" customHeight="1">
      <c r="A394" s="20" t="str">
        <f t="shared" si="20"/>
        <v>SI</v>
      </c>
      <c r="B394" s="20"/>
      <c r="C394" s="552">
        <v>17</v>
      </c>
      <c r="D394" s="553"/>
      <c r="E394" s="554" t="s">
        <v>625</v>
      </c>
      <c r="F394" s="555"/>
      <c r="G394" s="555"/>
      <c r="H394" s="555"/>
      <c r="I394" s="555"/>
      <c r="J394" s="555"/>
      <c r="K394" s="555"/>
      <c r="L394" s="555"/>
      <c r="M394" s="555"/>
      <c r="N394" s="555"/>
      <c r="O394" s="555"/>
      <c r="P394" s="555"/>
      <c r="Q394" s="555"/>
      <c r="R394" s="555"/>
      <c r="S394" s="555"/>
      <c r="T394" s="556"/>
      <c r="U394" s="259" t="s">
        <v>626</v>
      </c>
      <c r="V394" s="557" t="s">
        <v>398</v>
      </c>
      <c r="W394" s="558"/>
      <c r="X394" s="558"/>
      <c r="Y394" s="558"/>
      <c r="Z394" s="559"/>
      <c r="AA394" s="626" t="s">
        <v>102</v>
      </c>
      <c r="AB394" s="627"/>
      <c r="AC394" s="628"/>
      <c r="AD394" s="419">
        <v>50</v>
      </c>
      <c r="AE394" s="419" t="s">
        <v>103</v>
      </c>
      <c r="AF394" s="552" t="s">
        <v>109</v>
      </c>
      <c r="AG394" s="553"/>
      <c r="AH394" s="560"/>
      <c r="AI394" s="561"/>
      <c r="AJ394" s="562"/>
      <c r="AK394" s="333" t="s">
        <v>399</v>
      </c>
      <c r="AL394" s="38"/>
      <c r="AM394" s="54"/>
      <c r="AN394" s="13" t="str">
        <f t="shared" si="22"/>
        <v>■</v>
      </c>
    </row>
    <row r="395" spans="1:40" s="13" customFormat="1" ht="13.4" customHeight="1">
      <c r="A395" s="20" t="str">
        <f t="shared" si="20"/>
        <v>SI</v>
      </c>
      <c r="B395" s="20"/>
      <c r="C395" s="541">
        <v>18</v>
      </c>
      <c r="D395" s="542"/>
      <c r="E395" s="543" t="s">
        <v>627</v>
      </c>
      <c r="F395" s="544"/>
      <c r="G395" s="544"/>
      <c r="H395" s="544"/>
      <c r="I395" s="544"/>
      <c r="J395" s="544"/>
      <c r="K395" s="544"/>
      <c r="L395" s="544"/>
      <c r="M395" s="544"/>
      <c r="N395" s="544"/>
      <c r="O395" s="544"/>
      <c r="P395" s="544"/>
      <c r="Q395" s="544"/>
      <c r="R395" s="544"/>
      <c r="S395" s="544"/>
      <c r="T395" s="545"/>
      <c r="U395" s="221" t="s">
        <v>628</v>
      </c>
      <c r="V395" s="546" t="s">
        <v>107</v>
      </c>
      <c r="W395" s="547"/>
      <c r="X395" s="547"/>
      <c r="Y395" s="547"/>
      <c r="Z395" s="548"/>
      <c r="AA395" s="623" t="s">
        <v>108</v>
      </c>
      <c r="AB395" s="624"/>
      <c r="AC395" s="625"/>
      <c r="AD395" s="415">
        <v>3</v>
      </c>
      <c r="AE395" s="415">
        <v>0</v>
      </c>
      <c r="AF395" s="541"/>
      <c r="AG395" s="542"/>
      <c r="AH395" s="549"/>
      <c r="AI395" s="550"/>
      <c r="AJ395" s="551"/>
      <c r="AK395" s="265"/>
      <c r="AL395" s="38"/>
      <c r="AM395" s="54"/>
      <c r="AN395" s="13" t="str">
        <f t="shared" si="22"/>
        <v>■</v>
      </c>
    </row>
    <row r="396" spans="1:40" s="13" customFormat="1" ht="13.4" customHeight="1">
      <c r="A396" s="20" t="str">
        <f t="shared" si="20"/>
        <v>SI</v>
      </c>
      <c r="B396" s="20"/>
      <c r="C396" s="541">
        <v>19</v>
      </c>
      <c r="D396" s="542"/>
      <c r="E396" s="543" t="s">
        <v>629</v>
      </c>
      <c r="F396" s="544"/>
      <c r="G396" s="544"/>
      <c r="H396" s="544"/>
      <c r="I396" s="544"/>
      <c r="J396" s="544"/>
      <c r="K396" s="544"/>
      <c r="L396" s="544"/>
      <c r="M396" s="544"/>
      <c r="N396" s="544"/>
      <c r="O396" s="544"/>
      <c r="P396" s="544"/>
      <c r="Q396" s="544"/>
      <c r="R396" s="544"/>
      <c r="S396" s="544"/>
      <c r="T396" s="545"/>
      <c r="U396" s="221" t="s">
        <v>630</v>
      </c>
      <c r="V396" s="546" t="s">
        <v>107</v>
      </c>
      <c r="W396" s="547"/>
      <c r="X396" s="547"/>
      <c r="Y396" s="547"/>
      <c r="Z396" s="548"/>
      <c r="AA396" s="623" t="s">
        <v>108</v>
      </c>
      <c r="AB396" s="624"/>
      <c r="AC396" s="625"/>
      <c r="AD396" s="415">
        <v>3</v>
      </c>
      <c r="AE396" s="415">
        <v>0</v>
      </c>
      <c r="AF396" s="541"/>
      <c r="AG396" s="542"/>
      <c r="AH396" s="549"/>
      <c r="AI396" s="550"/>
      <c r="AJ396" s="551"/>
      <c r="AK396" s="344"/>
      <c r="AL396" s="38"/>
      <c r="AM396" s="54"/>
      <c r="AN396" s="13" t="str">
        <f t="shared" si="22"/>
        <v>■</v>
      </c>
    </row>
    <row r="397" spans="1:40" s="13" customFormat="1" ht="13.4" customHeight="1">
      <c r="A397" s="20" t="str">
        <f t="shared" si="20"/>
        <v>SI</v>
      </c>
      <c r="B397" s="20"/>
      <c r="C397" s="541">
        <v>20</v>
      </c>
      <c r="D397" s="542"/>
      <c r="E397" s="543" t="s">
        <v>631</v>
      </c>
      <c r="F397" s="544"/>
      <c r="G397" s="544"/>
      <c r="H397" s="544"/>
      <c r="I397" s="544"/>
      <c r="J397" s="544"/>
      <c r="K397" s="544"/>
      <c r="L397" s="544"/>
      <c r="M397" s="544"/>
      <c r="N397" s="544"/>
      <c r="O397" s="544"/>
      <c r="P397" s="544"/>
      <c r="Q397" s="544"/>
      <c r="R397" s="544"/>
      <c r="S397" s="544"/>
      <c r="T397" s="545"/>
      <c r="U397" s="221" t="s">
        <v>632</v>
      </c>
      <c r="V397" s="546" t="s">
        <v>107</v>
      </c>
      <c r="W397" s="547"/>
      <c r="X397" s="547"/>
      <c r="Y397" s="547"/>
      <c r="Z397" s="548"/>
      <c r="AA397" s="623" t="s">
        <v>108</v>
      </c>
      <c r="AB397" s="624"/>
      <c r="AC397" s="625"/>
      <c r="AD397" s="415">
        <v>3</v>
      </c>
      <c r="AE397" s="415">
        <v>0</v>
      </c>
      <c r="AF397" s="541"/>
      <c r="AG397" s="542"/>
      <c r="AH397" s="549"/>
      <c r="AI397" s="550"/>
      <c r="AJ397" s="551"/>
      <c r="AK397" s="265"/>
      <c r="AL397" s="38"/>
      <c r="AM397" s="54"/>
      <c r="AN397" s="13" t="str">
        <f t="shared" si="22"/>
        <v>■</v>
      </c>
    </row>
    <row r="398" spans="1:40" s="13" customFormat="1" ht="13.4" customHeight="1">
      <c r="A398" s="20" t="str">
        <f t="shared" si="20"/>
        <v>SI</v>
      </c>
      <c r="B398" s="20"/>
      <c r="C398" s="541">
        <v>21</v>
      </c>
      <c r="D398" s="542"/>
      <c r="E398" s="543" t="s">
        <v>633</v>
      </c>
      <c r="F398" s="544"/>
      <c r="G398" s="544"/>
      <c r="H398" s="544"/>
      <c r="I398" s="544"/>
      <c r="J398" s="544"/>
      <c r="K398" s="544"/>
      <c r="L398" s="544"/>
      <c r="M398" s="544"/>
      <c r="N398" s="544"/>
      <c r="O398" s="544"/>
      <c r="P398" s="544"/>
      <c r="Q398" s="544"/>
      <c r="R398" s="544"/>
      <c r="S398" s="544"/>
      <c r="T398" s="545"/>
      <c r="U398" s="221" t="s">
        <v>634</v>
      </c>
      <c r="V398" s="546" t="s">
        <v>107</v>
      </c>
      <c r="W398" s="547"/>
      <c r="X398" s="547"/>
      <c r="Y398" s="547"/>
      <c r="Z398" s="548"/>
      <c r="AA398" s="623" t="s">
        <v>108</v>
      </c>
      <c r="AB398" s="624"/>
      <c r="AC398" s="625"/>
      <c r="AD398" s="415">
        <v>3</v>
      </c>
      <c r="AE398" s="415">
        <v>0</v>
      </c>
      <c r="AF398" s="541"/>
      <c r="AG398" s="542"/>
      <c r="AH398" s="549"/>
      <c r="AI398" s="550"/>
      <c r="AJ398" s="551"/>
      <c r="AK398" s="344"/>
      <c r="AL398" s="38"/>
      <c r="AM398" s="54"/>
      <c r="AN398" s="13" t="str">
        <f t="shared" si="22"/>
        <v>■</v>
      </c>
    </row>
    <row r="399" spans="1:40" s="13" customFormat="1" ht="13.4" customHeight="1">
      <c r="A399" s="20" t="str">
        <f t="shared" si="20"/>
        <v>SI</v>
      </c>
      <c r="B399" s="20"/>
      <c r="C399" s="541">
        <v>22</v>
      </c>
      <c r="D399" s="542"/>
      <c r="E399" s="543" t="s">
        <v>635</v>
      </c>
      <c r="F399" s="544"/>
      <c r="G399" s="544"/>
      <c r="H399" s="544"/>
      <c r="I399" s="544"/>
      <c r="J399" s="544"/>
      <c r="K399" s="544"/>
      <c r="L399" s="544"/>
      <c r="M399" s="544"/>
      <c r="N399" s="544"/>
      <c r="O399" s="544"/>
      <c r="P399" s="544"/>
      <c r="Q399" s="544"/>
      <c r="R399" s="544"/>
      <c r="S399" s="544"/>
      <c r="T399" s="545"/>
      <c r="U399" s="221" t="s">
        <v>636</v>
      </c>
      <c r="V399" s="546" t="s">
        <v>107</v>
      </c>
      <c r="W399" s="547"/>
      <c r="X399" s="547"/>
      <c r="Y399" s="547"/>
      <c r="Z399" s="548"/>
      <c r="AA399" s="623" t="s">
        <v>108</v>
      </c>
      <c r="AB399" s="624"/>
      <c r="AC399" s="625"/>
      <c r="AD399" s="415">
        <v>3</v>
      </c>
      <c r="AE399" s="415">
        <v>0</v>
      </c>
      <c r="AF399" s="541"/>
      <c r="AG399" s="542"/>
      <c r="AH399" s="549"/>
      <c r="AI399" s="550"/>
      <c r="AJ399" s="551"/>
      <c r="AK399" s="265"/>
      <c r="AL399" s="38"/>
      <c r="AM399" s="54"/>
      <c r="AN399" s="13" t="str">
        <f t="shared" si="22"/>
        <v>■</v>
      </c>
    </row>
    <row r="400" spans="1:40" s="13" customFormat="1" ht="13.4" customHeight="1">
      <c r="A400" s="20" t="str">
        <f t="shared" si="20"/>
        <v>SI</v>
      </c>
      <c r="B400" s="20"/>
      <c r="C400" s="541">
        <v>23</v>
      </c>
      <c r="D400" s="542"/>
      <c r="E400" s="543" t="s">
        <v>637</v>
      </c>
      <c r="F400" s="544"/>
      <c r="G400" s="544"/>
      <c r="H400" s="544"/>
      <c r="I400" s="544"/>
      <c r="J400" s="544"/>
      <c r="K400" s="544"/>
      <c r="L400" s="544"/>
      <c r="M400" s="544"/>
      <c r="N400" s="544"/>
      <c r="O400" s="544"/>
      <c r="P400" s="544"/>
      <c r="Q400" s="544"/>
      <c r="R400" s="544"/>
      <c r="S400" s="544"/>
      <c r="T400" s="545"/>
      <c r="U400" s="221" t="s">
        <v>638</v>
      </c>
      <c r="V400" s="546" t="s">
        <v>107</v>
      </c>
      <c r="W400" s="547"/>
      <c r="X400" s="547"/>
      <c r="Y400" s="547"/>
      <c r="Z400" s="548"/>
      <c r="AA400" s="623" t="s">
        <v>108</v>
      </c>
      <c r="AB400" s="624"/>
      <c r="AC400" s="625"/>
      <c r="AD400" s="415">
        <v>3</v>
      </c>
      <c r="AE400" s="415">
        <v>0</v>
      </c>
      <c r="AF400" s="541"/>
      <c r="AG400" s="542"/>
      <c r="AH400" s="549"/>
      <c r="AI400" s="550"/>
      <c r="AJ400" s="551"/>
      <c r="AK400" s="265"/>
      <c r="AL400" s="38"/>
      <c r="AM400" s="54"/>
      <c r="AN400" s="13" t="str">
        <f t="shared" si="22"/>
        <v>■</v>
      </c>
    </row>
    <row r="401" spans="1:40" s="13" customFormat="1" ht="13.4" customHeight="1">
      <c r="A401" s="20" t="str">
        <f t="shared" si="20"/>
        <v>SI</v>
      </c>
      <c r="B401" s="20"/>
      <c r="C401" s="541">
        <v>24</v>
      </c>
      <c r="D401" s="542"/>
      <c r="E401" s="543" t="s">
        <v>639</v>
      </c>
      <c r="F401" s="544"/>
      <c r="G401" s="544"/>
      <c r="H401" s="544"/>
      <c r="I401" s="544"/>
      <c r="J401" s="544"/>
      <c r="K401" s="544"/>
      <c r="L401" s="544"/>
      <c r="M401" s="544"/>
      <c r="N401" s="544"/>
      <c r="O401" s="544"/>
      <c r="P401" s="544"/>
      <c r="Q401" s="544"/>
      <c r="R401" s="544"/>
      <c r="S401" s="544"/>
      <c r="T401" s="545"/>
      <c r="U401" s="221" t="s">
        <v>640</v>
      </c>
      <c r="V401" s="546" t="s">
        <v>107</v>
      </c>
      <c r="W401" s="547"/>
      <c r="X401" s="547"/>
      <c r="Y401" s="547"/>
      <c r="Z401" s="548"/>
      <c r="AA401" s="623" t="s">
        <v>108</v>
      </c>
      <c r="AB401" s="624"/>
      <c r="AC401" s="625"/>
      <c r="AD401" s="415">
        <v>3</v>
      </c>
      <c r="AE401" s="415">
        <v>0</v>
      </c>
      <c r="AF401" s="541"/>
      <c r="AG401" s="542"/>
      <c r="AH401" s="549"/>
      <c r="AI401" s="550"/>
      <c r="AJ401" s="551"/>
      <c r="AK401" s="265"/>
      <c r="AL401" s="38"/>
      <c r="AM401" s="54"/>
      <c r="AN401" s="13" t="str">
        <f t="shared" si="22"/>
        <v>■</v>
      </c>
    </row>
    <row r="402" spans="1:40" s="13" customFormat="1" ht="13.4" customHeight="1">
      <c r="A402" s="20" t="str">
        <f t="shared" si="20"/>
        <v>SI</v>
      </c>
      <c r="B402" s="20"/>
      <c r="C402" s="541">
        <v>25</v>
      </c>
      <c r="D402" s="542"/>
      <c r="E402" s="543" t="s">
        <v>641</v>
      </c>
      <c r="F402" s="544"/>
      <c r="G402" s="544"/>
      <c r="H402" s="544"/>
      <c r="I402" s="544"/>
      <c r="J402" s="544"/>
      <c r="K402" s="544"/>
      <c r="L402" s="544"/>
      <c r="M402" s="544"/>
      <c r="N402" s="544"/>
      <c r="O402" s="544"/>
      <c r="P402" s="544"/>
      <c r="Q402" s="544"/>
      <c r="R402" s="544"/>
      <c r="S402" s="544"/>
      <c r="T402" s="545"/>
      <c r="U402" s="221" t="s">
        <v>642</v>
      </c>
      <c r="V402" s="546" t="s">
        <v>107</v>
      </c>
      <c r="W402" s="547"/>
      <c r="X402" s="547"/>
      <c r="Y402" s="547"/>
      <c r="Z402" s="548"/>
      <c r="AA402" s="623" t="s">
        <v>108</v>
      </c>
      <c r="AB402" s="624"/>
      <c r="AC402" s="625"/>
      <c r="AD402" s="415">
        <v>3</v>
      </c>
      <c r="AE402" s="415">
        <v>0</v>
      </c>
      <c r="AF402" s="541"/>
      <c r="AG402" s="542"/>
      <c r="AH402" s="549"/>
      <c r="AI402" s="550"/>
      <c r="AJ402" s="551"/>
      <c r="AK402" s="265"/>
      <c r="AL402" s="38"/>
      <c r="AM402" s="54"/>
      <c r="AN402" s="13" t="str">
        <f t="shared" si="22"/>
        <v>■</v>
      </c>
    </row>
    <row r="403" spans="1:40" s="13" customFormat="1" ht="13.4" customHeight="1">
      <c r="A403" s="20" t="str">
        <f t="shared" si="20"/>
        <v>SI</v>
      </c>
      <c r="B403" s="20"/>
      <c r="C403" s="541">
        <v>26</v>
      </c>
      <c r="D403" s="542"/>
      <c r="E403" s="543" t="s">
        <v>643</v>
      </c>
      <c r="F403" s="544"/>
      <c r="G403" s="544"/>
      <c r="H403" s="544"/>
      <c r="I403" s="544"/>
      <c r="J403" s="544"/>
      <c r="K403" s="544"/>
      <c r="L403" s="544"/>
      <c r="M403" s="544"/>
      <c r="N403" s="544"/>
      <c r="O403" s="544"/>
      <c r="P403" s="544"/>
      <c r="Q403" s="544"/>
      <c r="R403" s="544"/>
      <c r="S403" s="544"/>
      <c r="T403" s="545"/>
      <c r="U403" s="221" t="s">
        <v>644</v>
      </c>
      <c r="V403" s="546" t="s">
        <v>107</v>
      </c>
      <c r="W403" s="547"/>
      <c r="X403" s="547"/>
      <c r="Y403" s="547"/>
      <c r="Z403" s="548"/>
      <c r="AA403" s="623" t="s">
        <v>108</v>
      </c>
      <c r="AB403" s="624"/>
      <c r="AC403" s="625"/>
      <c r="AD403" s="415">
        <v>3</v>
      </c>
      <c r="AE403" s="415">
        <v>0</v>
      </c>
      <c r="AF403" s="541"/>
      <c r="AG403" s="542"/>
      <c r="AH403" s="549"/>
      <c r="AI403" s="550"/>
      <c r="AJ403" s="551"/>
      <c r="AK403" s="265"/>
      <c r="AL403" s="38"/>
      <c r="AM403" s="54"/>
      <c r="AN403" s="13" t="str">
        <f t="shared" si="22"/>
        <v>■</v>
      </c>
    </row>
    <row r="404" spans="1:40" s="13" customFormat="1" ht="13.4" customHeight="1">
      <c r="A404" s="20" t="str">
        <f t="shared" si="20"/>
        <v>SI</v>
      </c>
      <c r="B404" s="20"/>
      <c r="C404" s="541">
        <v>27</v>
      </c>
      <c r="D404" s="542"/>
      <c r="E404" s="543" t="s">
        <v>645</v>
      </c>
      <c r="F404" s="544"/>
      <c r="G404" s="544"/>
      <c r="H404" s="544"/>
      <c r="I404" s="544"/>
      <c r="J404" s="544"/>
      <c r="K404" s="544"/>
      <c r="L404" s="544"/>
      <c r="M404" s="544"/>
      <c r="N404" s="544"/>
      <c r="O404" s="544"/>
      <c r="P404" s="544"/>
      <c r="Q404" s="544"/>
      <c r="R404" s="544"/>
      <c r="S404" s="544"/>
      <c r="T404" s="545"/>
      <c r="U404" s="221" t="s">
        <v>646</v>
      </c>
      <c r="V404" s="546" t="s">
        <v>107</v>
      </c>
      <c r="W404" s="547"/>
      <c r="X404" s="547"/>
      <c r="Y404" s="547"/>
      <c r="Z404" s="548"/>
      <c r="AA404" s="623" t="s">
        <v>108</v>
      </c>
      <c r="AB404" s="624"/>
      <c r="AC404" s="625"/>
      <c r="AD404" s="415">
        <v>3</v>
      </c>
      <c r="AE404" s="415">
        <v>0</v>
      </c>
      <c r="AF404" s="541"/>
      <c r="AG404" s="542"/>
      <c r="AH404" s="549"/>
      <c r="AI404" s="550"/>
      <c r="AJ404" s="551"/>
      <c r="AK404" s="265"/>
      <c r="AL404" s="38"/>
      <c r="AM404" s="54"/>
      <c r="AN404" s="13" t="str">
        <f t="shared" si="22"/>
        <v>■</v>
      </c>
    </row>
    <row r="405" spans="1:40" s="13" customFormat="1" ht="13.4" customHeight="1">
      <c r="A405" s="20" t="str">
        <f t="shared" si="20"/>
        <v>SI</v>
      </c>
      <c r="B405" s="20"/>
      <c r="C405" s="541">
        <v>28</v>
      </c>
      <c r="D405" s="542"/>
      <c r="E405" s="543" t="s">
        <v>647</v>
      </c>
      <c r="F405" s="544"/>
      <c r="G405" s="544"/>
      <c r="H405" s="544"/>
      <c r="I405" s="544"/>
      <c r="J405" s="544"/>
      <c r="K405" s="544"/>
      <c r="L405" s="544"/>
      <c r="M405" s="544"/>
      <c r="N405" s="544"/>
      <c r="O405" s="544"/>
      <c r="P405" s="544"/>
      <c r="Q405" s="544"/>
      <c r="R405" s="544"/>
      <c r="S405" s="544"/>
      <c r="T405" s="545"/>
      <c r="U405" s="221" t="s">
        <v>648</v>
      </c>
      <c r="V405" s="546" t="s">
        <v>107</v>
      </c>
      <c r="W405" s="547"/>
      <c r="X405" s="547"/>
      <c r="Y405" s="547"/>
      <c r="Z405" s="548"/>
      <c r="AA405" s="623" t="s">
        <v>108</v>
      </c>
      <c r="AB405" s="624"/>
      <c r="AC405" s="625"/>
      <c r="AD405" s="415">
        <v>3</v>
      </c>
      <c r="AE405" s="415">
        <v>0</v>
      </c>
      <c r="AF405" s="541"/>
      <c r="AG405" s="542"/>
      <c r="AH405" s="549"/>
      <c r="AI405" s="550"/>
      <c r="AJ405" s="551"/>
      <c r="AK405" s="265"/>
      <c r="AL405" s="38"/>
      <c r="AM405" s="54"/>
      <c r="AN405" s="13" t="str">
        <f t="shared" si="22"/>
        <v>■</v>
      </c>
    </row>
    <row r="406" spans="1:40" s="13" customFormat="1" ht="13.4" customHeight="1">
      <c r="A406" s="20" t="str">
        <f t="shared" si="20"/>
        <v>SI</v>
      </c>
      <c r="B406" s="20"/>
      <c r="C406" s="541">
        <v>29</v>
      </c>
      <c r="D406" s="542"/>
      <c r="E406" s="543" t="s">
        <v>649</v>
      </c>
      <c r="F406" s="544"/>
      <c r="G406" s="544"/>
      <c r="H406" s="544"/>
      <c r="I406" s="544"/>
      <c r="J406" s="544"/>
      <c r="K406" s="544"/>
      <c r="L406" s="544"/>
      <c r="M406" s="544"/>
      <c r="N406" s="544"/>
      <c r="O406" s="544"/>
      <c r="P406" s="544"/>
      <c r="Q406" s="544"/>
      <c r="R406" s="544"/>
      <c r="S406" s="544"/>
      <c r="T406" s="545"/>
      <c r="U406" s="221" t="s">
        <v>650</v>
      </c>
      <c r="V406" s="546" t="s">
        <v>107</v>
      </c>
      <c r="W406" s="547"/>
      <c r="X406" s="547"/>
      <c r="Y406" s="547"/>
      <c r="Z406" s="548"/>
      <c r="AA406" s="623" t="s">
        <v>108</v>
      </c>
      <c r="AB406" s="624"/>
      <c r="AC406" s="625"/>
      <c r="AD406" s="415">
        <v>3</v>
      </c>
      <c r="AE406" s="415">
        <v>0</v>
      </c>
      <c r="AF406" s="541"/>
      <c r="AG406" s="542"/>
      <c r="AH406" s="549"/>
      <c r="AI406" s="550"/>
      <c r="AJ406" s="551"/>
      <c r="AK406" s="265"/>
      <c r="AL406" s="38"/>
      <c r="AM406" s="54"/>
      <c r="AN406" s="13" t="str">
        <f t="shared" si="22"/>
        <v>■</v>
      </c>
    </row>
    <row r="407" spans="1:40" s="13" customFormat="1" ht="13.4" customHeight="1">
      <c r="A407" s="20" t="str">
        <f t="shared" si="20"/>
        <v>SI</v>
      </c>
      <c r="B407" s="20"/>
      <c r="C407" s="541">
        <v>30</v>
      </c>
      <c r="D407" s="542"/>
      <c r="E407" s="543" t="s">
        <v>651</v>
      </c>
      <c r="F407" s="544"/>
      <c r="G407" s="544"/>
      <c r="H407" s="544"/>
      <c r="I407" s="544"/>
      <c r="J407" s="544"/>
      <c r="K407" s="544"/>
      <c r="L407" s="544"/>
      <c r="M407" s="544"/>
      <c r="N407" s="544"/>
      <c r="O407" s="544"/>
      <c r="P407" s="544"/>
      <c r="Q407" s="544"/>
      <c r="R407" s="544"/>
      <c r="S407" s="544"/>
      <c r="T407" s="545"/>
      <c r="U407" s="221" t="s">
        <v>652</v>
      </c>
      <c r="V407" s="546" t="s">
        <v>107</v>
      </c>
      <c r="W407" s="547"/>
      <c r="X407" s="547"/>
      <c r="Y407" s="547"/>
      <c r="Z407" s="548"/>
      <c r="AA407" s="623" t="s">
        <v>108</v>
      </c>
      <c r="AB407" s="624"/>
      <c r="AC407" s="625"/>
      <c r="AD407" s="415">
        <v>3</v>
      </c>
      <c r="AE407" s="415">
        <v>0</v>
      </c>
      <c r="AF407" s="541"/>
      <c r="AG407" s="542"/>
      <c r="AH407" s="549"/>
      <c r="AI407" s="550"/>
      <c r="AJ407" s="551"/>
      <c r="AK407" s="265"/>
      <c r="AL407" s="38"/>
      <c r="AM407" s="54"/>
      <c r="AN407" s="13" t="str">
        <f t="shared" si="22"/>
        <v>■</v>
      </c>
    </row>
    <row r="408" spans="1:40" s="13" customFormat="1" ht="13.4" customHeight="1">
      <c r="A408" s="20" t="str">
        <f t="shared" si="20"/>
        <v>SI</v>
      </c>
      <c r="B408" s="20"/>
      <c r="C408" s="541">
        <v>31</v>
      </c>
      <c r="D408" s="542"/>
      <c r="E408" s="543" t="s">
        <v>653</v>
      </c>
      <c r="F408" s="544"/>
      <c r="G408" s="544"/>
      <c r="H408" s="544"/>
      <c r="I408" s="544"/>
      <c r="J408" s="544"/>
      <c r="K408" s="544"/>
      <c r="L408" s="544"/>
      <c r="M408" s="544"/>
      <c r="N408" s="544"/>
      <c r="O408" s="544"/>
      <c r="P408" s="544"/>
      <c r="Q408" s="544"/>
      <c r="R408" s="544"/>
      <c r="S408" s="544"/>
      <c r="T408" s="545"/>
      <c r="U408" s="221" t="s">
        <v>654</v>
      </c>
      <c r="V408" s="546" t="s">
        <v>107</v>
      </c>
      <c r="W408" s="547"/>
      <c r="X408" s="547"/>
      <c r="Y408" s="547"/>
      <c r="Z408" s="548"/>
      <c r="AA408" s="623" t="s">
        <v>108</v>
      </c>
      <c r="AB408" s="624"/>
      <c r="AC408" s="625"/>
      <c r="AD408" s="415">
        <v>3</v>
      </c>
      <c r="AE408" s="415">
        <v>0</v>
      </c>
      <c r="AF408" s="541"/>
      <c r="AG408" s="542"/>
      <c r="AH408" s="549"/>
      <c r="AI408" s="550"/>
      <c r="AJ408" s="551"/>
      <c r="AK408" s="265"/>
      <c r="AL408" s="38"/>
      <c r="AM408" s="54"/>
      <c r="AN408" s="13" t="str">
        <f t="shared" si="22"/>
        <v>■</v>
      </c>
    </row>
    <row r="409" spans="1:40" s="13" customFormat="1" ht="13.4" customHeight="1">
      <c r="A409" s="20" t="str">
        <f t="shared" si="20"/>
        <v>SI</v>
      </c>
      <c r="B409" s="20"/>
      <c r="C409" s="541">
        <v>32</v>
      </c>
      <c r="D409" s="542"/>
      <c r="E409" s="543" t="s">
        <v>655</v>
      </c>
      <c r="F409" s="544"/>
      <c r="G409" s="544"/>
      <c r="H409" s="544"/>
      <c r="I409" s="544"/>
      <c r="J409" s="544"/>
      <c r="K409" s="544"/>
      <c r="L409" s="544"/>
      <c r="M409" s="544"/>
      <c r="N409" s="544"/>
      <c r="O409" s="544"/>
      <c r="P409" s="544"/>
      <c r="Q409" s="544"/>
      <c r="R409" s="544"/>
      <c r="S409" s="544"/>
      <c r="T409" s="545"/>
      <c r="U409" s="221" t="s">
        <v>656</v>
      </c>
      <c r="V409" s="546" t="s">
        <v>107</v>
      </c>
      <c r="W409" s="547"/>
      <c r="X409" s="547"/>
      <c r="Y409" s="547"/>
      <c r="Z409" s="548"/>
      <c r="AA409" s="623" t="s">
        <v>108</v>
      </c>
      <c r="AB409" s="624"/>
      <c r="AC409" s="625"/>
      <c r="AD409" s="415">
        <v>3</v>
      </c>
      <c r="AE409" s="415">
        <v>0</v>
      </c>
      <c r="AF409" s="541"/>
      <c r="AG409" s="542"/>
      <c r="AH409" s="549"/>
      <c r="AI409" s="550"/>
      <c r="AJ409" s="551"/>
      <c r="AK409" s="265"/>
      <c r="AL409" s="38"/>
      <c r="AM409" s="54"/>
      <c r="AN409" s="13" t="str">
        <f t="shared" si="22"/>
        <v>■</v>
      </c>
    </row>
    <row r="410" spans="1:40" s="13" customFormat="1" ht="13.4" customHeight="1">
      <c r="A410" s="20" t="str">
        <f t="shared" si="20"/>
        <v>SI</v>
      </c>
      <c r="B410" s="20"/>
      <c r="C410" s="541">
        <v>33</v>
      </c>
      <c r="D410" s="542"/>
      <c r="E410" s="543" t="s">
        <v>657</v>
      </c>
      <c r="F410" s="544"/>
      <c r="G410" s="544"/>
      <c r="H410" s="544"/>
      <c r="I410" s="544"/>
      <c r="J410" s="544"/>
      <c r="K410" s="544"/>
      <c r="L410" s="544"/>
      <c r="M410" s="544"/>
      <c r="N410" s="544"/>
      <c r="O410" s="544"/>
      <c r="P410" s="544"/>
      <c r="Q410" s="544"/>
      <c r="R410" s="544"/>
      <c r="S410" s="544"/>
      <c r="T410" s="545"/>
      <c r="U410" s="221" t="s">
        <v>658</v>
      </c>
      <c r="V410" s="546" t="s">
        <v>107</v>
      </c>
      <c r="W410" s="547"/>
      <c r="X410" s="547"/>
      <c r="Y410" s="547"/>
      <c r="Z410" s="548"/>
      <c r="AA410" s="623" t="s">
        <v>108</v>
      </c>
      <c r="AB410" s="624"/>
      <c r="AC410" s="625"/>
      <c r="AD410" s="415">
        <v>3</v>
      </c>
      <c r="AE410" s="415">
        <v>0</v>
      </c>
      <c r="AF410" s="541"/>
      <c r="AG410" s="542"/>
      <c r="AH410" s="549"/>
      <c r="AI410" s="550"/>
      <c r="AJ410" s="551"/>
      <c r="AK410" s="265"/>
      <c r="AL410" s="38"/>
      <c r="AM410" s="54"/>
      <c r="AN410" s="13" t="str">
        <f t="shared" si="22"/>
        <v>■</v>
      </c>
    </row>
    <row r="411" spans="1:40" s="13" customFormat="1" ht="13.4" customHeight="1">
      <c r="A411" s="20" t="str">
        <f t="shared" si="20"/>
        <v>SI</v>
      </c>
      <c r="B411" s="20"/>
      <c r="C411" s="541">
        <v>34</v>
      </c>
      <c r="D411" s="542"/>
      <c r="E411" s="543" t="s">
        <v>659</v>
      </c>
      <c r="F411" s="544"/>
      <c r="G411" s="544"/>
      <c r="H411" s="544"/>
      <c r="I411" s="544"/>
      <c r="J411" s="544"/>
      <c r="K411" s="544"/>
      <c r="L411" s="544"/>
      <c r="M411" s="544"/>
      <c r="N411" s="544"/>
      <c r="O411" s="544"/>
      <c r="P411" s="544"/>
      <c r="Q411" s="544"/>
      <c r="R411" s="544"/>
      <c r="S411" s="544"/>
      <c r="T411" s="545"/>
      <c r="U411" s="221" t="s">
        <v>660</v>
      </c>
      <c r="V411" s="546" t="s">
        <v>107</v>
      </c>
      <c r="W411" s="547"/>
      <c r="X411" s="547"/>
      <c r="Y411" s="547"/>
      <c r="Z411" s="548"/>
      <c r="AA411" s="623" t="s">
        <v>108</v>
      </c>
      <c r="AB411" s="624"/>
      <c r="AC411" s="625"/>
      <c r="AD411" s="415">
        <v>3</v>
      </c>
      <c r="AE411" s="415">
        <v>0</v>
      </c>
      <c r="AF411" s="541"/>
      <c r="AG411" s="542"/>
      <c r="AH411" s="549"/>
      <c r="AI411" s="550"/>
      <c r="AJ411" s="551"/>
      <c r="AK411" s="265"/>
      <c r="AL411" s="38"/>
      <c r="AM411" s="54"/>
      <c r="AN411" s="13" t="str">
        <f t="shared" si="22"/>
        <v>■</v>
      </c>
    </row>
    <row r="412" spans="1:40" s="13" customFormat="1" ht="13.4" customHeight="1">
      <c r="A412" s="20" t="str">
        <f t="shared" si="20"/>
        <v>SI</v>
      </c>
      <c r="B412" s="20"/>
      <c r="C412" s="541">
        <v>35</v>
      </c>
      <c r="D412" s="542"/>
      <c r="E412" s="543" t="s">
        <v>661</v>
      </c>
      <c r="F412" s="544"/>
      <c r="G412" s="544"/>
      <c r="H412" s="544"/>
      <c r="I412" s="544"/>
      <c r="J412" s="544"/>
      <c r="K412" s="544"/>
      <c r="L412" s="544"/>
      <c r="M412" s="544"/>
      <c r="N412" s="544"/>
      <c r="O412" s="544"/>
      <c r="P412" s="544"/>
      <c r="Q412" s="544"/>
      <c r="R412" s="544"/>
      <c r="S412" s="544"/>
      <c r="T412" s="545"/>
      <c r="U412" s="221" t="s">
        <v>662</v>
      </c>
      <c r="V412" s="546" t="s">
        <v>107</v>
      </c>
      <c r="W412" s="547"/>
      <c r="X412" s="547"/>
      <c r="Y412" s="547"/>
      <c r="Z412" s="548"/>
      <c r="AA412" s="623" t="s">
        <v>108</v>
      </c>
      <c r="AB412" s="624"/>
      <c r="AC412" s="625"/>
      <c r="AD412" s="415">
        <v>3</v>
      </c>
      <c r="AE412" s="415">
        <v>0</v>
      </c>
      <c r="AF412" s="541"/>
      <c r="AG412" s="542"/>
      <c r="AH412" s="549"/>
      <c r="AI412" s="550"/>
      <c r="AJ412" s="551"/>
      <c r="AK412" s="265"/>
      <c r="AL412" s="38"/>
      <c r="AM412" s="54"/>
      <c r="AN412" s="13" t="str">
        <f t="shared" si="22"/>
        <v>■</v>
      </c>
    </row>
    <row r="413" spans="1:40" s="13" customFormat="1" ht="13.4" customHeight="1">
      <c r="A413" s="20" t="str">
        <f t="shared" si="20"/>
        <v>SI</v>
      </c>
      <c r="B413" s="20"/>
      <c r="C413" s="541">
        <v>36</v>
      </c>
      <c r="D413" s="542"/>
      <c r="E413" s="543" t="s">
        <v>663</v>
      </c>
      <c r="F413" s="544"/>
      <c r="G413" s="544"/>
      <c r="H413" s="544"/>
      <c r="I413" s="544"/>
      <c r="J413" s="544"/>
      <c r="K413" s="544"/>
      <c r="L413" s="544"/>
      <c r="M413" s="544"/>
      <c r="N413" s="544"/>
      <c r="O413" s="544"/>
      <c r="P413" s="544"/>
      <c r="Q413" s="544"/>
      <c r="R413" s="544"/>
      <c r="S413" s="544"/>
      <c r="T413" s="545"/>
      <c r="U413" s="221" t="s">
        <v>664</v>
      </c>
      <c r="V413" s="546" t="s">
        <v>107</v>
      </c>
      <c r="W413" s="547"/>
      <c r="X413" s="547"/>
      <c r="Y413" s="547"/>
      <c r="Z413" s="548"/>
      <c r="AA413" s="623" t="s">
        <v>108</v>
      </c>
      <c r="AB413" s="624"/>
      <c r="AC413" s="625"/>
      <c r="AD413" s="415">
        <v>3</v>
      </c>
      <c r="AE413" s="415">
        <v>0</v>
      </c>
      <c r="AF413" s="541"/>
      <c r="AG413" s="542"/>
      <c r="AH413" s="549"/>
      <c r="AI413" s="550"/>
      <c r="AJ413" s="551"/>
      <c r="AK413" s="265"/>
      <c r="AL413" s="38"/>
      <c r="AM413" s="54"/>
      <c r="AN413" s="13" t="str">
        <f t="shared" si="22"/>
        <v>■</v>
      </c>
    </row>
    <row r="414" spans="1:40" s="13" customFormat="1" ht="13.4" customHeight="1">
      <c r="A414" s="20" t="str">
        <f t="shared" si="20"/>
        <v>SI</v>
      </c>
      <c r="B414" s="20"/>
      <c r="C414" s="541">
        <v>37</v>
      </c>
      <c r="D414" s="542"/>
      <c r="E414" s="543" t="s">
        <v>665</v>
      </c>
      <c r="F414" s="544"/>
      <c r="G414" s="544"/>
      <c r="H414" s="544"/>
      <c r="I414" s="544"/>
      <c r="J414" s="544"/>
      <c r="K414" s="544"/>
      <c r="L414" s="544"/>
      <c r="M414" s="544"/>
      <c r="N414" s="544"/>
      <c r="O414" s="544"/>
      <c r="P414" s="544"/>
      <c r="Q414" s="544"/>
      <c r="R414" s="544"/>
      <c r="S414" s="544"/>
      <c r="T414" s="545"/>
      <c r="U414" s="221" t="s">
        <v>666</v>
      </c>
      <c r="V414" s="546" t="s">
        <v>107</v>
      </c>
      <c r="W414" s="547"/>
      <c r="X414" s="547"/>
      <c r="Y414" s="547"/>
      <c r="Z414" s="548"/>
      <c r="AA414" s="623" t="s">
        <v>108</v>
      </c>
      <c r="AB414" s="624"/>
      <c r="AC414" s="625"/>
      <c r="AD414" s="415">
        <v>3</v>
      </c>
      <c r="AE414" s="415">
        <v>0</v>
      </c>
      <c r="AF414" s="541"/>
      <c r="AG414" s="542"/>
      <c r="AH414" s="549"/>
      <c r="AI414" s="550"/>
      <c r="AJ414" s="551"/>
      <c r="AK414" s="265"/>
      <c r="AL414" s="38"/>
      <c r="AM414" s="54"/>
      <c r="AN414" s="13" t="str">
        <f t="shared" si="22"/>
        <v>■</v>
      </c>
    </row>
    <row r="415" spans="1:40" s="13" customFormat="1" ht="13.4" customHeight="1">
      <c r="A415" s="20" t="str">
        <f t="shared" si="20"/>
        <v>SI</v>
      </c>
      <c r="B415" s="20"/>
      <c r="C415" s="541">
        <v>38</v>
      </c>
      <c r="D415" s="542"/>
      <c r="E415" s="543" t="s">
        <v>667</v>
      </c>
      <c r="F415" s="544"/>
      <c r="G415" s="544"/>
      <c r="H415" s="544"/>
      <c r="I415" s="544"/>
      <c r="J415" s="544"/>
      <c r="K415" s="544"/>
      <c r="L415" s="544"/>
      <c r="M415" s="544"/>
      <c r="N415" s="544"/>
      <c r="O415" s="544"/>
      <c r="P415" s="544"/>
      <c r="Q415" s="544"/>
      <c r="R415" s="544"/>
      <c r="S415" s="544"/>
      <c r="T415" s="545"/>
      <c r="U415" s="221" t="s">
        <v>668</v>
      </c>
      <c r="V415" s="546" t="s">
        <v>107</v>
      </c>
      <c r="W415" s="547"/>
      <c r="X415" s="547"/>
      <c r="Y415" s="547"/>
      <c r="Z415" s="548"/>
      <c r="AA415" s="623" t="s">
        <v>108</v>
      </c>
      <c r="AB415" s="624"/>
      <c r="AC415" s="625"/>
      <c r="AD415" s="415">
        <v>3</v>
      </c>
      <c r="AE415" s="415">
        <v>0</v>
      </c>
      <c r="AF415" s="541"/>
      <c r="AG415" s="542"/>
      <c r="AH415" s="549"/>
      <c r="AI415" s="550"/>
      <c r="AJ415" s="551"/>
      <c r="AK415" s="265"/>
      <c r="AL415" s="38"/>
      <c r="AM415" s="54"/>
      <c r="AN415" s="13" t="str">
        <f t="shared" si="22"/>
        <v>■</v>
      </c>
    </row>
    <row r="416" spans="1:40" s="13" customFormat="1" ht="13.4" customHeight="1">
      <c r="A416" s="20" t="str">
        <f t="shared" si="20"/>
        <v>SI</v>
      </c>
      <c r="B416" s="20"/>
      <c r="C416" s="541">
        <v>39</v>
      </c>
      <c r="D416" s="542"/>
      <c r="E416" s="543" t="s">
        <v>669</v>
      </c>
      <c r="F416" s="544"/>
      <c r="G416" s="544"/>
      <c r="H416" s="544"/>
      <c r="I416" s="544"/>
      <c r="J416" s="544"/>
      <c r="K416" s="544"/>
      <c r="L416" s="544"/>
      <c r="M416" s="544"/>
      <c r="N416" s="544"/>
      <c r="O416" s="544"/>
      <c r="P416" s="544"/>
      <c r="Q416" s="544"/>
      <c r="R416" s="544"/>
      <c r="S416" s="544"/>
      <c r="T416" s="545"/>
      <c r="U416" s="221" t="s">
        <v>670</v>
      </c>
      <c r="V416" s="546" t="s">
        <v>107</v>
      </c>
      <c r="W416" s="547"/>
      <c r="X416" s="547"/>
      <c r="Y416" s="547"/>
      <c r="Z416" s="548"/>
      <c r="AA416" s="623" t="s">
        <v>108</v>
      </c>
      <c r="AB416" s="624"/>
      <c r="AC416" s="625"/>
      <c r="AD416" s="415">
        <v>3</v>
      </c>
      <c r="AE416" s="415">
        <v>0</v>
      </c>
      <c r="AF416" s="541"/>
      <c r="AG416" s="542"/>
      <c r="AH416" s="549"/>
      <c r="AI416" s="550"/>
      <c r="AJ416" s="551"/>
      <c r="AK416" s="265"/>
      <c r="AL416" s="38"/>
      <c r="AM416" s="54"/>
      <c r="AN416" s="13" t="str">
        <f t="shared" si="22"/>
        <v>■</v>
      </c>
    </row>
    <row r="417" spans="1:40" s="13" customFormat="1" ht="13.4" customHeight="1">
      <c r="A417" s="20" t="str">
        <f t="shared" si="20"/>
        <v>SI</v>
      </c>
      <c r="B417" s="20"/>
      <c r="C417" s="541">
        <v>40</v>
      </c>
      <c r="D417" s="542"/>
      <c r="E417" s="543" t="s">
        <v>671</v>
      </c>
      <c r="F417" s="544"/>
      <c r="G417" s="544"/>
      <c r="H417" s="544"/>
      <c r="I417" s="544"/>
      <c r="J417" s="544"/>
      <c r="K417" s="544"/>
      <c r="L417" s="544"/>
      <c r="M417" s="544"/>
      <c r="N417" s="544"/>
      <c r="O417" s="544"/>
      <c r="P417" s="544"/>
      <c r="Q417" s="544"/>
      <c r="R417" s="544"/>
      <c r="S417" s="544"/>
      <c r="T417" s="545"/>
      <c r="U417" s="221" t="s">
        <v>672</v>
      </c>
      <c r="V417" s="546" t="s">
        <v>107</v>
      </c>
      <c r="W417" s="547"/>
      <c r="X417" s="547"/>
      <c r="Y417" s="547"/>
      <c r="Z417" s="548"/>
      <c r="AA417" s="623" t="s">
        <v>108</v>
      </c>
      <c r="AB417" s="624"/>
      <c r="AC417" s="625"/>
      <c r="AD417" s="415">
        <v>3</v>
      </c>
      <c r="AE417" s="415">
        <v>0</v>
      </c>
      <c r="AF417" s="541"/>
      <c r="AG417" s="542"/>
      <c r="AH417" s="549"/>
      <c r="AI417" s="550"/>
      <c r="AJ417" s="551"/>
      <c r="AK417" s="265"/>
      <c r="AL417" s="38"/>
      <c r="AM417" s="54"/>
      <c r="AN417" s="13" t="str">
        <f t="shared" si="22"/>
        <v>■</v>
      </c>
    </row>
    <row r="418" spans="1:40" s="13" customFormat="1" ht="13.4" customHeight="1">
      <c r="A418" s="20" t="str">
        <f t="shared" si="20"/>
        <v>SI</v>
      </c>
      <c r="B418" s="20"/>
      <c r="C418" s="541">
        <v>41</v>
      </c>
      <c r="D418" s="542"/>
      <c r="E418" s="543" t="s">
        <v>673</v>
      </c>
      <c r="F418" s="544"/>
      <c r="G418" s="544"/>
      <c r="H418" s="544"/>
      <c r="I418" s="544"/>
      <c r="J418" s="544"/>
      <c r="K418" s="544"/>
      <c r="L418" s="544"/>
      <c r="M418" s="544"/>
      <c r="N418" s="544"/>
      <c r="O418" s="544"/>
      <c r="P418" s="544"/>
      <c r="Q418" s="544"/>
      <c r="R418" s="544"/>
      <c r="S418" s="544"/>
      <c r="T418" s="545"/>
      <c r="U418" s="221" t="s">
        <v>674</v>
      </c>
      <c r="V418" s="546" t="s">
        <v>107</v>
      </c>
      <c r="W418" s="547"/>
      <c r="X418" s="547"/>
      <c r="Y418" s="547"/>
      <c r="Z418" s="548"/>
      <c r="AA418" s="623" t="s">
        <v>108</v>
      </c>
      <c r="AB418" s="624"/>
      <c r="AC418" s="625"/>
      <c r="AD418" s="415">
        <v>3</v>
      </c>
      <c r="AE418" s="415">
        <v>0</v>
      </c>
      <c r="AF418" s="541"/>
      <c r="AG418" s="542"/>
      <c r="AH418" s="549"/>
      <c r="AI418" s="550"/>
      <c r="AJ418" s="551"/>
      <c r="AK418" s="265"/>
      <c r="AL418" s="38"/>
      <c r="AM418" s="54"/>
      <c r="AN418" s="13" t="str">
        <f t="shared" si="22"/>
        <v>■</v>
      </c>
    </row>
    <row r="419" spans="1:40" s="13" customFormat="1" ht="13.4" customHeight="1">
      <c r="A419" s="20" t="str">
        <f t="shared" ref="A419:A482" si="23">IF(LEN(J419)&gt;0,MID(J419,FIND("（",J419,1)+1,2),A418)</f>
        <v>SI</v>
      </c>
      <c r="B419" s="20"/>
      <c r="C419" s="541">
        <v>42</v>
      </c>
      <c r="D419" s="542"/>
      <c r="E419" s="543" t="s">
        <v>675</v>
      </c>
      <c r="F419" s="544"/>
      <c r="G419" s="544"/>
      <c r="H419" s="544"/>
      <c r="I419" s="544"/>
      <c r="J419" s="544"/>
      <c r="K419" s="544"/>
      <c r="L419" s="544"/>
      <c r="M419" s="544"/>
      <c r="N419" s="544"/>
      <c r="O419" s="544"/>
      <c r="P419" s="544"/>
      <c r="Q419" s="544"/>
      <c r="R419" s="544"/>
      <c r="S419" s="544"/>
      <c r="T419" s="545"/>
      <c r="U419" s="221" t="s">
        <v>676</v>
      </c>
      <c r="V419" s="546" t="s">
        <v>107</v>
      </c>
      <c r="W419" s="547"/>
      <c r="X419" s="547"/>
      <c r="Y419" s="547"/>
      <c r="Z419" s="548"/>
      <c r="AA419" s="623" t="s">
        <v>108</v>
      </c>
      <c r="AB419" s="624"/>
      <c r="AC419" s="625"/>
      <c r="AD419" s="415">
        <v>3</v>
      </c>
      <c r="AE419" s="415">
        <v>0</v>
      </c>
      <c r="AF419" s="541"/>
      <c r="AG419" s="542"/>
      <c r="AH419" s="549"/>
      <c r="AI419" s="550"/>
      <c r="AJ419" s="551"/>
      <c r="AK419" s="265"/>
      <c r="AL419" s="38"/>
      <c r="AM419" s="54"/>
      <c r="AN419" s="13" t="str">
        <f t="shared" si="22"/>
        <v>■</v>
      </c>
    </row>
    <row r="420" spans="1:40" s="13" customFormat="1" ht="13.4" customHeight="1">
      <c r="A420" s="20" t="str">
        <f t="shared" si="23"/>
        <v>SI</v>
      </c>
      <c r="B420" s="20"/>
      <c r="C420" s="541">
        <v>43</v>
      </c>
      <c r="D420" s="542"/>
      <c r="E420" s="543" t="s">
        <v>677</v>
      </c>
      <c r="F420" s="544"/>
      <c r="G420" s="544"/>
      <c r="H420" s="544"/>
      <c r="I420" s="544"/>
      <c r="J420" s="544"/>
      <c r="K420" s="544"/>
      <c r="L420" s="544"/>
      <c r="M420" s="544"/>
      <c r="N420" s="544"/>
      <c r="O420" s="544"/>
      <c r="P420" s="544"/>
      <c r="Q420" s="544"/>
      <c r="R420" s="544"/>
      <c r="S420" s="544"/>
      <c r="T420" s="545"/>
      <c r="U420" s="221" t="s">
        <v>678</v>
      </c>
      <c r="V420" s="546" t="s">
        <v>107</v>
      </c>
      <c r="W420" s="547"/>
      <c r="X420" s="547"/>
      <c r="Y420" s="547"/>
      <c r="Z420" s="548"/>
      <c r="AA420" s="623" t="s">
        <v>108</v>
      </c>
      <c r="AB420" s="624"/>
      <c r="AC420" s="625"/>
      <c r="AD420" s="415">
        <v>3</v>
      </c>
      <c r="AE420" s="415">
        <v>0</v>
      </c>
      <c r="AF420" s="541"/>
      <c r="AG420" s="542"/>
      <c r="AH420" s="549"/>
      <c r="AI420" s="550"/>
      <c r="AJ420" s="551"/>
      <c r="AK420" s="265"/>
      <c r="AL420" s="38"/>
      <c r="AM420" s="54"/>
      <c r="AN420" s="13" t="str">
        <f t="shared" si="22"/>
        <v>■</v>
      </c>
    </row>
    <row r="421" spans="1:40" s="13" customFormat="1" ht="13.4" customHeight="1">
      <c r="A421" s="20" t="str">
        <f t="shared" si="23"/>
        <v>SI</v>
      </c>
      <c r="B421" s="20"/>
      <c r="C421" s="541">
        <v>44</v>
      </c>
      <c r="D421" s="542"/>
      <c r="E421" s="543" t="s">
        <v>679</v>
      </c>
      <c r="F421" s="544"/>
      <c r="G421" s="544"/>
      <c r="H421" s="544"/>
      <c r="I421" s="544"/>
      <c r="J421" s="544"/>
      <c r="K421" s="544"/>
      <c r="L421" s="544"/>
      <c r="M421" s="544"/>
      <c r="N421" s="544"/>
      <c r="O421" s="544"/>
      <c r="P421" s="544"/>
      <c r="Q421" s="544"/>
      <c r="R421" s="544"/>
      <c r="S421" s="544"/>
      <c r="T421" s="545"/>
      <c r="U421" s="221" t="s">
        <v>680</v>
      </c>
      <c r="V421" s="546" t="s">
        <v>107</v>
      </c>
      <c r="W421" s="547"/>
      <c r="X421" s="547"/>
      <c r="Y421" s="547"/>
      <c r="Z421" s="548"/>
      <c r="AA421" s="623" t="s">
        <v>108</v>
      </c>
      <c r="AB421" s="624"/>
      <c r="AC421" s="625"/>
      <c r="AD421" s="415">
        <v>3</v>
      </c>
      <c r="AE421" s="415">
        <v>0</v>
      </c>
      <c r="AF421" s="541"/>
      <c r="AG421" s="542"/>
      <c r="AH421" s="549"/>
      <c r="AI421" s="550"/>
      <c r="AJ421" s="551"/>
      <c r="AK421" s="265"/>
      <c r="AL421" s="38"/>
      <c r="AM421" s="54"/>
      <c r="AN421" s="13" t="str">
        <f t="shared" si="22"/>
        <v>■</v>
      </c>
    </row>
    <row r="422" spans="1:40" s="13" customFormat="1" ht="13.4" customHeight="1">
      <c r="A422" s="20" t="str">
        <f t="shared" si="23"/>
        <v>SI</v>
      </c>
      <c r="B422" s="20"/>
      <c r="C422" s="541">
        <v>45</v>
      </c>
      <c r="D422" s="542"/>
      <c r="E422" s="543" t="s">
        <v>681</v>
      </c>
      <c r="F422" s="544"/>
      <c r="G422" s="544"/>
      <c r="H422" s="544"/>
      <c r="I422" s="544"/>
      <c r="J422" s="544"/>
      <c r="K422" s="544"/>
      <c r="L422" s="544"/>
      <c r="M422" s="544"/>
      <c r="N422" s="544"/>
      <c r="O422" s="544"/>
      <c r="P422" s="544"/>
      <c r="Q422" s="544"/>
      <c r="R422" s="544"/>
      <c r="S422" s="544"/>
      <c r="T422" s="545"/>
      <c r="U422" s="221" t="s">
        <v>682</v>
      </c>
      <c r="V422" s="546" t="s">
        <v>107</v>
      </c>
      <c r="W422" s="547"/>
      <c r="X422" s="547"/>
      <c r="Y422" s="547"/>
      <c r="Z422" s="548"/>
      <c r="AA422" s="623" t="s">
        <v>108</v>
      </c>
      <c r="AB422" s="624"/>
      <c r="AC422" s="625"/>
      <c r="AD422" s="415">
        <v>3</v>
      </c>
      <c r="AE422" s="415">
        <v>0</v>
      </c>
      <c r="AF422" s="541"/>
      <c r="AG422" s="542"/>
      <c r="AH422" s="549"/>
      <c r="AI422" s="550"/>
      <c r="AJ422" s="551"/>
      <c r="AK422" s="265"/>
      <c r="AL422" s="38"/>
      <c r="AM422" s="54"/>
      <c r="AN422" s="13" t="str">
        <f t="shared" si="22"/>
        <v>■</v>
      </c>
    </row>
    <row r="423" spans="1:40" s="13" customFormat="1" ht="13.4" customHeight="1">
      <c r="A423" s="20" t="str">
        <f t="shared" si="23"/>
        <v>SI</v>
      </c>
      <c r="B423" s="20"/>
      <c r="C423" s="541">
        <v>46</v>
      </c>
      <c r="D423" s="542"/>
      <c r="E423" s="543" t="s">
        <v>683</v>
      </c>
      <c r="F423" s="544"/>
      <c r="G423" s="544"/>
      <c r="H423" s="544"/>
      <c r="I423" s="544"/>
      <c r="J423" s="544"/>
      <c r="K423" s="544"/>
      <c r="L423" s="544"/>
      <c r="M423" s="544"/>
      <c r="N423" s="544"/>
      <c r="O423" s="544"/>
      <c r="P423" s="544"/>
      <c r="Q423" s="544"/>
      <c r="R423" s="544"/>
      <c r="S423" s="544"/>
      <c r="T423" s="545"/>
      <c r="U423" s="221" t="s">
        <v>684</v>
      </c>
      <c r="V423" s="546" t="s">
        <v>107</v>
      </c>
      <c r="W423" s="547"/>
      <c r="X423" s="547"/>
      <c r="Y423" s="547"/>
      <c r="Z423" s="548"/>
      <c r="AA423" s="623" t="s">
        <v>108</v>
      </c>
      <c r="AB423" s="624"/>
      <c r="AC423" s="625"/>
      <c r="AD423" s="415">
        <v>3</v>
      </c>
      <c r="AE423" s="415">
        <v>0</v>
      </c>
      <c r="AF423" s="541"/>
      <c r="AG423" s="542"/>
      <c r="AH423" s="549"/>
      <c r="AI423" s="550"/>
      <c r="AJ423" s="551"/>
      <c r="AK423" s="265"/>
      <c r="AL423" s="38"/>
      <c r="AM423" s="54"/>
      <c r="AN423" s="13" t="str">
        <f t="shared" si="22"/>
        <v>■</v>
      </c>
    </row>
    <row r="424" spans="1:40" s="13" customFormat="1" ht="13.4" customHeight="1">
      <c r="A424" s="20" t="str">
        <f t="shared" si="23"/>
        <v>SI</v>
      </c>
      <c r="B424" s="20"/>
      <c r="C424" s="541">
        <v>47</v>
      </c>
      <c r="D424" s="542"/>
      <c r="E424" s="543" t="s">
        <v>685</v>
      </c>
      <c r="F424" s="544"/>
      <c r="G424" s="544"/>
      <c r="H424" s="544"/>
      <c r="I424" s="544"/>
      <c r="J424" s="544"/>
      <c r="K424" s="544"/>
      <c r="L424" s="544"/>
      <c r="M424" s="544"/>
      <c r="N424" s="544"/>
      <c r="O424" s="544"/>
      <c r="P424" s="544"/>
      <c r="Q424" s="544"/>
      <c r="R424" s="544"/>
      <c r="S424" s="544"/>
      <c r="T424" s="545"/>
      <c r="U424" s="221" t="s">
        <v>686</v>
      </c>
      <c r="V424" s="546" t="s">
        <v>107</v>
      </c>
      <c r="W424" s="547"/>
      <c r="X424" s="547"/>
      <c r="Y424" s="547"/>
      <c r="Z424" s="548"/>
      <c r="AA424" s="623" t="s">
        <v>108</v>
      </c>
      <c r="AB424" s="624"/>
      <c r="AC424" s="625"/>
      <c r="AD424" s="415">
        <v>3</v>
      </c>
      <c r="AE424" s="415">
        <v>0</v>
      </c>
      <c r="AF424" s="541"/>
      <c r="AG424" s="542"/>
      <c r="AH424" s="549"/>
      <c r="AI424" s="550"/>
      <c r="AJ424" s="551"/>
      <c r="AK424" s="265"/>
      <c r="AL424" s="38"/>
      <c r="AM424" s="54"/>
      <c r="AN424" s="13" t="str">
        <f t="shared" si="22"/>
        <v>■</v>
      </c>
    </row>
    <row r="425" spans="1:40" s="13" customFormat="1" ht="13.4" customHeight="1">
      <c r="A425" s="20" t="str">
        <f t="shared" si="23"/>
        <v>SI</v>
      </c>
      <c r="B425" s="20"/>
      <c r="C425" s="541">
        <v>48</v>
      </c>
      <c r="D425" s="542"/>
      <c r="E425" s="543" t="s">
        <v>687</v>
      </c>
      <c r="F425" s="544"/>
      <c r="G425" s="544"/>
      <c r="H425" s="544"/>
      <c r="I425" s="544"/>
      <c r="J425" s="544"/>
      <c r="K425" s="544"/>
      <c r="L425" s="544"/>
      <c r="M425" s="544"/>
      <c r="N425" s="544"/>
      <c r="O425" s="544"/>
      <c r="P425" s="544"/>
      <c r="Q425" s="544"/>
      <c r="R425" s="544"/>
      <c r="S425" s="544"/>
      <c r="T425" s="545"/>
      <c r="U425" s="221" t="s">
        <v>688</v>
      </c>
      <c r="V425" s="546" t="s">
        <v>107</v>
      </c>
      <c r="W425" s="547"/>
      <c r="X425" s="547"/>
      <c r="Y425" s="547"/>
      <c r="Z425" s="548"/>
      <c r="AA425" s="623" t="s">
        <v>108</v>
      </c>
      <c r="AB425" s="624"/>
      <c r="AC425" s="625"/>
      <c r="AD425" s="415">
        <v>3</v>
      </c>
      <c r="AE425" s="415">
        <v>0</v>
      </c>
      <c r="AF425" s="541"/>
      <c r="AG425" s="542"/>
      <c r="AH425" s="549"/>
      <c r="AI425" s="550"/>
      <c r="AJ425" s="551"/>
      <c r="AK425" s="265"/>
      <c r="AL425" s="38"/>
      <c r="AM425" s="54"/>
      <c r="AN425" s="13" t="str">
        <f t="shared" si="22"/>
        <v>■</v>
      </c>
    </row>
    <row r="426" spans="1:40" s="13" customFormat="1" ht="13.4" customHeight="1">
      <c r="A426" s="20" t="str">
        <f t="shared" si="23"/>
        <v>SI</v>
      </c>
      <c r="B426" s="20"/>
      <c r="C426" s="541">
        <v>49</v>
      </c>
      <c r="D426" s="542"/>
      <c r="E426" s="543" t="s">
        <v>689</v>
      </c>
      <c r="F426" s="544"/>
      <c r="G426" s="544"/>
      <c r="H426" s="544"/>
      <c r="I426" s="544"/>
      <c r="J426" s="544"/>
      <c r="K426" s="544"/>
      <c r="L426" s="544"/>
      <c r="M426" s="544"/>
      <c r="N426" s="544"/>
      <c r="O426" s="544"/>
      <c r="P426" s="544"/>
      <c r="Q426" s="544"/>
      <c r="R426" s="544"/>
      <c r="S426" s="544"/>
      <c r="T426" s="545"/>
      <c r="U426" s="221" t="s">
        <v>690</v>
      </c>
      <c r="V426" s="546" t="s">
        <v>107</v>
      </c>
      <c r="W426" s="547"/>
      <c r="X426" s="547"/>
      <c r="Y426" s="547"/>
      <c r="Z426" s="548"/>
      <c r="AA426" s="623" t="s">
        <v>102</v>
      </c>
      <c r="AB426" s="624"/>
      <c r="AC426" s="625"/>
      <c r="AD426" s="415">
        <v>2</v>
      </c>
      <c r="AE426" s="415" t="s">
        <v>103</v>
      </c>
      <c r="AF426" s="541"/>
      <c r="AG426" s="542"/>
      <c r="AH426" s="549"/>
      <c r="AI426" s="550"/>
      <c r="AJ426" s="551"/>
      <c r="AK426" s="265"/>
      <c r="AL426" s="38"/>
      <c r="AM426" s="54"/>
      <c r="AN426" s="13" t="str">
        <f t="shared" si="22"/>
        <v>■</v>
      </c>
    </row>
    <row r="427" spans="1:40" s="13" customFormat="1" ht="13.4" customHeight="1">
      <c r="A427" s="20" t="str">
        <f t="shared" si="23"/>
        <v>SI</v>
      </c>
      <c r="B427" s="20"/>
      <c r="C427" s="541">
        <v>50</v>
      </c>
      <c r="D427" s="542"/>
      <c r="E427" s="543" t="s">
        <v>691</v>
      </c>
      <c r="F427" s="544"/>
      <c r="G427" s="544"/>
      <c r="H427" s="544"/>
      <c r="I427" s="544"/>
      <c r="J427" s="544"/>
      <c r="K427" s="544"/>
      <c r="L427" s="544"/>
      <c r="M427" s="544"/>
      <c r="N427" s="544"/>
      <c r="O427" s="544"/>
      <c r="P427" s="544"/>
      <c r="Q427" s="544"/>
      <c r="R427" s="544"/>
      <c r="S427" s="544"/>
      <c r="T427" s="545"/>
      <c r="U427" s="221" t="s">
        <v>692</v>
      </c>
      <c r="V427" s="546" t="s">
        <v>107</v>
      </c>
      <c r="W427" s="547"/>
      <c r="X427" s="547"/>
      <c r="Y427" s="547"/>
      <c r="Z427" s="548"/>
      <c r="AA427" s="623" t="s">
        <v>108</v>
      </c>
      <c r="AB427" s="624"/>
      <c r="AC427" s="625"/>
      <c r="AD427" s="415">
        <v>5</v>
      </c>
      <c r="AE427" s="415">
        <v>0</v>
      </c>
      <c r="AF427" s="541"/>
      <c r="AG427" s="542"/>
      <c r="AH427" s="549"/>
      <c r="AI427" s="550"/>
      <c r="AJ427" s="551"/>
      <c r="AK427" s="265"/>
      <c r="AL427" s="38"/>
      <c r="AM427" s="54"/>
      <c r="AN427" s="13" t="str">
        <f t="shared" si="22"/>
        <v>■</v>
      </c>
    </row>
    <row r="428" spans="1:40" s="13" customFormat="1" ht="13.4" customHeight="1">
      <c r="A428" s="20" t="str">
        <f t="shared" si="23"/>
        <v>SI</v>
      </c>
      <c r="B428" s="20"/>
      <c r="C428" s="541">
        <v>51</v>
      </c>
      <c r="D428" s="542"/>
      <c r="E428" s="543" t="s">
        <v>693</v>
      </c>
      <c r="F428" s="544"/>
      <c r="G428" s="544"/>
      <c r="H428" s="544"/>
      <c r="I428" s="544"/>
      <c r="J428" s="544"/>
      <c r="K428" s="544"/>
      <c r="L428" s="544"/>
      <c r="M428" s="544"/>
      <c r="N428" s="544"/>
      <c r="O428" s="544"/>
      <c r="P428" s="544"/>
      <c r="Q428" s="544"/>
      <c r="R428" s="544"/>
      <c r="S428" s="544"/>
      <c r="T428" s="545"/>
      <c r="U428" s="221" t="s">
        <v>694</v>
      </c>
      <c r="V428" s="546" t="s">
        <v>107</v>
      </c>
      <c r="W428" s="547"/>
      <c r="X428" s="547"/>
      <c r="Y428" s="547"/>
      <c r="Z428" s="548"/>
      <c r="AA428" s="623" t="s">
        <v>108</v>
      </c>
      <c r="AB428" s="624"/>
      <c r="AC428" s="625"/>
      <c r="AD428" s="415">
        <v>5</v>
      </c>
      <c r="AE428" s="415">
        <v>0</v>
      </c>
      <c r="AF428" s="541"/>
      <c r="AG428" s="542"/>
      <c r="AH428" s="549"/>
      <c r="AI428" s="550"/>
      <c r="AJ428" s="551"/>
      <c r="AK428" s="265"/>
      <c r="AL428" s="38"/>
      <c r="AM428" s="54"/>
      <c r="AN428" s="13" t="str">
        <f t="shared" si="22"/>
        <v>■</v>
      </c>
    </row>
    <row r="429" spans="1:40" s="13" customFormat="1" ht="13.4" customHeight="1">
      <c r="A429" s="20" t="str">
        <f t="shared" si="23"/>
        <v>SI</v>
      </c>
      <c r="B429" s="20"/>
      <c r="C429" s="541">
        <v>52</v>
      </c>
      <c r="D429" s="542"/>
      <c r="E429" s="543" t="s">
        <v>695</v>
      </c>
      <c r="F429" s="544"/>
      <c r="G429" s="544"/>
      <c r="H429" s="544"/>
      <c r="I429" s="544"/>
      <c r="J429" s="544"/>
      <c r="K429" s="544"/>
      <c r="L429" s="544"/>
      <c r="M429" s="544"/>
      <c r="N429" s="544"/>
      <c r="O429" s="544"/>
      <c r="P429" s="544"/>
      <c r="Q429" s="544"/>
      <c r="R429" s="544"/>
      <c r="S429" s="544"/>
      <c r="T429" s="545"/>
      <c r="U429" s="221" t="s">
        <v>696</v>
      </c>
      <c r="V429" s="546" t="s">
        <v>107</v>
      </c>
      <c r="W429" s="547"/>
      <c r="X429" s="547"/>
      <c r="Y429" s="547"/>
      <c r="Z429" s="548"/>
      <c r="AA429" s="623" t="s">
        <v>108</v>
      </c>
      <c r="AB429" s="624"/>
      <c r="AC429" s="625"/>
      <c r="AD429" s="415">
        <v>7</v>
      </c>
      <c r="AE429" s="415">
        <v>0</v>
      </c>
      <c r="AF429" s="541"/>
      <c r="AG429" s="542"/>
      <c r="AH429" s="549"/>
      <c r="AI429" s="550"/>
      <c r="AJ429" s="551"/>
      <c r="AK429" s="265" t="s">
        <v>697</v>
      </c>
      <c r="AL429" s="38"/>
      <c r="AM429" s="54"/>
      <c r="AN429" s="13" t="str">
        <f t="shared" si="22"/>
        <v>■</v>
      </c>
    </row>
    <row r="430" spans="1:40" s="13" customFormat="1" ht="13.4" customHeight="1">
      <c r="A430" s="20" t="str">
        <f t="shared" si="23"/>
        <v>SI</v>
      </c>
      <c r="B430" s="20"/>
      <c r="C430" s="541">
        <v>53</v>
      </c>
      <c r="D430" s="542"/>
      <c r="E430" s="543" t="s">
        <v>698</v>
      </c>
      <c r="F430" s="544"/>
      <c r="G430" s="544"/>
      <c r="H430" s="544"/>
      <c r="I430" s="544"/>
      <c r="J430" s="544"/>
      <c r="K430" s="544"/>
      <c r="L430" s="544"/>
      <c r="M430" s="544"/>
      <c r="N430" s="544"/>
      <c r="O430" s="544"/>
      <c r="P430" s="544"/>
      <c r="Q430" s="544"/>
      <c r="R430" s="544"/>
      <c r="S430" s="544"/>
      <c r="T430" s="545"/>
      <c r="U430" s="221" t="s">
        <v>699</v>
      </c>
      <c r="V430" s="546" t="s">
        <v>101</v>
      </c>
      <c r="W430" s="547"/>
      <c r="X430" s="547"/>
      <c r="Y430" s="547"/>
      <c r="Z430" s="548"/>
      <c r="AA430" s="623" t="s">
        <v>102</v>
      </c>
      <c r="AB430" s="624"/>
      <c r="AC430" s="625"/>
      <c r="AD430" s="415">
        <v>6</v>
      </c>
      <c r="AE430" s="415" t="s">
        <v>103</v>
      </c>
      <c r="AF430" s="541"/>
      <c r="AG430" s="542"/>
      <c r="AH430" s="549"/>
      <c r="AI430" s="550"/>
      <c r="AJ430" s="551"/>
      <c r="AK430" s="265" t="s">
        <v>697</v>
      </c>
      <c r="AL430" s="38"/>
      <c r="AM430" s="54"/>
      <c r="AN430" s="13" t="str">
        <f t="shared" si="22"/>
        <v>■</v>
      </c>
    </row>
    <row r="431" spans="1:40" s="13" customFormat="1" ht="13.4" customHeight="1">
      <c r="A431" s="20" t="str">
        <f t="shared" si="23"/>
        <v>SI</v>
      </c>
      <c r="B431" s="20"/>
      <c r="C431" s="541">
        <v>54</v>
      </c>
      <c r="D431" s="542"/>
      <c r="E431" s="543" t="s">
        <v>700</v>
      </c>
      <c r="F431" s="544"/>
      <c r="G431" s="544"/>
      <c r="H431" s="544"/>
      <c r="I431" s="544"/>
      <c r="J431" s="544"/>
      <c r="K431" s="544"/>
      <c r="L431" s="544"/>
      <c r="M431" s="544"/>
      <c r="N431" s="544"/>
      <c r="O431" s="544"/>
      <c r="P431" s="544"/>
      <c r="Q431" s="544"/>
      <c r="R431" s="544"/>
      <c r="S431" s="544"/>
      <c r="T431" s="545"/>
      <c r="U431" s="221" t="s">
        <v>701</v>
      </c>
      <c r="V431" s="546" t="s">
        <v>107</v>
      </c>
      <c r="W431" s="547"/>
      <c r="X431" s="547"/>
      <c r="Y431" s="547"/>
      <c r="Z431" s="548"/>
      <c r="AA431" s="623" t="s">
        <v>108</v>
      </c>
      <c r="AB431" s="624"/>
      <c r="AC431" s="625"/>
      <c r="AD431" s="415">
        <v>3</v>
      </c>
      <c r="AE431" s="415">
        <v>0</v>
      </c>
      <c r="AF431" s="541"/>
      <c r="AG431" s="542"/>
      <c r="AH431" s="549"/>
      <c r="AI431" s="550"/>
      <c r="AJ431" s="551"/>
      <c r="AK431" s="265"/>
      <c r="AL431" s="38"/>
      <c r="AM431" s="54"/>
      <c r="AN431" s="13" t="str">
        <f t="shared" si="22"/>
        <v>■</v>
      </c>
    </row>
    <row r="432" spans="1:40" s="13" customFormat="1" ht="13.4" customHeight="1">
      <c r="A432" s="20" t="str">
        <f t="shared" si="23"/>
        <v>SI</v>
      </c>
      <c r="B432" s="51"/>
      <c r="C432" s="541">
        <v>55</v>
      </c>
      <c r="D432" s="542"/>
      <c r="E432" s="543" t="s">
        <v>702</v>
      </c>
      <c r="F432" s="544"/>
      <c r="G432" s="544"/>
      <c r="H432" s="544"/>
      <c r="I432" s="544"/>
      <c r="J432" s="544"/>
      <c r="K432" s="544"/>
      <c r="L432" s="544"/>
      <c r="M432" s="544"/>
      <c r="N432" s="544"/>
      <c r="O432" s="544"/>
      <c r="P432" s="544"/>
      <c r="Q432" s="544"/>
      <c r="R432" s="544"/>
      <c r="S432" s="544"/>
      <c r="T432" s="545"/>
      <c r="U432" s="221" t="s">
        <v>703</v>
      </c>
      <c r="V432" s="546" t="s">
        <v>101</v>
      </c>
      <c r="W432" s="547"/>
      <c r="X432" s="547"/>
      <c r="Y432" s="547"/>
      <c r="Z432" s="548"/>
      <c r="AA432" s="623" t="s">
        <v>102</v>
      </c>
      <c r="AB432" s="624"/>
      <c r="AC432" s="625"/>
      <c r="AD432" s="415">
        <v>6</v>
      </c>
      <c r="AE432" s="415" t="s">
        <v>103</v>
      </c>
      <c r="AF432" s="541"/>
      <c r="AG432" s="542"/>
      <c r="AH432" s="549"/>
      <c r="AI432" s="550"/>
      <c r="AJ432" s="551"/>
      <c r="AK432" s="265"/>
      <c r="AL432" s="38"/>
      <c r="AM432" s="54"/>
      <c r="AN432" s="13" t="str">
        <f t="shared" si="22"/>
        <v>■</v>
      </c>
    </row>
    <row r="433" spans="1:40" s="13" customFormat="1" ht="13.4" customHeight="1">
      <c r="A433" s="20" t="str">
        <f t="shared" si="23"/>
        <v>SI</v>
      </c>
      <c r="B433" s="20"/>
      <c r="C433" s="541">
        <v>56</v>
      </c>
      <c r="D433" s="542"/>
      <c r="E433" s="543" t="s">
        <v>409</v>
      </c>
      <c r="F433" s="544"/>
      <c r="G433" s="544"/>
      <c r="H433" s="544"/>
      <c r="I433" s="544"/>
      <c r="J433" s="544"/>
      <c r="K433" s="544"/>
      <c r="L433" s="544"/>
      <c r="M433" s="544"/>
      <c r="N433" s="544"/>
      <c r="O433" s="544"/>
      <c r="P433" s="544"/>
      <c r="Q433" s="544"/>
      <c r="R433" s="544"/>
      <c r="S433" s="544"/>
      <c r="T433" s="545"/>
      <c r="U433" s="221" t="s">
        <v>453</v>
      </c>
      <c r="V433" s="546" t="s">
        <v>107</v>
      </c>
      <c r="W433" s="547"/>
      <c r="X433" s="547"/>
      <c r="Y433" s="547"/>
      <c r="Z433" s="548"/>
      <c r="AA433" s="623" t="s">
        <v>102</v>
      </c>
      <c r="AB433" s="624"/>
      <c r="AC433" s="625"/>
      <c r="AD433" s="415">
        <v>6</v>
      </c>
      <c r="AE433" s="415" t="s">
        <v>103</v>
      </c>
      <c r="AF433" s="541"/>
      <c r="AG433" s="542"/>
      <c r="AH433" s="549"/>
      <c r="AI433" s="550"/>
      <c r="AJ433" s="551"/>
      <c r="AK433" s="265"/>
      <c r="AL433" s="38"/>
      <c r="AM433" s="54"/>
      <c r="AN433" s="13" t="str">
        <f t="shared" si="22"/>
        <v>■</v>
      </c>
    </row>
    <row r="434" spans="1:40" s="13" customFormat="1" ht="13.4" customHeight="1">
      <c r="A434" s="20" t="str">
        <f t="shared" si="23"/>
        <v>SI</v>
      </c>
      <c r="B434" s="20"/>
      <c r="C434" s="541">
        <v>57</v>
      </c>
      <c r="D434" s="542"/>
      <c r="E434" s="543" t="s">
        <v>411</v>
      </c>
      <c r="F434" s="544"/>
      <c r="G434" s="544"/>
      <c r="H434" s="544"/>
      <c r="I434" s="544"/>
      <c r="J434" s="544"/>
      <c r="K434" s="544"/>
      <c r="L434" s="544"/>
      <c r="M434" s="544"/>
      <c r="N434" s="544"/>
      <c r="O434" s="544"/>
      <c r="P434" s="544"/>
      <c r="Q434" s="544"/>
      <c r="R434" s="544"/>
      <c r="S434" s="544"/>
      <c r="T434" s="545"/>
      <c r="U434" s="221" t="s">
        <v>516</v>
      </c>
      <c r="V434" s="546" t="s">
        <v>107</v>
      </c>
      <c r="W434" s="547"/>
      <c r="X434" s="547"/>
      <c r="Y434" s="547"/>
      <c r="Z434" s="548"/>
      <c r="AA434" s="623" t="s">
        <v>102</v>
      </c>
      <c r="AB434" s="624"/>
      <c r="AC434" s="625"/>
      <c r="AD434" s="415">
        <v>6</v>
      </c>
      <c r="AE434" s="415" t="s">
        <v>103</v>
      </c>
      <c r="AF434" s="541"/>
      <c r="AG434" s="542"/>
      <c r="AH434" s="549"/>
      <c r="AI434" s="550"/>
      <c r="AJ434" s="551"/>
      <c r="AK434" s="265"/>
      <c r="AL434" s="29"/>
      <c r="AM434" s="54"/>
      <c r="AN434" s="13" t="str">
        <f t="shared" si="22"/>
        <v>■</v>
      </c>
    </row>
    <row r="435" spans="1:40" s="13" customFormat="1" ht="13.4" customHeight="1">
      <c r="A435" s="20" t="str">
        <f t="shared" si="23"/>
        <v>SI</v>
      </c>
      <c r="B435" s="20"/>
      <c r="C435" s="541">
        <v>58</v>
      </c>
      <c r="D435" s="542"/>
      <c r="E435" s="543" t="s">
        <v>970</v>
      </c>
      <c r="F435" s="544"/>
      <c r="G435" s="544"/>
      <c r="H435" s="544"/>
      <c r="I435" s="544"/>
      <c r="J435" s="544"/>
      <c r="K435" s="544"/>
      <c r="L435" s="544"/>
      <c r="M435" s="544"/>
      <c r="N435" s="544"/>
      <c r="O435" s="544"/>
      <c r="P435" s="544"/>
      <c r="Q435" s="544"/>
      <c r="R435" s="544"/>
      <c r="S435" s="544"/>
      <c r="T435" s="545"/>
      <c r="U435" s="221" t="s">
        <v>971</v>
      </c>
      <c r="V435" s="546" t="s">
        <v>107</v>
      </c>
      <c r="W435" s="547"/>
      <c r="X435" s="547"/>
      <c r="Y435" s="547"/>
      <c r="Z435" s="548"/>
      <c r="AA435" s="623" t="s">
        <v>102</v>
      </c>
      <c r="AB435" s="624"/>
      <c r="AC435" s="625"/>
      <c r="AD435" s="415">
        <v>1</v>
      </c>
      <c r="AE435" s="415" t="s">
        <v>103</v>
      </c>
      <c r="AF435" s="541"/>
      <c r="AG435" s="542"/>
      <c r="AH435" s="549"/>
      <c r="AI435" s="550"/>
      <c r="AJ435" s="551"/>
      <c r="AK435" s="265"/>
      <c r="AL435" s="48"/>
      <c r="AM435" s="54"/>
      <c r="AN435" s="13" t="str">
        <f t="shared" si="22"/>
        <v>■</v>
      </c>
    </row>
    <row r="436" spans="1:40" s="13" customFormat="1" ht="13.4" customHeight="1">
      <c r="A436" s="20" t="str">
        <f t="shared" si="23"/>
        <v>SI</v>
      </c>
      <c r="B436" s="20"/>
      <c r="C436" s="541">
        <v>59</v>
      </c>
      <c r="D436" s="542"/>
      <c r="E436" s="543" t="s">
        <v>976</v>
      </c>
      <c r="F436" s="544"/>
      <c r="G436" s="544"/>
      <c r="H436" s="544"/>
      <c r="I436" s="544"/>
      <c r="J436" s="544"/>
      <c r="K436" s="544"/>
      <c r="L436" s="544"/>
      <c r="M436" s="544"/>
      <c r="N436" s="544"/>
      <c r="O436" s="544"/>
      <c r="P436" s="544"/>
      <c r="Q436" s="544"/>
      <c r="R436" s="544"/>
      <c r="S436" s="544"/>
      <c r="T436" s="545"/>
      <c r="U436" s="221" t="s">
        <v>977</v>
      </c>
      <c r="V436" s="546" t="s">
        <v>107</v>
      </c>
      <c r="W436" s="547"/>
      <c r="X436" s="547"/>
      <c r="Y436" s="547"/>
      <c r="Z436" s="548"/>
      <c r="AA436" s="623" t="s">
        <v>108</v>
      </c>
      <c r="AB436" s="624"/>
      <c r="AC436" s="625"/>
      <c r="AD436" s="415">
        <v>2</v>
      </c>
      <c r="AE436" s="415">
        <v>0</v>
      </c>
      <c r="AF436" s="541"/>
      <c r="AG436" s="542"/>
      <c r="AH436" s="549"/>
      <c r="AI436" s="550"/>
      <c r="AJ436" s="551"/>
      <c r="AK436" s="265"/>
      <c r="AL436" s="37"/>
      <c r="AM436" s="54"/>
      <c r="AN436" s="13" t="str">
        <f t="shared" si="22"/>
        <v>■</v>
      </c>
    </row>
    <row r="437" spans="1:40" ht="13.4" customHeight="1">
      <c r="A437" s="20" t="str">
        <f t="shared" si="23"/>
        <v>SI</v>
      </c>
      <c r="B437" s="25"/>
      <c r="V437" s="238"/>
      <c r="W437" s="238"/>
      <c r="X437" s="238"/>
      <c r="Y437" s="238"/>
      <c r="Z437" s="238"/>
      <c r="AA437" s="629"/>
      <c r="AB437" s="629"/>
      <c r="AC437" s="629"/>
      <c r="AD437" s="238"/>
      <c r="AE437" s="238"/>
      <c r="AF437" s="238"/>
      <c r="AG437" s="238"/>
      <c r="AH437" s="238"/>
      <c r="AI437" s="238"/>
      <c r="AJ437" s="238"/>
      <c r="AK437" s="55"/>
      <c r="AL437" s="37"/>
      <c r="AM437" s="16"/>
    </row>
    <row r="438" spans="1:40" s="1" customFormat="1" ht="13.4" customHeight="1">
      <c r="A438" s="20" t="str">
        <f t="shared" si="23"/>
        <v>IY</v>
      </c>
      <c r="B438" s="20"/>
      <c r="C438" s="52" t="s">
        <v>380</v>
      </c>
      <c r="D438" s="53"/>
      <c r="E438" s="26"/>
      <c r="F438" s="26"/>
      <c r="G438" s="26"/>
      <c r="H438" s="26"/>
      <c r="I438" s="26"/>
      <c r="J438" s="26" t="s">
        <v>704</v>
      </c>
      <c r="K438" s="71"/>
      <c r="L438" s="26"/>
      <c r="M438" s="71"/>
      <c r="N438" s="26"/>
      <c r="O438" s="26"/>
      <c r="P438" s="26"/>
      <c r="Q438" s="26"/>
      <c r="R438" s="26"/>
      <c r="S438" s="26"/>
      <c r="T438" s="26"/>
      <c r="U438" s="26" t="s">
        <v>1098</v>
      </c>
      <c r="V438" s="122"/>
      <c r="W438" s="122"/>
      <c r="X438" s="122"/>
      <c r="Y438" s="122"/>
      <c r="Z438" s="122"/>
      <c r="AA438" s="630"/>
      <c r="AB438" s="630"/>
      <c r="AC438" s="630"/>
      <c r="AD438" s="122"/>
      <c r="AE438" s="122"/>
      <c r="AF438" s="122"/>
      <c r="AG438" s="122"/>
      <c r="AH438" s="122"/>
      <c r="AI438" s="122"/>
      <c r="AJ438" s="122"/>
      <c r="AK438" s="26"/>
      <c r="AL438" s="38"/>
      <c r="AM438" s="26"/>
    </row>
    <row r="439" spans="1:40" ht="13.5" customHeight="1">
      <c r="A439" s="20" t="str">
        <f t="shared" si="23"/>
        <v>IY</v>
      </c>
      <c r="B439" s="51"/>
      <c r="C439" s="583" t="s">
        <v>73</v>
      </c>
      <c r="D439" s="573"/>
      <c r="E439" s="583" t="s">
        <v>94</v>
      </c>
      <c r="F439" s="583"/>
      <c r="G439" s="583"/>
      <c r="H439" s="583"/>
      <c r="I439" s="583"/>
      <c r="J439" s="583"/>
      <c r="K439" s="583"/>
      <c r="L439" s="583"/>
      <c r="M439" s="583"/>
      <c r="N439" s="583"/>
      <c r="O439" s="583"/>
      <c r="P439" s="583"/>
      <c r="Q439" s="583"/>
      <c r="R439" s="583"/>
      <c r="S439" s="583"/>
      <c r="T439" s="583"/>
      <c r="U439" s="226" t="s">
        <v>383</v>
      </c>
      <c r="V439" s="572" t="s">
        <v>138</v>
      </c>
      <c r="W439" s="572"/>
      <c r="X439" s="572"/>
      <c r="Y439" s="572"/>
      <c r="Z439" s="572"/>
      <c r="AA439" s="575" t="s">
        <v>959</v>
      </c>
      <c r="AB439" s="576"/>
      <c r="AC439" s="577"/>
      <c r="AD439" s="572" t="s">
        <v>97</v>
      </c>
      <c r="AE439" s="572"/>
      <c r="AF439" s="572" t="s">
        <v>98</v>
      </c>
      <c r="AG439" s="572"/>
      <c r="AH439" s="583" t="s">
        <v>75</v>
      </c>
      <c r="AI439" s="583"/>
      <c r="AJ439" s="583"/>
      <c r="AK439" s="621" t="s">
        <v>159</v>
      </c>
      <c r="AL439" s="38"/>
      <c r="AM439" s="16"/>
    </row>
    <row r="440" spans="1:40" ht="13.4" customHeight="1">
      <c r="A440" s="20" t="str">
        <f t="shared" si="23"/>
        <v>IY</v>
      </c>
      <c r="B440" s="51"/>
      <c r="C440" s="573"/>
      <c r="D440" s="573"/>
      <c r="E440" s="583"/>
      <c r="F440" s="583"/>
      <c r="G440" s="583"/>
      <c r="H440" s="583"/>
      <c r="I440" s="583"/>
      <c r="J440" s="583"/>
      <c r="K440" s="583"/>
      <c r="L440" s="583"/>
      <c r="M440" s="583"/>
      <c r="N440" s="583"/>
      <c r="O440" s="583"/>
      <c r="P440" s="583"/>
      <c r="Q440" s="583"/>
      <c r="R440" s="583"/>
      <c r="S440" s="583"/>
      <c r="T440" s="583"/>
      <c r="U440" s="227"/>
      <c r="V440" s="572"/>
      <c r="W440" s="572"/>
      <c r="X440" s="572"/>
      <c r="Y440" s="572"/>
      <c r="Z440" s="572"/>
      <c r="AA440" s="578"/>
      <c r="AB440" s="579"/>
      <c r="AC440" s="580"/>
      <c r="AD440" s="572"/>
      <c r="AE440" s="572"/>
      <c r="AF440" s="572"/>
      <c r="AG440" s="572"/>
      <c r="AH440" s="583"/>
      <c r="AI440" s="583"/>
      <c r="AJ440" s="583"/>
      <c r="AK440" s="622"/>
      <c r="AL440" s="38"/>
      <c r="AM440" s="16"/>
    </row>
    <row r="441" spans="1:40" s="13" customFormat="1">
      <c r="A441" s="20" t="str">
        <f t="shared" si="23"/>
        <v>IY</v>
      </c>
      <c r="B441" s="20"/>
      <c r="C441" s="541">
        <v>1</v>
      </c>
      <c r="D441" s="542"/>
      <c r="E441" s="563" t="s">
        <v>440</v>
      </c>
      <c r="F441" s="564"/>
      <c r="G441" s="564"/>
      <c r="H441" s="564"/>
      <c r="I441" s="564"/>
      <c r="J441" s="564"/>
      <c r="K441" s="564"/>
      <c r="L441" s="564"/>
      <c r="M441" s="564"/>
      <c r="N441" s="564"/>
      <c r="O441" s="564"/>
      <c r="P441" s="564"/>
      <c r="Q441" s="564"/>
      <c r="R441" s="564"/>
      <c r="S441" s="564"/>
      <c r="T441" s="565"/>
      <c r="U441" s="219" t="s">
        <v>441</v>
      </c>
      <c r="V441" s="546" t="s">
        <v>101</v>
      </c>
      <c r="W441" s="547"/>
      <c r="X441" s="547"/>
      <c r="Y441" s="547"/>
      <c r="Z441" s="548"/>
      <c r="AA441" s="623" t="s">
        <v>102</v>
      </c>
      <c r="AB441" s="624"/>
      <c r="AC441" s="625"/>
      <c r="AD441" s="415">
        <v>10</v>
      </c>
      <c r="AE441" s="415" t="s">
        <v>103</v>
      </c>
      <c r="AF441" s="541"/>
      <c r="AG441" s="542"/>
      <c r="AH441" s="549"/>
      <c r="AI441" s="550"/>
      <c r="AJ441" s="551"/>
      <c r="AK441" s="343"/>
      <c r="AL441" s="38"/>
      <c r="AM441" s="54"/>
      <c r="AN441" s="13" t="str">
        <f>$S$21</f>
        <v>■</v>
      </c>
    </row>
    <row r="442" spans="1:40" s="13" customFormat="1">
      <c r="A442" s="20" t="str">
        <f t="shared" si="23"/>
        <v>IY</v>
      </c>
      <c r="B442" s="20"/>
      <c r="C442" s="541">
        <v>2</v>
      </c>
      <c r="D442" s="542"/>
      <c r="E442" s="563" t="s">
        <v>442</v>
      </c>
      <c r="F442" s="564"/>
      <c r="G442" s="564"/>
      <c r="H442" s="564"/>
      <c r="I442" s="564"/>
      <c r="J442" s="564"/>
      <c r="K442" s="564"/>
      <c r="L442" s="564"/>
      <c r="M442" s="564"/>
      <c r="N442" s="564"/>
      <c r="O442" s="564"/>
      <c r="P442" s="564"/>
      <c r="Q442" s="564"/>
      <c r="R442" s="564"/>
      <c r="S442" s="564"/>
      <c r="T442" s="565"/>
      <c r="U442" s="219" t="s">
        <v>443</v>
      </c>
      <c r="V442" s="546" t="s">
        <v>101</v>
      </c>
      <c r="W442" s="547"/>
      <c r="X442" s="547"/>
      <c r="Y442" s="547"/>
      <c r="Z442" s="548"/>
      <c r="AA442" s="623" t="s">
        <v>102</v>
      </c>
      <c r="AB442" s="624"/>
      <c r="AC442" s="625"/>
      <c r="AD442" s="415">
        <v>51</v>
      </c>
      <c r="AE442" s="415" t="s">
        <v>103</v>
      </c>
      <c r="AF442" s="541"/>
      <c r="AG442" s="542"/>
      <c r="AH442" s="549"/>
      <c r="AI442" s="550"/>
      <c r="AJ442" s="551"/>
      <c r="AK442" s="343"/>
      <c r="AL442" s="38"/>
      <c r="AM442" s="54"/>
      <c r="AN442" s="13" t="str">
        <f t="shared" ref="AN442:AN499" si="24">$S$21</f>
        <v>■</v>
      </c>
    </row>
    <row r="443" spans="1:40" s="13" customFormat="1">
      <c r="A443" s="20" t="str">
        <f t="shared" si="23"/>
        <v>IY</v>
      </c>
      <c r="B443" s="20"/>
      <c r="C443" s="552">
        <v>3</v>
      </c>
      <c r="D443" s="553"/>
      <c r="E443" s="566" t="s">
        <v>106</v>
      </c>
      <c r="F443" s="567"/>
      <c r="G443" s="567"/>
      <c r="H443" s="567"/>
      <c r="I443" s="567"/>
      <c r="J443" s="567"/>
      <c r="K443" s="567"/>
      <c r="L443" s="567"/>
      <c r="M443" s="567"/>
      <c r="N443" s="567"/>
      <c r="O443" s="567"/>
      <c r="P443" s="567"/>
      <c r="Q443" s="567"/>
      <c r="R443" s="567"/>
      <c r="S443" s="567"/>
      <c r="T443" s="568"/>
      <c r="U443" s="220" t="s">
        <v>444</v>
      </c>
      <c r="V443" s="557" t="s">
        <v>107</v>
      </c>
      <c r="W443" s="558"/>
      <c r="X443" s="558"/>
      <c r="Y443" s="558"/>
      <c r="Z443" s="559"/>
      <c r="AA443" s="626" t="s">
        <v>108</v>
      </c>
      <c r="AB443" s="627"/>
      <c r="AC443" s="628"/>
      <c r="AD443" s="419">
        <v>1</v>
      </c>
      <c r="AE443" s="419">
        <v>0</v>
      </c>
      <c r="AF443" s="552" t="s">
        <v>109</v>
      </c>
      <c r="AG443" s="553"/>
      <c r="AH443" s="560"/>
      <c r="AI443" s="561"/>
      <c r="AJ443" s="562"/>
      <c r="AK443" s="321" t="s">
        <v>391</v>
      </c>
      <c r="AL443" s="38"/>
      <c r="AM443" s="54"/>
      <c r="AN443" s="13" t="str">
        <f t="shared" si="24"/>
        <v>■</v>
      </c>
    </row>
    <row r="444" spans="1:40" s="13" customFormat="1">
      <c r="A444" s="20" t="str">
        <f t="shared" si="23"/>
        <v>IY</v>
      </c>
      <c r="B444" s="20"/>
      <c r="C444" s="541">
        <v>4</v>
      </c>
      <c r="D444" s="542"/>
      <c r="E444" s="563" t="s">
        <v>110</v>
      </c>
      <c r="F444" s="564"/>
      <c r="G444" s="564"/>
      <c r="H444" s="564"/>
      <c r="I444" s="564"/>
      <c r="J444" s="564"/>
      <c r="K444" s="564"/>
      <c r="L444" s="564"/>
      <c r="M444" s="564"/>
      <c r="N444" s="564"/>
      <c r="O444" s="564"/>
      <c r="P444" s="564"/>
      <c r="Q444" s="564"/>
      <c r="R444" s="564"/>
      <c r="S444" s="564"/>
      <c r="T444" s="565"/>
      <c r="U444" s="221" t="s">
        <v>445</v>
      </c>
      <c r="V444" s="546" t="s">
        <v>107</v>
      </c>
      <c r="W444" s="547"/>
      <c r="X444" s="547"/>
      <c r="Y444" s="547"/>
      <c r="Z444" s="548"/>
      <c r="AA444" s="623" t="s">
        <v>108</v>
      </c>
      <c r="AB444" s="624"/>
      <c r="AC444" s="625"/>
      <c r="AD444" s="415">
        <v>1</v>
      </c>
      <c r="AE444" s="415">
        <v>0</v>
      </c>
      <c r="AF444" s="541"/>
      <c r="AG444" s="542"/>
      <c r="AH444" s="549"/>
      <c r="AI444" s="550"/>
      <c r="AJ444" s="551"/>
      <c r="AK444" s="265"/>
      <c r="AL444" s="38"/>
      <c r="AM444" s="54"/>
      <c r="AN444" s="13" t="str">
        <f t="shared" si="24"/>
        <v>■</v>
      </c>
    </row>
    <row r="445" spans="1:40" s="13" customFormat="1">
      <c r="A445" s="20" t="str">
        <f t="shared" si="23"/>
        <v>IY</v>
      </c>
      <c r="B445" s="20"/>
      <c r="C445" s="541">
        <v>5</v>
      </c>
      <c r="D445" s="542"/>
      <c r="E445" s="543" t="s">
        <v>80</v>
      </c>
      <c r="F445" s="544"/>
      <c r="G445" s="544"/>
      <c r="H445" s="544"/>
      <c r="I445" s="544"/>
      <c r="J445" s="544"/>
      <c r="K445" s="544"/>
      <c r="L445" s="544"/>
      <c r="M445" s="544"/>
      <c r="N445" s="544"/>
      <c r="O445" s="544"/>
      <c r="P445" s="544"/>
      <c r="Q445" s="544"/>
      <c r="R445" s="544"/>
      <c r="S445" s="544"/>
      <c r="T445" s="545"/>
      <c r="U445" s="221" t="s">
        <v>446</v>
      </c>
      <c r="V445" s="546" t="s">
        <v>101</v>
      </c>
      <c r="W445" s="547"/>
      <c r="X445" s="547"/>
      <c r="Y445" s="547"/>
      <c r="Z445" s="548"/>
      <c r="AA445" s="623" t="s">
        <v>102</v>
      </c>
      <c r="AB445" s="624"/>
      <c r="AC445" s="625"/>
      <c r="AD445" s="415">
        <v>2</v>
      </c>
      <c r="AE445" s="415" t="s">
        <v>103</v>
      </c>
      <c r="AF445" s="541"/>
      <c r="AG445" s="542"/>
      <c r="AH445" s="549"/>
      <c r="AI445" s="550"/>
      <c r="AJ445" s="551"/>
      <c r="AK445" s="265"/>
      <c r="AL445" s="38"/>
      <c r="AM445" s="54"/>
      <c r="AN445" s="13" t="str">
        <f t="shared" si="24"/>
        <v>■</v>
      </c>
    </row>
    <row r="446" spans="1:40" s="13" customFormat="1">
      <c r="A446" s="20" t="str">
        <f t="shared" si="23"/>
        <v>IY</v>
      </c>
      <c r="B446" s="51"/>
      <c r="C446" s="541">
        <v>6</v>
      </c>
      <c r="D446" s="542"/>
      <c r="E446" s="543" t="s">
        <v>172</v>
      </c>
      <c r="F446" s="544"/>
      <c r="G446" s="544"/>
      <c r="H446" s="544"/>
      <c r="I446" s="544"/>
      <c r="J446" s="544"/>
      <c r="K446" s="544"/>
      <c r="L446" s="544"/>
      <c r="M446" s="544"/>
      <c r="N446" s="544"/>
      <c r="O446" s="544"/>
      <c r="P446" s="544"/>
      <c r="Q446" s="544"/>
      <c r="R446" s="544"/>
      <c r="S446" s="544"/>
      <c r="T446" s="545"/>
      <c r="U446" s="221" t="s">
        <v>605</v>
      </c>
      <c r="V446" s="546" t="s">
        <v>107</v>
      </c>
      <c r="W446" s="547"/>
      <c r="X446" s="547"/>
      <c r="Y446" s="547"/>
      <c r="Z446" s="548"/>
      <c r="AA446" s="623" t="s">
        <v>102</v>
      </c>
      <c r="AB446" s="624"/>
      <c r="AC446" s="625"/>
      <c r="AD446" s="415">
        <v>2</v>
      </c>
      <c r="AE446" s="415" t="s">
        <v>103</v>
      </c>
      <c r="AF446" s="541"/>
      <c r="AG446" s="542"/>
      <c r="AH446" s="549"/>
      <c r="AI446" s="550"/>
      <c r="AJ446" s="551"/>
      <c r="AK446" s="265"/>
      <c r="AL446" s="38"/>
      <c r="AM446" s="54"/>
      <c r="AN446" s="13" t="str">
        <f t="shared" si="24"/>
        <v>■</v>
      </c>
    </row>
    <row r="447" spans="1:40" s="13" customFormat="1">
      <c r="A447" s="20" t="str">
        <f t="shared" si="23"/>
        <v>IY</v>
      </c>
      <c r="B447" s="20"/>
      <c r="C447" s="541">
        <v>7</v>
      </c>
      <c r="D447" s="542"/>
      <c r="E447" s="543" t="s">
        <v>606</v>
      </c>
      <c r="F447" s="544"/>
      <c r="G447" s="544"/>
      <c r="H447" s="544"/>
      <c r="I447" s="544"/>
      <c r="J447" s="544"/>
      <c r="K447" s="544"/>
      <c r="L447" s="544"/>
      <c r="M447" s="544"/>
      <c r="N447" s="544"/>
      <c r="O447" s="544"/>
      <c r="P447" s="544"/>
      <c r="Q447" s="544"/>
      <c r="R447" s="544"/>
      <c r="S447" s="544"/>
      <c r="T447" s="545"/>
      <c r="U447" s="221" t="s">
        <v>607</v>
      </c>
      <c r="V447" s="546" t="s">
        <v>101</v>
      </c>
      <c r="W447" s="547"/>
      <c r="X447" s="547"/>
      <c r="Y447" s="547"/>
      <c r="Z447" s="548"/>
      <c r="AA447" s="623" t="s">
        <v>102</v>
      </c>
      <c r="AB447" s="624"/>
      <c r="AC447" s="625"/>
      <c r="AD447" s="415">
        <v>1</v>
      </c>
      <c r="AE447" s="415" t="s">
        <v>103</v>
      </c>
      <c r="AF447" s="541"/>
      <c r="AG447" s="542"/>
      <c r="AH447" s="549"/>
      <c r="AI447" s="550"/>
      <c r="AJ447" s="551"/>
      <c r="AK447" s="265"/>
      <c r="AL447" s="38"/>
      <c r="AM447" s="54"/>
      <c r="AN447" s="13" t="str">
        <f t="shared" si="24"/>
        <v>■</v>
      </c>
    </row>
    <row r="448" spans="1:40" s="13" customFormat="1">
      <c r="A448" s="20" t="str">
        <f t="shared" si="23"/>
        <v>IY</v>
      </c>
      <c r="B448" s="20"/>
      <c r="C448" s="541">
        <v>8</v>
      </c>
      <c r="D448" s="542"/>
      <c r="E448" s="543" t="s">
        <v>706</v>
      </c>
      <c r="F448" s="544"/>
      <c r="G448" s="544"/>
      <c r="H448" s="544"/>
      <c r="I448" s="544"/>
      <c r="J448" s="544"/>
      <c r="K448" s="544"/>
      <c r="L448" s="544"/>
      <c r="M448" s="544"/>
      <c r="N448" s="544"/>
      <c r="O448" s="544"/>
      <c r="P448" s="544"/>
      <c r="Q448" s="544"/>
      <c r="R448" s="544"/>
      <c r="S448" s="544"/>
      <c r="T448" s="545"/>
      <c r="U448" s="221" t="s">
        <v>707</v>
      </c>
      <c r="V448" s="546" t="s">
        <v>107</v>
      </c>
      <c r="W448" s="547"/>
      <c r="X448" s="547"/>
      <c r="Y448" s="547"/>
      <c r="Z448" s="548"/>
      <c r="AA448" s="623" t="s">
        <v>102</v>
      </c>
      <c r="AB448" s="624"/>
      <c r="AC448" s="625"/>
      <c r="AD448" s="415">
        <v>9</v>
      </c>
      <c r="AE448" s="415" t="s">
        <v>103</v>
      </c>
      <c r="AF448" s="541"/>
      <c r="AG448" s="542"/>
      <c r="AH448" s="549"/>
      <c r="AI448" s="550"/>
      <c r="AJ448" s="551"/>
      <c r="AK448" s="265"/>
      <c r="AL448" s="38"/>
      <c r="AM448" s="54"/>
      <c r="AN448" s="13" t="str">
        <f t="shared" si="24"/>
        <v>■</v>
      </c>
    </row>
    <row r="449" spans="1:40" s="13" customFormat="1">
      <c r="A449" s="20" t="str">
        <f t="shared" si="23"/>
        <v>IY</v>
      </c>
      <c r="B449" s="20"/>
      <c r="C449" s="541">
        <v>9</v>
      </c>
      <c r="D449" s="542"/>
      <c r="E449" s="543" t="s">
        <v>708</v>
      </c>
      <c r="F449" s="544"/>
      <c r="G449" s="544"/>
      <c r="H449" s="544"/>
      <c r="I449" s="544"/>
      <c r="J449" s="544"/>
      <c r="K449" s="544"/>
      <c r="L449" s="544"/>
      <c r="M449" s="544"/>
      <c r="N449" s="544"/>
      <c r="O449" s="544"/>
      <c r="P449" s="544"/>
      <c r="Q449" s="544"/>
      <c r="R449" s="544"/>
      <c r="S449" s="544"/>
      <c r="T449" s="545"/>
      <c r="U449" s="221" t="s">
        <v>709</v>
      </c>
      <c r="V449" s="546" t="s">
        <v>107</v>
      </c>
      <c r="W449" s="547"/>
      <c r="X449" s="547"/>
      <c r="Y449" s="547"/>
      <c r="Z449" s="548"/>
      <c r="AA449" s="623" t="s">
        <v>710</v>
      </c>
      <c r="AB449" s="624"/>
      <c r="AC449" s="625"/>
      <c r="AD449" s="415">
        <v>5</v>
      </c>
      <c r="AE449" s="415">
        <v>5</v>
      </c>
      <c r="AF449" s="541"/>
      <c r="AG449" s="542"/>
      <c r="AH449" s="549"/>
      <c r="AI449" s="550"/>
      <c r="AJ449" s="551"/>
      <c r="AK449" s="265"/>
      <c r="AL449" s="38"/>
      <c r="AM449" s="54"/>
      <c r="AN449" s="13" t="str">
        <f t="shared" si="24"/>
        <v>■</v>
      </c>
    </row>
    <row r="450" spans="1:40" s="13" customFormat="1">
      <c r="A450" s="20" t="str">
        <f t="shared" si="23"/>
        <v>IY</v>
      </c>
      <c r="B450" s="20"/>
      <c r="C450" s="541">
        <v>10</v>
      </c>
      <c r="D450" s="542"/>
      <c r="E450" s="543" t="s">
        <v>612</v>
      </c>
      <c r="F450" s="544"/>
      <c r="G450" s="544"/>
      <c r="H450" s="544"/>
      <c r="I450" s="544"/>
      <c r="J450" s="544"/>
      <c r="K450" s="544"/>
      <c r="L450" s="544"/>
      <c r="M450" s="544"/>
      <c r="N450" s="544"/>
      <c r="O450" s="544"/>
      <c r="P450" s="544"/>
      <c r="Q450" s="544"/>
      <c r="R450" s="544"/>
      <c r="S450" s="544"/>
      <c r="T450" s="545"/>
      <c r="U450" s="221" t="s">
        <v>613</v>
      </c>
      <c r="V450" s="546" t="s">
        <v>107</v>
      </c>
      <c r="W450" s="547"/>
      <c r="X450" s="547"/>
      <c r="Y450" s="547"/>
      <c r="Z450" s="548"/>
      <c r="AA450" s="623" t="s">
        <v>108</v>
      </c>
      <c r="AB450" s="624"/>
      <c r="AC450" s="625"/>
      <c r="AD450" s="415">
        <v>7</v>
      </c>
      <c r="AE450" s="415">
        <v>0</v>
      </c>
      <c r="AF450" s="541"/>
      <c r="AG450" s="542"/>
      <c r="AH450" s="549"/>
      <c r="AI450" s="550"/>
      <c r="AJ450" s="551"/>
      <c r="AK450" s="265"/>
      <c r="AL450" s="38"/>
      <c r="AM450" s="54"/>
      <c r="AN450" s="13" t="str">
        <f t="shared" si="24"/>
        <v>■</v>
      </c>
    </row>
    <row r="451" spans="1:40" s="13" customFormat="1">
      <c r="A451" s="20" t="str">
        <f t="shared" si="23"/>
        <v>IY</v>
      </c>
      <c r="B451" s="20"/>
      <c r="C451" s="541">
        <v>11</v>
      </c>
      <c r="D451" s="542"/>
      <c r="E451" s="543" t="s">
        <v>614</v>
      </c>
      <c r="F451" s="544"/>
      <c r="G451" s="544"/>
      <c r="H451" s="544"/>
      <c r="I451" s="544"/>
      <c r="J451" s="544"/>
      <c r="K451" s="544"/>
      <c r="L451" s="544"/>
      <c r="M451" s="544"/>
      <c r="N451" s="544"/>
      <c r="O451" s="544"/>
      <c r="P451" s="544"/>
      <c r="Q451" s="544"/>
      <c r="R451" s="544"/>
      <c r="S451" s="544"/>
      <c r="T451" s="545"/>
      <c r="U451" s="221" t="s">
        <v>557</v>
      </c>
      <c r="V451" s="546" t="s">
        <v>107</v>
      </c>
      <c r="W451" s="547"/>
      <c r="X451" s="547"/>
      <c r="Y451" s="547"/>
      <c r="Z451" s="548"/>
      <c r="AA451" s="623" t="s">
        <v>108</v>
      </c>
      <c r="AB451" s="624"/>
      <c r="AC451" s="625"/>
      <c r="AD451" s="415">
        <v>3</v>
      </c>
      <c r="AE451" s="415">
        <v>0</v>
      </c>
      <c r="AF451" s="541"/>
      <c r="AG451" s="542"/>
      <c r="AH451" s="549"/>
      <c r="AI451" s="550"/>
      <c r="AJ451" s="551"/>
      <c r="AK451" s="265"/>
      <c r="AL451" s="38"/>
      <c r="AM451" s="54"/>
      <c r="AN451" s="13" t="str">
        <f t="shared" si="24"/>
        <v>■</v>
      </c>
    </row>
    <row r="452" spans="1:40" s="13" customFormat="1">
      <c r="A452" s="20" t="str">
        <f t="shared" si="23"/>
        <v>IY</v>
      </c>
      <c r="B452" s="20"/>
      <c r="C452" s="541">
        <v>12</v>
      </c>
      <c r="D452" s="542"/>
      <c r="E452" s="543" t="s">
        <v>615</v>
      </c>
      <c r="F452" s="544"/>
      <c r="G452" s="544"/>
      <c r="H452" s="544"/>
      <c r="I452" s="544"/>
      <c r="J452" s="544"/>
      <c r="K452" s="544"/>
      <c r="L452" s="544"/>
      <c r="M452" s="544"/>
      <c r="N452" s="544"/>
      <c r="O452" s="544"/>
      <c r="P452" s="544"/>
      <c r="Q452" s="544"/>
      <c r="R452" s="544"/>
      <c r="S452" s="544"/>
      <c r="T452" s="545"/>
      <c r="U452" s="221" t="s">
        <v>616</v>
      </c>
      <c r="V452" s="546" t="s">
        <v>107</v>
      </c>
      <c r="W452" s="547"/>
      <c r="X452" s="547"/>
      <c r="Y452" s="547"/>
      <c r="Z452" s="548"/>
      <c r="AA452" s="623" t="s">
        <v>102</v>
      </c>
      <c r="AB452" s="624"/>
      <c r="AC452" s="625"/>
      <c r="AD452" s="415">
        <v>9</v>
      </c>
      <c r="AE452" s="415" t="s">
        <v>103</v>
      </c>
      <c r="AF452" s="541"/>
      <c r="AG452" s="542"/>
      <c r="AH452" s="549"/>
      <c r="AI452" s="550"/>
      <c r="AJ452" s="551"/>
      <c r="AK452" s="344"/>
      <c r="AL452" s="38"/>
      <c r="AM452" s="54"/>
      <c r="AN452" s="13" t="str">
        <f t="shared" si="24"/>
        <v>■</v>
      </c>
    </row>
    <row r="453" spans="1:40" s="13" customFormat="1">
      <c r="A453" s="20" t="str">
        <f t="shared" si="23"/>
        <v>IY</v>
      </c>
      <c r="B453" s="20"/>
      <c r="C453" s="552">
        <v>13</v>
      </c>
      <c r="D453" s="553"/>
      <c r="E453" s="554" t="s">
        <v>711</v>
      </c>
      <c r="F453" s="555"/>
      <c r="G453" s="555"/>
      <c r="H453" s="555"/>
      <c r="I453" s="555"/>
      <c r="J453" s="555"/>
      <c r="K453" s="555"/>
      <c r="L453" s="555"/>
      <c r="M453" s="555"/>
      <c r="N453" s="555"/>
      <c r="O453" s="555"/>
      <c r="P453" s="555"/>
      <c r="Q453" s="555"/>
      <c r="R453" s="555"/>
      <c r="S453" s="555"/>
      <c r="T453" s="556"/>
      <c r="U453" s="259" t="s">
        <v>618</v>
      </c>
      <c r="V453" s="557" t="s">
        <v>398</v>
      </c>
      <c r="W453" s="558"/>
      <c r="X453" s="558"/>
      <c r="Y453" s="558"/>
      <c r="Z453" s="559"/>
      <c r="AA453" s="626" t="s">
        <v>102</v>
      </c>
      <c r="AB453" s="627"/>
      <c r="AC453" s="628"/>
      <c r="AD453" s="419">
        <v>50</v>
      </c>
      <c r="AE453" s="419" t="s">
        <v>103</v>
      </c>
      <c r="AF453" s="552" t="s">
        <v>109</v>
      </c>
      <c r="AG453" s="553"/>
      <c r="AH453" s="560"/>
      <c r="AI453" s="561"/>
      <c r="AJ453" s="562"/>
      <c r="AK453" s="333" t="s">
        <v>399</v>
      </c>
      <c r="AL453" s="38"/>
      <c r="AM453" s="54"/>
      <c r="AN453" s="13" t="str">
        <f t="shared" si="24"/>
        <v>■</v>
      </c>
    </row>
    <row r="454" spans="1:40" s="13" customFormat="1">
      <c r="A454" s="20" t="str">
        <f t="shared" si="23"/>
        <v>IY</v>
      </c>
      <c r="B454" s="20"/>
      <c r="C454" s="541">
        <v>14</v>
      </c>
      <c r="D454" s="542"/>
      <c r="E454" s="543" t="s">
        <v>619</v>
      </c>
      <c r="F454" s="544"/>
      <c r="G454" s="544"/>
      <c r="H454" s="544"/>
      <c r="I454" s="544"/>
      <c r="J454" s="544"/>
      <c r="K454" s="544"/>
      <c r="L454" s="544"/>
      <c r="M454" s="544"/>
      <c r="N454" s="544"/>
      <c r="O454" s="544"/>
      <c r="P454" s="544"/>
      <c r="Q454" s="544"/>
      <c r="R454" s="544"/>
      <c r="S454" s="544"/>
      <c r="T454" s="545"/>
      <c r="U454" s="221" t="s">
        <v>620</v>
      </c>
      <c r="V454" s="546" t="s">
        <v>107</v>
      </c>
      <c r="W454" s="547"/>
      <c r="X454" s="547"/>
      <c r="Y454" s="547"/>
      <c r="Z454" s="548"/>
      <c r="AA454" s="623" t="s">
        <v>102</v>
      </c>
      <c r="AB454" s="624"/>
      <c r="AC454" s="625"/>
      <c r="AD454" s="415">
        <v>9</v>
      </c>
      <c r="AE454" s="415" t="s">
        <v>103</v>
      </c>
      <c r="AF454" s="541"/>
      <c r="AG454" s="542"/>
      <c r="AH454" s="549"/>
      <c r="AI454" s="550"/>
      <c r="AJ454" s="551"/>
      <c r="AK454" s="344"/>
      <c r="AL454" s="38"/>
      <c r="AM454" s="54"/>
      <c r="AN454" s="13" t="str">
        <f t="shared" si="24"/>
        <v>■</v>
      </c>
    </row>
    <row r="455" spans="1:40" s="13" customFormat="1">
      <c r="A455" s="20" t="str">
        <f t="shared" si="23"/>
        <v>IY</v>
      </c>
      <c r="B455" s="20"/>
      <c r="C455" s="552">
        <v>15</v>
      </c>
      <c r="D455" s="553"/>
      <c r="E455" s="554" t="s">
        <v>712</v>
      </c>
      <c r="F455" s="555"/>
      <c r="G455" s="555"/>
      <c r="H455" s="555"/>
      <c r="I455" s="555"/>
      <c r="J455" s="555"/>
      <c r="K455" s="555"/>
      <c r="L455" s="555"/>
      <c r="M455" s="555"/>
      <c r="N455" s="555"/>
      <c r="O455" s="555"/>
      <c r="P455" s="555"/>
      <c r="Q455" s="555"/>
      <c r="R455" s="555"/>
      <c r="S455" s="555"/>
      <c r="T455" s="556"/>
      <c r="U455" s="259" t="s">
        <v>622</v>
      </c>
      <c r="V455" s="557" t="s">
        <v>398</v>
      </c>
      <c r="W455" s="558"/>
      <c r="X455" s="558"/>
      <c r="Y455" s="558"/>
      <c r="Z455" s="559"/>
      <c r="AA455" s="626" t="s">
        <v>102</v>
      </c>
      <c r="AB455" s="627"/>
      <c r="AC455" s="628"/>
      <c r="AD455" s="419">
        <v>50</v>
      </c>
      <c r="AE455" s="419" t="s">
        <v>103</v>
      </c>
      <c r="AF455" s="552" t="s">
        <v>109</v>
      </c>
      <c r="AG455" s="553"/>
      <c r="AH455" s="560"/>
      <c r="AI455" s="561"/>
      <c r="AJ455" s="562"/>
      <c r="AK455" s="333" t="s">
        <v>399</v>
      </c>
      <c r="AL455" s="38"/>
      <c r="AM455" s="54"/>
      <c r="AN455" s="13" t="str">
        <f t="shared" si="24"/>
        <v>■</v>
      </c>
    </row>
    <row r="456" spans="1:40" s="13" customFormat="1">
      <c r="A456" s="20" t="str">
        <f t="shared" si="23"/>
        <v>IY</v>
      </c>
      <c r="B456" s="20"/>
      <c r="C456" s="541">
        <v>16</v>
      </c>
      <c r="D456" s="542"/>
      <c r="E456" s="543" t="s">
        <v>623</v>
      </c>
      <c r="F456" s="544"/>
      <c r="G456" s="544"/>
      <c r="H456" s="544"/>
      <c r="I456" s="544"/>
      <c r="J456" s="544"/>
      <c r="K456" s="544"/>
      <c r="L456" s="544"/>
      <c r="M456" s="544"/>
      <c r="N456" s="544"/>
      <c r="O456" s="544"/>
      <c r="P456" s="544"/>
      <c r="Q456" s="544"/>
      <c r="R456" s="544"/>
      <c r="S456" s="544"/>
      <c r="T456" s="545"/>
      <c r="U456" s="221" t="s">
        <v>624</v>
      </c>
      <c r="V456" s="546" t="s">
        <v>107</v>
      </c>
      <c r="W456" s="547"/>
      <c r="X456" s="547"/>
      <c r="Y456" s="547"/>
      <c r="Z456" s="548"/>
      <c r="AA456" s="623" t="s">
        <v>102</v>
      </c>
      <c r="AB456" s="624"/>
      <c r="AC456" s="625"/>
      <c r="AD456" s="415">
        <v>9</v>
      </c>
      <c r="AE456" s="415" t="s">
        <v>103</v>
      </c>
      <c r="AF456" s="541"/>
      <c r="AG456" s="542"/>
      <c r="AH456" s="549"/>
      <c r="AI456" s="550"/>
      <c r="AJ456" s="551"/>
      <c r="AK456" s="344"/>
      <c r="AL456" s="38"/>
      <c r="AM456" s="54"/>
      <c r="AN456" s="13" t="str">
        <f t="shared" si="24"/>
        <v>■</v>
      </c>
    </row>
    <row r="457" spans="1:40" s="13" customFormat="1">
      <c r="A457" s="20" t="str">
        <f t="shared" si="23"/>
        <v>IY</v>
      </c>
      <c r="B457" s="20"/>
      <c r="C457" s="552">
        <v>17</v>
      </c>
      <c r="D457" s="553"/>
      <c r="E457" s="554" t="s">
        <v>625</v>
      </c>
      <c r="F457" s="555"/>
      <c r="G457" s="555"/>
      <c r="H457" s="555"/>
      <c r="I457" s="555"/>
      <c r="J457" s="555"/>
      <c r="K457" s="555"/>
      <c r="L457" s="555"/>
      <c r="M457" s="555"/>
      <c r="N457" s="555"/>
      <c r="O457" s="555"/>
      <c r="P457" s="555"/>
      <c r="Q457" s="555"/>
      <c r="R457" s="555"/>
      <c r="S457" s="555"/>
      <c r="T457" s="556"/>
      <c r="U457" s="259" t="s">
        <v>626</v>
      </c>
      <c r="V457" s="557" t="s">
        <v>398</v>
      </c>
      <c r="W457" s="558"/>
      <c r="X457" s="558"/>
      <c r="Y457" s="558"/>
      <c r="Z457" s="559"/>
      <c r="AA457" s="626" t="s">
        <v>102</v>
      </c>
      <c r="AB457" s="627"/>
      <c r="AC457" s="628"/>
      <c r="AD457" s="419">
        <v>50</v>
      </c>
      <c r="AE457" s="419" t="s">
        <v>103</v>
      </c>
      <c r="AF457" s="552" t="s">
        <v>109</v>
      </c>
      <c r="AG457" s="553"/>
      <c r="AH457" s="560"/>
      <c r="AI457" s="561"/>
      <c r="AJ457" s="562"/>
      <c r="AK457" s="333" t="s">
        <v>399</v>
      </c>
      <c r="AL457" s="38"/>
      <c r="AM457" s="54"/>
      <c r="AN457" s="13" t="str">
        <f t="shared" si="24"/>
        <v>■</v>
      </c>
    </row>
    <row r="458" spans="1:40" s="13" customFormat="1">
      <c r="A458" s="20" t="str">
        <f t="shared" si="23"/>
        <v>IY</v>
      </c>
      <c r="B458" s="20"/>
      <c r="C458" s="541">
        <v>18</v>
      </c>
      <c r="D458" s="542"/>
      <c r="E458" s="543" t="s">
        <v>627</v>
      </c>
      <c r="F458" s="544"/>
      <c r="G458" s="544"/>
      <c r="H458" s="544"/>
      <c r="I458" s="544"/>
      <c r="J458" s="544"/>
      <c r="K458" s="544"/>
      <c r="L458" s="544"/>
      <c r="M458" s="544"/>
      <c r="N458" s="544"/>
      <c r="O458" s="544"/>
      <c r="P458" s="544"/>
      <c r="Q458" s="544"/>
      <c r="R458" s="544"/>
      <c r="S458" s="544"/>
      <c r="T458" s="545"/>
      <c r="U458" s="221" t="s">
        <v>628</v>
      </c>
      <c r="V458" s="546" t="s">
        <v>107</v>
      </c>
      <c r="W458" s="547"/>
      <c r="X458" s="547"/>
      <c r="Y458" s="547"/>
      <c r="Z458" s="548"/>
      <c r="AA458" s="623" t="s">
        <v>108</v>
      </c>
      <c r="AB458" s="624"/>
      <c r="AC458" s="625"/>
      <c r="AD458" s="415">
        <v>3</v>
      </c>
      <c r="AE458" s="415">
        <v>0</v>
      </c>
      <c r="AF458" s="541"/>
      <c r="AG458" s="542"/>
      <c r="AH458" s="549"/>
      <c r="AI458" s="550"/>
      <c r="AJ458" s="551"/>
      <c r="AK458" s="265"/>
      <c r="AL458" s="38"/>
      <c r="AM458" s="54"/>
      <c r="AN458" s="13" t="str">
        <f t="shared" si="24"/>
        <v>■</v>
      </c>
    </row>
    <row r="459" spans="1:40" s="13" customFormat="1">
      <c r="A459" s="20" t="str">
        <f t="shared" si="23"/>
        <v>IY</v>
      </c>
      <c r="B459" s="20"/>
      <c r="C459" s="541">
        <v>19</v>
      </c>
      <c r="D459" s="542"/>
      <c r="E459" s="543" t="s">
        <v>629</v>
      </c>
      <c r="F459" s="544"/>
      <c r="G459" s="544"/>
      <c r="H459" s="544"/>
      <c r="I459" s="544"/>
      <c r="J459" s="544"/>
      <c r="K459" s="544"/>
      <c r="L459" s="544"/>
      <c r="M459" s="544"/>
      <c r="N459" s="544"/>
      <c r="O459" s="544"/>
      <c r="P459" s="544"/>
      <c r="Q459" s="544"/>
      <c r="R459" s="544"/>
      <c r="S459" s="544"/>
      <c r="T459" s="545"/>
      <c r="U459" s="221" t="s">
        <v>630</v>
      </c>
      <c r="V459" s="546" t="s">
        <v>107</v>
      </c>
      <c r="W459" s="547"/>
      <c r="X459" s="547"/>
      <c r="Y459" s="547"/>
      <c r="Z459" s="548"/>
      <c r="AA459" s="623" t="s">
        <v>108</v>
      </c>
      <c r="AB459" s="624"/>
      <c r="AC459" s="625"/>
      <c r="AD459" s="415">
        <v>3</v>
      </c>
      <c r="AE459" s="415">
        <v>0</v>
      </c>
      <c r="AF459" s="541"/>
      <c r="AG459" s="542"/>
      <c r="AH459" s="549"/>
      <c r="AI459" s="550"/>
      <c r="AJ459" s="551"/>
      <c r="AK459" s="265"/>
      <c r="AL459" s="38"/>
      <c r="AM459" s="54"/>
      <c r="AN459" s="13" t="str">
        <f t="shared" si="24"/>
        <v>■</v>
      </c>
    </row>
    <row r="460" spans="1:40" s="13" customFormat="1">
      <c r="A460" s="20" t="str">
        <f t="shared" si="23"/>
        <v>IY</v>
      </c>
      <c r="B460" s="20"/>
      <c r="C460" s="541">
        <v>20</v>
      </c>
      <c r="D460" s="542"/>
      <c r="E460" s="543" t="s">
        <v>631</v>
      </c>
      <c r="F460" s="544"/>
      <c r="G460" s="544"/>
      <c r="H460" s="544"/>
      <c r="I460" s="544"/>
      <c r="J460" s="544"/>
      <c r="K460" s="544"/>
      <c r="L460" s="544"/>
      <c r="M460" s="544"/>
      <c r="N460" s="544"/>
      <c r="O460" s="544"/>
      <c r="P460" s="544"/>
      <c r="Q460" s="544"/>
      <c r="R460" s="544"/>
      <c r="S460" s="544"/>
      <c r="T460" s="545"/>
      <c r="U460" s="221" t="s">
        <v>632</v>
      </c>
      <c r="V460" s="546" t="s">
        <v>107</v>
      </c>
      <c r="W460" s="547"/>
      <c r="X460" s="547"/>
      <c r="Y460" s="547"/>
      <c r="Z460" s="548"/>
      <c r="AA460" s="623" t="s">
        <v>108</v>
      </c>
      <c r="AB460" s="624"/>
      <c r="AC460" s="625"/>
      <c r="AD460" s="415">
        <v>3</v>
      </c>
      <c r="AE460" s="415">
        <v>0</v>
      </c>
      <c r="AF460" s="541"/>
      <c r="AG460" s="542"/>
      <c r="AH460" s="549"/>
      <c r="AI460" s="550"/>
      <c r="AJ460" s="551"/>
      <c r="AK460" s="265"/>
      <c r="AL460" s="38"/>
      <c r="AM460" s="54"/>
      <c r="AN460" s="13" t="str">
        <f t="shared" si="24"/>
        <v>■</v>
      </c>
    </row>
    <row r="461" spans="1:40" s="13" customFormat="1">
      <c r="A461" s="20" t="str">
        <f t="shared" si="23"/>
        <v>IY</v>
      </c>
      <c r="B461" s="20"/>
      <c r="C461" s="541">
        <v>21</v>
      </c>
      <c r="D461" s="542"/>
      <c r="E461" s="543" t="s">
        <v>633</v>
      </c>
      <c r="F461" s="544"/>
      <c r="G461" s="544"/>
      <c r="H461" s="544"/>
      <c r="I461" s="544"/>
      <c r="J461" s="544"/>
      <c r="K461" s="544"/>
      <c r="L461" s="544"/>
      <c r="M461" s="544"/>
      <c r="N461" s="544"/>
      <c r="O461" s="544"/>
      <c r="P461" s="544"/>
      <c r="Q461" s="544"/>
      <c r="R461" s="544"/>
      <c r="S461" s="544"/>
      <c r="T461" s="545"/>
      <c r="U461" s="221" t="s">
        <v>634</v>
      </c>
      <c r="V461" s="546" t="s">
        <v>107</v>
      </c>
      <c r="W461" s="547"/>
      <c r="X461" s="547"/>
      <c r="Y461" s="547"/>
      <c r="Z461" s="548"/>
      <c r="AA461" s="623" t="s">
        <v>108</v>
      </c>
      <c r="AB461" s="624"/>
      <c r="AC461" s="625"/>
      <c r="AD461" s="415">
        <v>3</v>
      </c>
      <c r="AE461" s="415">
        <v>0</v>
      </c>
      <c r="AF461" s="541"/>
      <c r="AG461" s="542"/>
      <c r="AH461" s="549"/>
      <c r="AI461" s="550"/>
      <c r="AJ461" s="551"/>
      <c r="AK461" s="265"/>
      <c r="AL461" s="38"/>
      <c r="AM461" s="54"/>
      <c r="AN461" s="13" t="str">
        <f t="shared" si="24"/>
        <v>■</v>
      </c>
    </row>
    <row r="462" spans="1:40" s="13" customFormat="1">
      <c r="A462" s="20" t="str">
        <f t="shared" si="23"/>
        <v>IY</v>
      </c>
      <c r="B462" s="20"/>
      <c r="C462" s="541">
        <v>22</v>
      </c>
      <c r="D462" s="542"/>
      <c r="E462" s="543" t="s">
        <v>635</v>
      </c>
      <c r="F462" s="544"/>
      <c r="G462" s="544"/>
      <c r="H462" s="544"/>
      <c r="I462" s="544"/>
      <c r="J462" s="544"/>
      <c r="K462" s="544"/>
      <c r="L462" s="544"/>
      <c r="M462" s="544"/>
      <c r="N462" s="544"/>
      <c r="O462" s="544"/>
      <c r="P462" s="544"/>
      <c r="Q462" s="544"/>
      <c r="R462" s="544"/>
      <c r="S462" s="544"/>
      <c r="T462" s="545"/>
      <c r="U462" s="221" t="s">
        <v>636</v>
      </c>
      <c r="V462" s="546" t="s">
        <v>107</v>
      </c>
      <c r="W462" s="547"/>
      <c r="X462" s="547"/>
      <c r="Y462" s="547"/>
      <c r="Z462" s="548"/>
      <c r="AA462" s="623" t="s">
        <v>108</v>
      </c>
      <c r="AB462" s="624"/>
      <c r="AC462" s="625"/>
      <c r="AD462" s="415">
        <v>3</v>
      </c>
      <c r="AE462" s="415">
        <v>0</v>
      </c>
      <c r="AF462" s="541"/>
      <c r="AG462" s="542"/>
      <c r="AH462" s="549"/>
      <c r="AI462" s="550"/>
      <c r="AJ462" s="551"/>
      <c r="AK462" s="265"/>
      <c r="AL462" s="38"/>
      <c r="AM462" s="54"/>
      <c r="AN462" s="13" t="str">
        <f t="shared" si="24"/>
        <v>■</v>
      </c>
    </row>
    <row r="463" spans="1:40" s="13" customFormat="1">
      <c r="A463" s="20" t="str">
        <f t="shared" si="23"/>
        <v>IY</v>
      </c>
      <c r="B463" s="20"/>
      <c r="C463" s="541">
        <v>23</v>
      </c>
      <c r="D463" s="542"/>
      <c r="E463" s="543" t="s">
        <v>637</v>
      </c>
      <c r="F463" s="544"/>
      <c r="G463" s="544"/>
      <c r="H463" s="544"/>
      <c r="I463" s="544"/>
      <c r="J463" s="544"/>
      <c r="K463" s="544"/>
      <c r="L463" s="544"/>
      <c r="M463" s="544"/>
      <c r="N463" s="544"/>
      <c r="O463" s="544"/>
      <c r="P463" s="544"/>
      <c r="Q463" s="544"/>
      <c r="R463" s="544"/>
      <c r="S463" s="544"/>
      <c r="T463" s="545"/>
      <c r="U463" s="221" t="s">
        <v>638</v>
      </c>
      <c r="V463" s="546" t="s">
        <v>107</v>
      </c>
      <c r="W463" s="547"/>
      <c r="X463" s="547"/>
      <c r="Y463" s="547"/>
      <c r="Z463" s="548"/>
      <c r="AA463" s="623" t="s">
        <v>108</v>
      </c>
      <c r="AB463" s="624"/>
      <c r="AC463" s="625"/>
      <c r="AD463" s="415">
        <v>3</v>
      </c>
      <c r="AE463" s="415">
        <v>0</v>
      </c>
      <c r="AF463" s="541"/>
      <c r="AG463" s="542"/>
      <c r="AH463" s="549"/>
      <c r="AI463" s="550"/>
      <c r="AJ463" s="551"/>
      <c r="AK463" s="265"/>
      <c r="AL463" s="38"/>
      <c r="AM463" s="54"/>
      <c r="AN463" s="13" t="str">
        <f t="shared" si="24"/>
        <v>■</v>
      </c>
    </row>
    <row r="464" spans="1:40" s="13" customFormat="1">
      <c r="A464" s="20" t="str">
        <f t="shared" si="23"/>
        <v>IY</v>
      </c>
      <c r="B464" s="20"/>
      <c r="C464" s="541">
        <v>24</v>
      </c>
      <c r="D464" s="542"/>
      <c r="E464" s="543" t="s">
        <v>639</v>
      </c>
      <c r="F464" s="544"/>
      <c r="G464" s="544"/>
      <c r="H464" s="544"/>
      <c r="I464" s="544"/>
      <c r="J464" s="544"/>
      <c r="K464" s="544"/>
      <c r="L464" s="544"/>
      <c r="M464" s="544"/>
      <c r="N464" s="544"/>
      <c r="O464" s="544"/>
      <c r="P464" s="544"/>
      <c r="Q464" s="544"/>
      <c r="R464" s="544"/>
      <c r="S464" s="544"/>
      <c r="T464" s="545"/>
      <c r="U464" s="221" t="s">
        <v>640</v>
      </c>
      <c r="V464" s="546" t="s">
        <v>107</v>
      </c>
      <c r="W464" s="547"/>
      <c r="X464" s="547"/>
      <c r="Y464" s="547"/>
      <c r="Z464" s="548"/>
      <c r="AA464" s="623" t="s">
        <v>108</v>
      </c>
      <c r="AB464" s="624"/>
      <c r="AC464" s="625"/>
      <c r="AD464" s="415">
        <v>3</v>
      </c>
      <c r="AE464" s="415">
        <v>0</v>
      </c>
      <c r="AF464" s="541"/>
      <c r="AG464" s="542"/>
      <c r="AH464" s="549"/>
      <c r="AI464" s="550"/>
      <c r="AJ464" s="551"/>
      <c r="AK464" s="265"/>
      <c r="AL464" s="38"/>
      <c r="AM464" s="54"/>
      <c r="AN464" s="13" t="str">
        <f t="shared" si="24"/>
        <v>■</v>
      </c>
    </row>
    <row r="465" spans="1:40" s="13" customFormat="1">
      <c r="A465" s="20" t="str">
        <f t="shared" si="23"/>
        <v>IY</v>
      </c>
      <c r="B465" s="20"/>
      <c r="C465" s="541">
        <v>25</v>
      </c>
      <c r="D465" s="542"/>
      <c r="E465" s="543" t="s">
        <v>641</v>
      </c>
      <c r="F465" s="544"/>
      <c r="G465" s="544"/>
      <c r="H465" s="544"/>
      <c r="I465" s="544"/>
      <c r="J465" s="544"/>
      <c r="K465" s="544"/>
      <c r="L465" s="544"/>
      <c r="M465" s="544"/>
      <c r="N465" s="544"/>
      <c r="O465" s="544"/>
      <c r="P465" s="544"/>
      <c r="Q465" s="544"/>
      <c r="R465" s="544"/>
      <c r="S465" s="544"/>
      <c r="T465" s="545"/>
      <c r="U465" s="221" t="s">
        <v>642</v>
      </c>
      <c r="V465" s="546" t="s">
        <v>107</v>
      </c>
      <c r="W465" s="547"/>
      <c r="X465" s="547"/>
      <c r="Y465" s="547"/>
      <c r="Z465" s="548"/>
      <c r="AA465" s="623" t="s">
        <v>108</v>
      </c>
      <c r="AB465" s="624"/>
      <c r="AC465" s="625"/>
      <c r="AD465" s="415">
        <v>3</v>
      </c>
      <c r="AE465" s="415">
        <v>0</v>
      </c>
      <c r="AF465" s="541"/>
      <c r="AG465" s="542"/>
      <c r="AH465" s="549"/>
      <c r="AI465" s="550"/>
      <c r="AJ465" s="551"/>
      <c r="AK465" s="265"/>
      <c r="AL465" s="38"/>
      <c r="AM465" s="54"/>
      <c r="AN465" s="13" t="str">
        <f t="shared" si="24"/>
        <v>■</v>
      </c>
    </row>
    <row r="466" spans="1:40" s="13" customFormat="1">
      <c r="A466" s="20" t="str">
        <f t="shared" si="23"/>
        <v>IY</v>
      </c>
      <c r="B466" s="20"/>
      <c r="C466" s="541">
        <v>26</v>
      </c>
      <c r="D466" s="542"/>
      <c r="E466" s="543" t="s">
        <v>643</v>
      </c>
      <c r="F466" s="544"/>
      <c r="G466" s="544"/>
      <c r="H466" s="544"/>
      <c r="I466" s="544"/>
      <c r="J466" s="544"/>
      <c r="K466" s="544"/>
      <c r="L466" s="544"/>
      <c r="M466" s="544"/>
      <c r="N466" s="544"/>
      <c r="O466" s="544"/>
      <c r="P466" s="544"/>
      <c r="Q466" s="544"/>
      <c r="R466" s="544"/>
      <c r="S466" s="544"/>
      <c r="T466" s="545"/>
      <c r="U466" s="221" t="s">
        <v>644</v>
      </c>
      <c r="V466" s="546" t="s">
        <v>107</v>
      </c>
      <c r="W466" s="547"/>
      <c r="X466" s="547"/>
      <c r="Y466" s="547"/>
      <c r="Z466" s="548"/>
      <c r="AA466" s="623" t="s">
        <v>108</v>
      </c>
      <c r="AB466" s="624"/>
      <c r="AC466" s="625"/>
      <c r="AD466" s="415">
        <v>3</v>
      </c>
      <c r="AE466" s="415">
        <v>0</v>
      </c>
      <c r="AF466" s="541"/>
      <c r="AG466" s="542"/>
      <c r="AH466" s="549"/>
      <c r="AI466" s="550"/>
      <c r="AJ466" s="551"/>
      <c r="AK466" s="265"/>
      <c r="AL466" s="38"/>
      <c r="AM466" s="54"/>
      <c r="AN466" s="13" t="str">
        <f t="shared" si="24"/>
        <v>■</v>
      </c>
    </row>
    <row r="467" spans="1:40" s="13" customFormat="1">
      <c r="A467" s="20" t="str">
        <f t="shared" si="23"/>
        <v>IY</v>
      </c>
      <c r="B467" s="20"/>
      <c r="C467" s="541">
        <v>27</v>
      </c>
      <c r="D467" s="542"/>
      <c r="E467" s="543" t="s">
        <v>645</v>
      </c>
      <c r="F467" s="544"/>
      <c r="G467" s="544"/>
      <c r="H467" s="544"/>
      <c r="I467" s="544"/>
      <c r="J467" s="544"/>
      <c r="K467" s="544"/>
      <c r="L467" s="544"/>
      <c r="M467" s="544"/>
      <c r="N467" s="544"/>
      <c r="O467" s="544"/>
      <c r="P467" s="544"/>
      <c r="Q467" s="544"/>
      <c r="R467" s="544"/>
      <c r="S467" s="544"/>
      <c r="T467" s="545"/>
      <c r="U467" s="221" t="s">
        <v>646</v>
      </c>
      <c r="V467" s="546" t="s">
        <v>107</v>
      </c>
      <c r="W467" s="547"/>
      <c r="X467" s="547"/>
      <c r="Y467" s="547"/>
      <c r="Z467" s="548"/>
      <c r="AA467" s="623" t="s">
        <v>108</v>
      </c>
      <c r="AB467" s="624"/>
      <c r="AC467" s="625"/>
      <c r="AD467" s="415">
        <v>3</v>
      </c>
      <c r="AE467" s="415">
        <v>0</v>
      </c>
      <c r="AF467" s="541"/>
      <c r="AG467" s="542"/>
      <c r="AH467" s="549"/>
      <c r="AI467" s="550"/>
      <c r="AJ467" s="551"/>
      <c r="AK467" s="265"/>
      <c r="AL467" s="38"/>
      <c r="AM467" s="54"/>
      <c r="AN467" s="13" t="str">
        <f t="shared" si="24"/>
        <v>■</v>
      </c>
    </row>
    <row r="468" spans="1:40" s="13" customFormat="1">
      <c r="A468" s="20" t="str">
        <f t="shared" si="23"/>
        <v>IY</v>
      </c>
      <c r="B468" s="20"/>
      <c r="C468" s="541">
        <v>28</v>
      </c>
      <c r="D468" s="542"/>
      <c r="E468" s="543" t="s">
        <v>647</v>
      </c>
      <c r="F468" s="544"/>
      <c r="G468" s="544"/>
      <c r="H468" s="544"/>
      <c r="I468" s="544"/>
      <c r="J468" s="544"/>
      <c r="K468" s="544"/>
      <c r="L468" s="544"/>
      <c r="M468" s="544"/>
      <c r="N468" s="544"/>
      <c r="O468" s="544"/>
      <c r="P468" s="544"/>
      <c r="Q468" s="544"/>
      <c r="R468" s="544"/>
      <c r="S468" s="544"/>
      <c r="T468" s="545"/>
      <c r="U468" s="221" t="s">
        <v>648</v>
      </c>
      <c r="V468" s="546" t="s">
        <v>107</v>
      </c>
      <c r="W468" s="547"/>
      <c r="X468" s="547"/>
      <c r="Y468" s="547"/>
      <c r="Z468" s="548"/>
      <c r="AA468" s="623" t="s">
        <v>108</v>
      </c>
      <c r="AB468" s="624"/>
      <c r="AC468" s="625"/>
      <c r="AD468" s="415">
        <v>3</v>
      </c>
      <c r="AE468" s="415">
        <v>0</v>
      </c>
      <c r="AF468" s="541"/>
      <c r="AG468" s="542"/>
      <c r="AH468" s="549"/>
      <c r="AI468" s="550"/>
      <c r="AJ468" s="551"/>
      <c r="AK468" s="265"/>
      <c r="AL468" s="38"/>
      <c r="AM468" s="54"/>
      <c r="AN468" s="13" t="str">
        <f t="shared" si="24"/>
        <v>■</v>
      </c>
    </row>
    <row r="469" spans="1:40" s="13" customFormat="1">
      <c r="A469" s="20" t="str">
        <f t="shared" si="23"/>
        <v>IY</v>
      </c>
      <c r="B469" s="20"/>
      <c r="C469" s="541">
        <v>29</v>
      </c>
      <c r="D469" s="542"/>
      <c r="E469" s="543" t="s">
        <v>649</v>
      </c>
      <c r="F469" s="544"/>
      <c r="G469" s="544"/>
      <c r="H469" s="544"/>
      <c r="I469" s="544"/>
      <c r="J469" s="544"/>
      <c r="K469" s="544"/>
      <c r="L469" s="544"/>
      <c r="M469" s="544"/>
      <c r="N469" s="544"/>
      <c r="O469" s="544"/>
      <c r="P469" s="544"/>
      <c r="Q469" s="544"/>
      <c r="R469" s="544"/>
      <c r="S469" s="544"/>
      <c r="T469" s="545"/>
      <c r="U469" s="221" t="s">
        <v>650</v>
      </c>
      <c r="V469" s="546" t="s">
        <v>107</v>
      </c>
      <c r="W469" s="547"/>
      <c r="X469" s="547"/>
      <c r="Y469" s="547"/>
      <c r="Z469" s="548"/>
      <c r="AA469" s="623" t="s">
        <v>108</v>
      </c>
      <c r="AB469" s="624"/>
      <c r="AC469" s="625"/>
      <c r="AD469" s="415">
        <v>3</v>
      </c>
      <c r="AE469" s="415">
        <v>0</v>
      </c>
      <c r="AF469" s="541"/>
      <c r="AG469" s="542"/>
      <c r="AH469" s="549"/>
      <c r="AI469" s="550"/>
      <c r="AJ469" s="551"/>
      <c r="AK469" s="265"/>
      <c r="AL469" s="38"/>
      <c r="AM469" s="54"/>
      <c r="AN469" s="13" t="str">
        <f t="shared" si="24"/>
        <v>■</v>
      </c>
    </row>
    <row r="470" spans="1:40" s="13" customFormat="1">
      <c r="A470" s="20" t="str">
        <f t="shared" si="23"/>
        <v>IY</v>
      </c>
      <c r="B470" s="20"/>
      <c r="C470" s="541">
        <v>30</v>
      </c>
      <c r="D470" s="542"/>
      <c r="E470" s="543" t="s">
        <v>651</v>
      </c>
      <c r="F470" s="544"/>
      <c r="G470" s="544"/>
      <c r="H470" s="544"/>
      <c r="I470" s="544"/>
      <c r="J470" s="544"/>
      <c r="K470" s="544"/>
      <c r="L470" s="544"/>
      <c r="M470" s="544"/>
      <c r="N470" s="544"/>
      <c r="O470" s="544"/>
      <c r="P470" s="544"/>
      <c r="Q470" s="544"/>
      <c r="R470" s="544"/>
      <c r="S470" s="544"/>
      <c r="T470" s="545"/>
      <c r="U470" s="221" t="s">
        <v>652</v>
      </c>
      <c r="V470" s="546" t="s">
        <v>107</v>
      </c>
      <c r="W470" s="547"/>
      <c r="X470" s="547"/>
      <c r="Y470" s="547"/>
      <c r="Z470" s="548"/>
      <c r="AA470" s="623" t="s">
        <v>108</v>
      </c>
      <c r="AB470" s="624"/>
      <c r="AC470" s="625"/>
      <c r="AD470" s="415">
        <v>3</v>
      </c>
      <c r="AE470" s="415">
        <v>0</v>
      </c>
      <c r="AF470" s="541"/>
      <c r="AG470" s="542"/>
      <c r="AH470" s="549"/>
      <c r="AI470" s="550"/>
      <c r="AJ470" s="551"/>
      <c r="AK470" s="265"/>
      <c r="AL470" s="38"/>
      <c r="AM470" s="54"/>
      <c r="AN470" s="13" t="str">
        <f t="shared" si="24"/>
        <v>■</v>
      </c>
    </row>
    <row r="471" spans="1:40" s="13" customFormat="1">
      <c r="A471" s="20" t="str">
        <f t="shared" si="23"/>
        <v>IY</v>
      </c>
      <c r="B471" s="20"/>
      <c r="C471" s="541">
        <v>31</v>
      </c>
      <c r="D471" s="542"/>
      <c r="E471" s="543" t="s">
        <v>653</v>
      </c>
      <c r="F471" s="544"/>
      <c r="G471" s="544"/>
      <c r="H471" s="544"/>
      <c r="I471" s="544"/>
      <c r="J471" s="544"/>
      <c r="K471" s="544"/>
      <c r="L471" s="544"/>
      <c r="M471" s="544"/>
      <c r="N471" s="544"/>
      <c r="O471" s="544"/>
      <c r="P471" s="544"/>
      <c r="Q471" s="544"/>
      <c r="R471" s="544"/>
      <c r="S471" s="544"/>
      <c r="T471" s="545"/>
      <c r="U471" s="221" t="s">
        <v>654</v>
      </c>
      <c r="V471" s="546" t="s">
        <v>107</v>
      </c>
      <c r="W471" s="547"/>
      <c r="X471" s="547"/>
      <c r="Y471" s="547"/>
      <c r="Z471" s="548"/>
      <c r="AA471" s="623" t="s">
        <v>108</v>
      </c>
      <c r="AB471" s="624"/>
      <c r="AC471" s="625"/>
      <c r="AD471" s="415">
        <v>3</v>
      </c>
      <c r="AE471" s="415">
        <v>0</v>
      </c>
      <c r="AF471" s="541"/>
      <c r="AG471" s="542"/>
      <c r="AH471" s="549"/>
      <c r="AI471" s="550"/>
      <c r="AJ471" s="551"/>
      <c r="AK471" s="265"/>
      <c r="AL471" s="38"/>
      <c r="AM471" s="54"/>
      <c r="AN471" s="13" t="str">
        <f t="shared" si="24"/>
        <v>■</v>
      </c>
    </row>
    <row r="472" spans="1:40" s="13" customFormat="1">
      <c r="A472" s="20" t="str">
        <f t="shared" si="23"/>
        <v>IY</v>
      </c>
      <c r="B472" s="20"/>
      <c r="C472" s="541">
        <v>32</v>
      </c>
      <c r="D472" s="542"/>
      <c r="E472" s="543" t="s">
        <v>655</v>
      </c>
      <c r="F472" s="544"/>
      <c r="G472" s="544"/>
      <c r="H472" s="544"/>
      <c r="I472" s="544"/>
      <c r="J472" s="544"/>
      <c r="K472" s="544"/>
      <c r="L472" s="544"/>
      <c r="M472" s="544"/>
      <c r="N472" s="544"/>
      <c r="O472" s="544"/>
      <c r="P472" s="544"/>
      <c r="Q472" s="544"/>
      <c r="R472" s="544"/>
      <c r="S472" s="544"/>
      <c r="T472" s="545"/>
      <c r="U472" s="221" t="s">
        <v>656</v>
      </c>
      <c r="V472" s="546" t="s">
        <v>107</v>
      </c>
      <c r="W472" s="547"/>
      <c r="X472" s="547"/>
      <c r="Y472" s="547"/>
      <c r="Z472" s="548"/>
      <c r="AA472" s="623" t="s">
        <v>108</v>
      </c>
      <c r="AB472" s="624"/>
      <c r="AC472" s="625"/>
      <c r="AD472" s="415">
        <v>3</v>
      </c>
      <c r="AE472" s="415">
        <v>0</v>
      </c>
      <c r="AF472" s="541"/>
      <c r="AG472" s="542"/>
      <c r="AH472" s="549"/>
      <c r="AI472" s="550"/>
      <c r="AJ472" s="551"/>
      <c r="AK472" s="265"/>
      <c r="AL472" s="38"/>
      <c r="AM472" s="54"/>
      <c r="AN472" s="13" t="str">
        <f t="shared" si="24"/>
        <v>■</v>
      </c>
    </row>
    <row r="473" spans="1:40" s="13" customFormat="1">
      <c r="A473" s="20" t="str">
        <f t="shared" si="23"/>
        <v>IY</v>
      </c>
      <c r="B473" s="20"/>
      <c r="C473" s="541">
        <v>33</v>
      </c>
      <c r="D473" s="542"/>
      <c r="E473" s="543" t="s">
        <v>657</v>
      </c>
      <c r="F473" s="544"/>
      <c r="G473" s="544"/>
      <c r="H473" s="544"/>
      <c r="I473" s="544"/>
      <c r="J473" s="544"/>
      <c r="K473" s="544"/>
      <c r="L473" s="544"/>
      <c r="M473" s="544"/>
      <c r="N473" s="544"/>
      <c r="O473" s="544"/>
      <c r="P473" s="544"/>
      <c r="Q473" s="544"/>
      <c r="R473" s="544"/>
      <c r="S473" s="544"/>
      <c r="T473" s="545"/>
      <c r="U473" s="221" t="s">
        <v>658</v>
      </c>
      <c r="V473" s="546" t="s">
        <v>107</v>
      </c>
      <c r="W473" s="547"/>
      <c r="X473" s="547"/>
      <c r="Y473" s="547"/>
      <c r="Z473" s="548"/>
      <c r="AA473" s="623" t="s">
        <v>108</v>
      </c>
      <c r="AB473" s="624"/>
      <c r="AC473" s="625"/>
      <c r="AD473" s="415">
        <v>3</v>
      </c>
      <c r="AE473" s="415">
        <v>0</v>
      </c>
      <c r="AF473" s="541"/>
      <c r="AG473" s="542"/>
      <c r="AH473" s="549"/>
      <c r="AI473" s="550"/>
      <c r="AJ473" s="551"/>
      <c r="AK473" s="265"/>
      <c r="AL473" s="38"/>
      <c r="AM473" s="54"/>
      <c r="AN473" s="13" t="str">
        <f t="shared" si="24"/>
        <v>■</v>
      </c>
    </row>
    <row r="474" spans="1:40" s="13" customFormat="1">
      <c r="A474" s="20" t="str">
        <f t="shared" si="23"/>
        <v>IY</v>
      </c>
      <c r="B474" s="20"/>
      <c r="C474" s="541">
        <v>34</v>
      </c>
      <c r="D474" s="542"/>
      <c r="E474" s="543" t="s">
        <v>659</v>
      </c>
      <c r="F474" s="544"/>
      <c r="G474" s="544"/>
      <c r="H474" s="544"/>
      <c r="I474" s="544"/>
      <c r="J474" s="544"/>
      <c r="K474" s="544"/>
      <c r="L474" s="544"/>
      <c r="M474" s="544"/>
      <c r="N474" s="544"/>
      <c r="O474" s="544"/>
      <c r="P474" s="544"/>
      <c r="Q474" s="544"/>
      <c r="R474" s="544"/>
      <c r="S474" s="544"/>
      <c r="T474" s="545"/>
      <c r="U474" s="221" t="s">
        <v>660</v>
      </c>
      <c r="V474" s="546" t="s">
        <v>107</v>
      </c>
      <c r="W474" s="547"/>
      <c r="X474" s="547"/>
      <c r="Y474" s="547"/>
      <c r="Z474" s="548"/>
      <c r="AA474" s="623" t="s">
        <v>108</v>
      </c>
      <c r="AB474" s="624"/>
      <c r="AC474" s="625"/>
      <c r="AD474" s="415">
        <v>3</v>
      </c>
      <c r="AE474" s="415">
        <v>0</v>
      </c>
      <c r="AF474" s="541"/>
      <c r="AG474" s="542"/>
      <c r="AH474" s="549"/>
      <c r="AI474" s="550"/>
      <c r="AJ474" s="551"/>
      <c r="AK474" s="265"/>
      <c r="AL474" s="38"/>
      <c r="AM474" s="54"/>
      <c r="AN474" s="13" t="str">
        <f t="shared" si="24"/>
        <v>■</v>
      </c>
    </row>
    <row r="475" spans="1:40" s="13" customFormat="1">
      <c r="A475" s="20" t="str">
        <f t="shared" si="23"/>
        <v>IY</v>
      </c>
      <c r="B475" s="20"/>
      <c r="C475" s="541">
        <v>35</v>
      </c>
      <c r="D475" s="542"/>
      <c r="E475" s="543" t="s">
        <v>661</v>
      </c>
      <c r="F475" s="544"/>
      <c r="G475" s="544"/>
      <c r="H475" s="544"/>
      <c r="I475" s="544"/>
      <c r="J475" s="544"/>
      <c r="K475" s="544"/>
      <c r="L475" s="544"/>
      <c r="M475" s="544"/>
      <c r="N475" s="544"/>
      <c r="O475" s="544"/>
      <c r="P475" s="544"/>
      <c r="Q475" s="544"/>
      <c r="R475" s="544"/>
      <c r="S475" s="544"/>
      <c r="T475" s="545"/>
      <c r="U475" s="221" t="s">
        <v>662</v>
      </c>
      <c r="V475" s="546" t="s">
        <v>107</v>
      </c>
      <c r="W475" s="547"/>
      <c r="X475" s="547"/>
      <c r="Y475" s="547"/>
      <c r="Z475" s="548"/>
      <c r="AA475" s="623" t="s">
        <v>108</v>
      </c>
      <c r="AB475" s="624"/>
      <c r="AC475" s="625"/>
      <c r="AD475" s="415">
        <v>3</v>
      </c>
      <c r="AE475" s="415">
        <v>0</v>
      </c>
      <c r="AF475" s="541"/>
      <c r="AG475" s="542"/>
      <c r="AH475" s="549"/>
      <c r="AI475" s="550"/>
      <c r="AJ475" s="551"/>
      <c r="AK475" s="265"/>
      <c r="AL475" s="38"/>
      <c r="AM475" s="54"/>
      <c r="AN475" s="13" t="str">
        <f t="shared" si="24"/>
        <v>■</v>
      </c>
    </row>
    <row r="476" spans="1:40" s="13" customFormat="1">
      <c r="A476" s="20" t="str">
        <f t="shared" si="23"/>
        <v>IY</v>
      </c>
      <c r="B476" s="20"/>
      <c r="C476" s="541">
        <v>36</v>
      </c>
      <c r="D476" s="542"/>
      <c r="E476" s="543" t="s">
        <v>663</v>
      </c>
      <c r="F476" s="544"/>
      <c r="G476" s="544"/>
      <c r="H476" s="544"/>
      <c r="I476" s="544"/>
      <c r="J476" s="544"/>
      <c r="K476" s="544"/>
      <c r="L476" s="544"/>
      <c r="M476" s="544"/>
      <c r="N476" s="544"/>
      <c r="O476" s="544"/>
      <c r="P476" s="544"/>
      <c r="Q476" s="544"/>
      <c r="R476" s="544"/>
      <c r="S476" s="544"/>
      <c r="T476" s="545"/>
      <c r="U476" s="221" t="s">
        <v>664</v>
      </c>
      <c r="V476" s="546" t="s">
        <v>107</v>
      </c>
      <c r="W476" s="547"/>
      <c r="X476" s="547"/>
      <c r="Y476" s="547"/>
      <c r="Z476" s="548"/>
      <c r="AA476" s="623" t="s">
        <v>108</v>
      </c>
      <c r="AB476" s="624"/>
      <c r="AC476" s="625"/>
      <c r="AD476" s="415">
        <v>3</v>
      </c>
      <c r="AE476" s="415">
        <v>0</v>
      </c>
      <c r="AF476" s="541"/>
      <c r="AG476" s="542"/>
      <c r="AH476" s="549"/>
      <c r="AI476" s="550"/>
      <c r="AJ476" s="551"/>
      <c r="AK476" s="265"/>
      <c r="AL476" s="38"/>
      <c r="AM476" s="54"/>
      <c r="AN476" s="13" t="str">
        <f t="shared" si="24"/>
        <v>■</v>
      </c>
    </row>
    <row r="477" spans="1:40" s="13" customFormat="1">
      <c r="A477" s="20" t="str">
        <f t="shared" si="23"/>
        <v>IY</v>
      </c>
      <c r="B477" s="20"/>
      <c r="C477" s="541">
        <v>37</v>
      </c>
      <c r="D477" s="542"/>
      <c r="E477" s="543" t="s">
        <v>665</v>
      </c>
      <c r="F477" s="544"/>
      <c r="G477" s="544"/>
      <c r="H477" s="544"/>
      <c r="I477" s="544"/>
      <c r="J477" s="544"/>
      <c r="K477" s="544"/>
      <c r="L477" s="544"/>
      <c r="M477" s="544"/>
      <c r="N477" s="544"/>
      <c r="O477" s="544"/>
      <c r="P477" s="544"/>
      <c r="Q477" s="544"/>
      <c r="R477" s="544"/>
      <c r="S477" s="544"/>
      <c r="T477" s="545"/>
      <c r="U477" s="221" t="s">
        <v>666</v>
      </c>
      <c r="V477" s="546" t="s">
        <v>107</v>
      </c>
      <c r="W477" s="547"/>
      <c r="X477" s="547"/>
      <c r="Y477" s="547"/>
      <c r="Z477" s="548"/>
      <c r="AA477" s="623" t="s">
        <v>108</v>
      </c>
      <c r="AB477" s="624"/>
      <c r="AC477" s="625"/>
      <c r="AD477" s="415">
        <v>3</v>
      </c>
      <c r="AE477" s="415">
        <v>0</v>
      </c>
      <c r="AF477" s="541"/>
      <c r="AG477" s="542"/>
      <c r="AH477" s="549"/>
      <c r="AI477" s="550"/>
      <c r="AJ477" s="551"/>
      <c r="AK477" s="265"/>
      <c r="AL477" s="38"/>
      <c r="AM477" s="54"/>
      <c r="AN477" s="13" t="str">
        <f t="shared" si="24"/>
        <v>■</v>
      </c>
    </row>
    <row r="478" spans="1:40" s="13" customFormat="1">
      <c r="A478" s="20" t="str">
        <f t="shared" si="23"/>
        <v>IY</v>
      </c>
      <c r="B478" s="20"/>
      <c r="C478" s="541">
        <v>38</v>
      </c>
      <c r="D478" s="542"/>
      <c r="E478" s="543" t="s">
        <v>667</v>
      </c>
      <c r="F478" s="544"/>
      <c r="G478" s="544"/>
      <c r="H478" s="544"/>
      <c r="I478" s="544"/>
      <c r="J478" s="544"/>
      <c r="K478" s="544"/>
      <c r="L478" s="544"/>
      <c r="M478" s="544"/>
      <c r="N478" s="544"/>
      <c r="O478" s="544"/>
      <c r="P478" s="544"/>
      <c r="Q478" s="544"/>
      <c r="R478" s="544"/>
      <c r="S478" s="544"/>
      <c r="T478" s="545"/>
      <c r="U478" s="221" t="s">
        <v>668</v>
      </c>
      <c r="V478" s="546" t="s">
        <v>107</v>
      </c>
      <c r="W478" s="547"/>
      <c r="X478" s="547"/>
      <c r="Y478" s="547"/>
      <c r="Z478" s="548"/>
      <c r="AA478" s="623" t="s">
        <v>108</v>
      </c>
      <c r="AB478" s="624"/>
      <c r="AC478" s="625"/>
      <c r="AD478" s="415">
        <v>3</v>
      </c>
      <c r="AE478" s="415">
        <v>0</v>
      </c>
      <c r="AF478" s="541"/>
      <c r="AG478" s="542"/>
      <c r="AH478" s="549"/>
      <c r="AI478" s="550"/>
      <c r="AJ478" s="551"/>
      <c r="AK478" s="265"/>
      <c r="AL478" s="38"/>
      <c r="AM478" s="54"/>
      <c r="AN478" s="13" t="str">
        <f t="shared" si="24"/>
        <v>■</v>
      </c>
    </row>
    <row r="479" spans="1:40" s="13" customFormat="1">
      <c r="A479" s="20" t="str">
        <f t="shared" si="23"/>
        <v>IY</v>
      </c>
      <c r="B479" s="20"/>
      <c r="C479" s="541">
        <v>39</v>
      </c>
      <c r="D479" s="542"/>
      <c r="E479" s="543" t="s">
        <v>669</v>
      </c>
      <c r="F479" s="544"/>
      <c r="G479" s="544"/>
      <c r="H479" s="544"/>
      <c r="I479" s="544"/>
      <c r="J479" s="544"/>
      <c r="K479" s="544"/>
      <c r="L479" s="544"/>
      <c r="M479" s="544"/>
      <c r="N479" s="544"/>
      <c r="O479" s="544"/>
      <c r="P479" s="544"/>
      <c r="Q479" s="544"/>
      <c r="R479" s="544"/>
      <c r="S479" s="544"/>
      <c r="T479" s="545"/>
      <c r="U479" s="221" t="s">
        <v>670</v>
      </c>
      <c r="V479" s="546" t="s">
        <v>107</v>
      </c>
      <c r="W479" s="547"/>
      <c r="X479" s="547"/>
      <c r="Y479" s="547"/>
      <c r="Z479" s="548"/>
      <c r="AA479" s="623" t="s">
        <v>108</v>
      </c>
      <c r="AB479" s="624"/>
      <c r="AC479" s="625"/>
      <c r="AD479" s="415">
        <v>3</v>
      </c>
      <c r="AE479" s="415">
        <v>0</v>
      </c>
      <c r="AF479" s="541"/>
      <c r="AG479" s="542"/>
      <c r="AH479" s="549"/>
      <c r="AI479" s="550"/>
      <c r="AJ479" s="551"/>
      <c r="AK479" s="265"/>
      <c r="AL479" s="38"/>
      <c r="AM479" s="54"/>
      <c r="AN479" s="13" t="str">
        <f t="shared" si="24"/>
        <v>■</v>
      </c>
    </row>
    <row r="480" spans="1:40" s="13" customFormat="1">
      <c r="A480" s="20" t="str">
        <f t="shared" si="23"/>
        <v>IY</v>
      </c>
      <c r="B480" s="20"/>
      <c r="C480" s="541">
        <v>40</v>
      </c>
      <c r="D480" s="542"/>
      <c r="E480" s="543" t="s">
        <v>671</v>
      </c>
      <c r="F480" s="544"/>
      <c r="G480" s="544"/>
      <c r="H480" s="544"/>
      <c r="I480" s="544"/>
      <c r="J480" s="544"/>
      <c r="K480" s="544"/>
      <c r="L480" s="544"/>
      <c r="M480" s="544"/>
      <c r="N480" s="544"/>
      <c r="O480" s="544"/>
      <c r="P480" s="544"/>
      <c r="Q480" s="544"/>
      <c r="R480" s="544"/>
      <c r="S480" s="544"/>
      <c r="T480" s="545"/>
      <c r="U480" s="221" t="s">
        <v>672</v>
      </c>
      <c r="V480" s="546" t="s">
        <v>107</v>
      </c>
      <c r="W480" s="547"/>
      <c r="X480" s="547"/>
      <c r="Y480" s="547"/>
      <c r="Z480" s="548"/>
      <c r="AA480" s="623" t="s">
        <v>108</v>
      </c>
      <c r="AB480" s="624"/>
      <c r="AC480" s="625"/>
      <c r="AD480" s="415">
        <v>3</v>
      </c>
      <c r="AE480" s="415">
        <v>0</v>
      </c>
      <c r="AF480" s="541"/>
      <c r="AG480" s="542"/>
      <c r="AH480" s="549"/>
      <c r="AI480" s="550"/>
      <c r="AJ480" s="551"/>
      <c r="AK480" s="265"/>
      <c r="AL480" s="38"/>
      <c r="AM480" s="54"/>
      <c r="AN480" s="13" t="str">
        <f t="shared" si="24"/>
        <v>■</v>
      </c>
    </row>
    <row r="481" spans="1:40" s="13" customFormat="1">
      <c r="A481" s="20" t="str">
        <f t="shared" si="23"/>
        <v>IY</v>
      </c>
      <c r="B481" s="20"/>
      <c r="C481" s="541">
        <v>41</v>
      </c>
      <c r="D481" s="542"/>
      <c r="E481" s="543" t="s">
        <v>673</v>
      </c>
      <c r="F481" s="544"/>
      <c r="G481" s="544"/>
      <c r="H481" s="544"/>
      <c r="I481" s="544"/>
      <c r="J481" s="544"/>
      <c r="K481" s="544"/>
      <c r="L481" s="544"/>
      <c r="M481" s="544"/>
      <c r="N481" s="544"/>
      <c r="O481" s="544"/>
      <c r="P481" s="544"/>
      <c r="Q481" s="544"/>
      <c r="R481" s="544"/>
      <c r="S481" s="544"/>
      <c r="T481" s="545"/>
      <c r="U481" s="221" t="s">
        <v>674</v>
      </c>
      <c r="V481" s="546" t="s">
        <v>107</v>
      </c>
      <c r="W481" s="547"/>
      <c r="X481" s="547"/>
      <c r="Y481" s="547"/>
      <c r="Z481" s="548"/>
      <c r="AA481" s="623" t="s">
        <v>108</v>
      </c>
      <c r="AB481" s="624"/>
      <c r="AC481" s="625"/>
      <c r="AD481" s="415">
        <v>3</v>
      </c>
      <c r="AE481" s="415">
        <v>0</v>
      </c>
      <c r="AF481" s="541"/>
      <c r="AG481" s="542"/>
      <c r="AH481" s="549"/>
      <c r="AI481" s="550"/>
      <c r="AJ481" s="551"/>
      <c r="AK481" s="265"/>
      <c r="AL481" s="38"/>
      <c r="AM481" s="54"/>
      <c r="AN481" s="13" t="str">
        <f t="shared" si="24"/>
        <v>■</v>
      </c>
    </row>
    <row r="482" spans="1:40" s="13" customFormat="1">
      <c r="A482" s="20" t="str">
        <f t="shared" si="23"/>
        <v>IY</v>
      </c>
      <c r="B482" s="20"/>
      <c r="C482" s="541">
        <v>42</v>
      </c>
      <c r="D482" s="542"/>
      <c r="E482" s="543" t="s">
        <v>675</v>
      </c>
      <c r="F482" s="544"/>
      <c r="G482" s="544"/>
      <c r="H482" s="544"/>
      <c r="I482" s="544"/>
      <c r="J482" s="544"/>
      <c r="K482" s="544"/>
      <c r="L482" s="544"/>
      <c r="M482" s="544"/>
      <c r="N482" s="544"/>
      <c r="O482" s="544"/>
      <c r="P482" s="544"/>
      <c r="Q482" s="544"/>
      <c r="R482" s="544"/>
      <c r="S482" s="544"/>
      <c r="T482" s="545"/>
      <c r="U482" s="221" t="s">
        <v>676</v>
      </c>
      <c r="V482" s="546" t="s">
        <v>107</v>
      </c>
      <c r="W482" s="547"/>
      <c r="X482" s="547"/>
      <c r="Y482" s="547"/>
      <c r="Z482" s="548"/>
      <c r="AA482" s="623" t="s">
        <v>108</v>
      </c>
      <c r="AB482" s="624"/>
      <c r="AC482" s="625"/>
      <c r="AD482" s="415">
        <v>3</v>
      </c>
      <c r="AE482" s="415">
        <v>0</v>
      </c>
      <c r="AF482" s="541"/>
      <c r="AG482" s="542"/>
      <c r="AH482" s="549"/>
      <c r="AI482" s="550"/>
      <c r="AJ482" s="551"/>
      <c r="AK482" s="265"/>
      <c r="AL482" s="38"/>
      <c r="AM482" s="54"/>
      <c r="AN482" s="13" t="str">
        <f t="shared" si="24"/>
        <v>■</v>
      </c>
    </row>
    <row r="483" spans="1:40" s="13" customFormat="1">
      <c r="A483" s="20" t="str">
        <f t="shared" ref="A483:A546" si="25">IF(LEN(J483)&gt;0,MID(J483,FIND("（",J483,1)+1,2),A482)</f>
        <v>IY</v>
      </c>
      <c r="B483" s="20"/>
      <c r="C483" s="541">
        <v>43</v>
      </c>
      <c r="D483" s="542"/>
      <c r="E483" s="543" t="s">
        <v>677</v>
      </c>
      <c r="F483" s="544"/>
      <c r="G483" s="544"/>
      <c r="H483" s="544"/>
      <c r="I483" s="544"/>
      <c r="J483" s="544"/>
      <c r="K483" s="544"/>
      <c r="L483" s="544"/>
      <c r="M483" s="544"/>
      <c r="N483" s="544"/>
      <c r="O483" s="544"/>
      <c r="P483" s="544"/>
      <c r="Q483" s="544"/>
      <c r="R483" s="544"/>
      <c r="S483" s="544"/>
      <c r="T483" s="545"/>
      <c r="U483" s="221" t="s">
        <v>678</v>
      </c>
      <c r="V483" s="546" t="s">
        <v>107</v>
      </c>
      <c r="W483" s="547"/>
      <c r="X483" s="547"/>
      <c r="Y483" s="547"/>
      <c r="Z483" s="548"/>
      <c r="AA483" s="623" t="s">
        <v>108</v>
      </c>
      <c r="AB483" s="624"/>
      <c r="AC483" s="625"/>
      <c r="AD483" s="415">
        <v>3</v>
      </c>
      <c r="AE483" s="415">
        <v>0</v>
      </c>
      <c r="AF483" s="541"/>
      <c r="AG483" s="542"/>
      <c r="AH483" s="549"/>
      <c r="AI483" s="550"/>
      <c r="AJ483" s="551"/>
      <c r="AK483" s="265"/>
      <c r="AL483" s="38"/>
      <c r="AM483" s="54"/>
      <c r="AN483" s="13" t="str">
        <f t="shared" si="24"/>
        <v>■</v>
      </c>
    </row>
    <row r="484" spans="1:40" s="13" customFormat="1">
      <c r="A484" s="20" t="str">
        <f t="shared" si="25"/>
        <v>IY</v>
      </c>
      <c r="B484" s="20"/>
      <c r="C484" s="541">
        <v>44</v>
      </c>
      <c r="D484" s="542"/>
      <c r="E484" s="543" t="s">
        <v>679</v>
      </c>
      <c r="F484" s="544"/>
      <c r="G484" s="544"/>
      <c r="H484" s="544"/>
      <c r="I484" s="544"/>
      <c r="J484" s="544"/>
      <c r="K484" s="544"/>
      <c r="L484" s="544"/>
      <c r="M484" s="544"/>
      <c r="N484" s="544"/>
      <c r="O484" s="544"/>
      <c r="P484" s="544"/>
      <c r="Q484" s="544"/>
      <c r="R484" s="544"/>
      <c r="S484" s="544"/>
      <c r="T484" s="545"/>
      <c r="U484" s="221" t="s">
        <v>680</v>
      </c>
      <c r="V484" s="546" t="s">
        <v>107</v>
      </c>
      <c r="W484" s="547"/>
      <c r="X484" s="547"/>
      <c r="Y484" s="547"/>
      <c r="Z484" s="548"/>
      <c r="AA484" s="623" t="s">
        <v>108</v>
      </c>
      <c r="AB484" s="624"/>
      <c r="AC484" s="625"/>
      <c r="AD484" s="415">
        <v>3</v>
      </c>
      <c r="AE484" s="415">
        <v>0</v>
      </c>
      <c r="AF484" s="541"/>
      <c r="AG484" s="542"/>
      <c r="AH484" s="549"/>
      <c r="AI484" s="550"/>
      <c r="AJ484" s="551"/>
      <c r="AK484" s="265"/>
      <c r="AL484" s="38"/>
      <c r="AM484" s="54"/>
      <c r="AN484" s="13" t="str">
        <f t="shared" si="24"/>
        <v>■</v>
      </c>
    </row>
    <row r="485" spans="1:40" s="13" customFormat="1">
      <c r="A485" s="20" t="str">
        <f t="shared" si="25"/>
        <v>IY</v>
      </c>
      <c r="B485" s="20"/>
      <c r="C485" s="541">
        <v>45</v>
      </c>
      <c r="D485" s="542"/>
      <c r="E485" s="543" t="s">
        <v>681</v>
      </c>
      <c r="F485" s="544"/>
      <c r="G485" s="544"/>
      <c r="H485" s="544"/>
      <c r="I485" s="544"/>
      <c r="J485" s="544"/>
      <c r="K485" s="544"/>
      <c r="L485" s="544"/>
      <c r="M485" s="544"/>
      <c r="N485" s="544"/>
      <c r="O485" s="544"/>
      <c r="P485" s="544"/>
      <c r="Q485" s="544"/>
      <c r="R485" s="544"/>
      <c r="S485" s="544"/>
      <c r="T485" s="545"/>
      <c r="U485" s="221" t="s">
        <v>682</v>
      </c>
      <c r="V485" s="546" t="s">
        <v>107</v>
      </c>
      <c r="W485" s="547"/>
      <c r="X485" s="547"/>
      <c r="Y485" s="547"/>
      <c r="Z485" s="548"/>
      <c r="AA485" s="623" t="s">
        <v>108</v>
      </c>
      <c r="AB485" s="624"/>
      <c r="AC485" s="625"/>
      <c r="AD485" s="415">
        <v>3</v>
      </c>
      <c r="AE485" s="415">
        <v>0</v>
      </c>
      <c r="AF485" s="541"/>
      <c r="AG485" s="542"/>
      <c r="AH485" s="549"/>
      <c r="AI485" s="550"/>
      <c r="AJ485" s="551"/>
      <c r="AK485" s="265"/>
      <c r="AL485" s="38"/>
      <c r="AM485" s="54"/>
      <c r="AN485" s="13" t="str">
        <f t="shared" si="24"/>
        <v>■</v>
      </c>
    </row>
    <row r="486" spans="1:40" s="13" customFormat="1">
      <c r="A486" s="20" t="str">
        <f t="shared" si="25"/>
        <v>IY</v>
      </c>
      <c r="B486" s="20"/>
      <c r="C486" s="541">
        <v>46</v>
      </c>
      <c r="D486" s="542"/>
      <c r="E486" s="543" t="s">
        <v>683</v>
      </c>
      <c r="F486" s="544"/>
      <c r="G486" s="544"/>
      <c r="H486" s="544"/>
      <c r="I486" s="544"/>
      <c r="J486" s="544"/>
      <c r="K486" s="544"/>
      <c r="L486" s="544"/>
      <c r="M486" s="544"/>
      <c r="N486" s="544"/>
      <c r="O486" s="544"/>
      <c r="P486" s="544"/>
      <c r="Q486" s="544"/>
      <c r="R486" s="544"/>
      <c r="S486" s="544"/>
      <c r="T486" s="545"/>
      <c r="U486" s="221" t="s">
        <v>684</v>
      </c>
      <c r="V486" s="546" t="s">
        <v>107</v>
      </c>
      <c r="W486" s="547"/>
      <c r="X486" s="547"/>
      <c r="Y486" s="547"/>
      <c r="Z486" s="548"/>
      <c r="AA486" s="623" t="s">
        <v>108</v>
      </c>
      <c r="AB486" s="624"/>
      <c r="AC486" s="625"/>
      <c r="AD486" s="415">
        <v>3</v>
      </c>
      <c r="AE486" s="415">
        <v>0</v>
      </c>
      <c r="AF486" s="541"/>
      <c r="AG486" s="542"/>
      <c r="AH486" s="549"/>
      <c r="AI486" s="550"/>
      <c r="AJ486" s="551"/>
      <c r="AK486" s="265"/>
      <c r="AL486" s="38"/>
      <c r="AM486" s="54"/>
      <c r="AN486" s="13" t="str">
        <f t="shared" si="24"/>
        <v>■</v>
      </c>
    </row>
    <row r="487" spans="1:40" s="13" customFormat="1">
      <c r="A487" s="20" t="str">
        <f t="shared" si="25"/>
        <v>IY</v>
      </c>
      <c r="B487" s="20"/>
      <c r="C487" s="541">
        <v>47</v>
      </c>
      <c r="D487" s="542"/>
      <c r="E487" s="543" t="s">
        <v>685</v>
      </c>
      <c r="F487" s="544"/>
      <c r="G487" s="544"/>
      <c r="H487" s="544"/>
      <c r="I487" s="544"/>
      <c r="J487" s="544"/>
      <c r="K487" s="544"/>
      <c r="L487" s="544"/>
      <c r="M487" s="544"/>
      <c r="N487" s="544"/>
      <c r="O487" s="544"/>
      <c r="P487" s="544"/>
      <c r="Q487" s="544"/>
      <c r="R487" s="544"/>
      <c r="S487" s="544"/>
      <c r="T487" s="545"/>
      <c r="U487" s="221" t="s">
        <v>686</v>
      </c>
      <c r="V487" s="546" t="s">
        <v>107</v>
      </c>
      <c r="W487" s="547"/>
      <c r="X487" s="547"/>
      <c r="Y487" s="547"/>
      <c r="Z487" s="548"/>
      <c r="AA487" s="623" t="s">
        <v>108</v>
      </c>
      <c r="AB487" s="624"/>
      <c r="AC487" s="625"/>
      <c r="AD487" s="415">
        <v>3</v>
      </c>
      <c r="AE487" s="415">
        <v>0</v>
      </c>
      <c r="AF487" s="541"/>
      <c r="AG487" s="542"/>
      <c r="AH487" s="549"/>
      <c r="AI487" s="550"/>
      <c r="AJ487" s="551"/>
      <c r="AK487" s="265"/>
      <c r="AL487" s="38"/>
      <c r="AM487" s="54"/>
      <c r="AN487" s="13" t="str">
        <f t="shared" si="24"/>
        <v>■</v>
      </c>
    </row>
    <row r="488" spans="1:40" s="13" customFormat="1">
      <c r="A488" s="20" t="str">
        <f t="shared" si="25"/>
        <v>IY</v>
      </c>
      <c r="B488" s="20"/>
      <c r="C488" s="541">
        <v>48</v>
      </c>
      <c r="D488" s="542"/>
      <c r="E488" s="543" t="s">
        <v>687</v>
      </c>
      <c r="F488" s="544"/>
      <c r="G488" s="544"/>
      <c r="H488" s="544"/>
      <c r="I488" s="544"/>
      <c r="J488" s="544"/>
      <c r="K488" s="544"/>
      <c r="L488" s="544"/>
      <c r="M488" s="544"/>
      <c r="N488" s="544"/>
      <c r="O488" s="544"/>
      <c r="P488" s="544"/>
      <c r="Q488" s="544"/>
      <c r="R488" s="544"/>
      <c r="S488" s="544"/>
      <c r="T488" s="545"/>
      <c r="U488" s="221" t="s">
        <v>688</v>
      </c>
      <c r="V488" s="546" t="s">
        <v>107</v>
      </c>
      <c r="W488" s="547"/>
      <c r="X488" s="547"/>
      <c r="Y488" s="547"/>
      <c r="Z488" s="548"/>
      <c r="AA488" s="623" t="s">
        <v>108</v>
      </c>
      <c r="AB488" s="624"/>
      <c r="AC488" s="625"/>
      <c r="AD488" s="415">
        <v>3</v>
      </c>
      <c r="AE488" s="415">
        <v>0</v>
      </c>
      <c r="AF488" s="541"/>
      <c r="AG488" s="542"/>
      <c r="AH488" s="549"/>
      <c r="AI488" s="550"/>
      <c r="AJ488" s="551"/>
      <c r="AK488" s="265"/>
      <c r="AL488" s="38"/>
      <c r="AM488" s="54"/>
      <c r="AN488" s="13" t="str">
        <f t="shared" si="24"/>
        <v>■</v>
      </c>
    </row>
    <row r="489" spans="1:40" s="13" customFormat="1">
      <c r="A489" s="20" t="str">
        <f t="shared" si="25"/>
        <v>IY</v>
      </c>
      <c r="B489" s="20"/>
      <c r="C489" s="541">
        <v>49</v>
      </c>
      <c r="D489" s="542"/>
      <c r="E489" s="543" t="s">
        <v>689</v>
      </c>
      <c r="F489" s="544"/>
      <c r="G489" s="544"/>
      <c r="H489" s="544"/>
      <c r="I489" s="544"/>
      <c r="J489" s="544"/>
      <c r="K489" s="544"/>
      <c r="L489" s="544"/>
      <c r="M489" s="544"/>
      <c r="N489" s="544"/>
      <c r="O489" s="544"/>
      <c r="P489" s="544"/>
      <c r="Q489" s="544"/>
      <c r="R489" s="544"/>
      <c r="S489" s="544"/>
      <c r="T489" s="545"/>
      <c r="U489" s="221" t="s">
        <v>690</v>
      </c>
      <c r="V489" s="546" t="s">
        <v>107</v>
      </c>
      <c r="W489" s="547"/>
      <c r="X489" s="547"/>
      <c r="Y489" s="547"/>
      <c r="Z489" s="548"/>
      <c r="AA489" s="623" t="s">
        <v>102</v>
      </c>
      <c r="AB489" s="624"/>
      <c r="AC489" s="625"/>
      <c r="AD489" s="415">
        <v>2</v>
      </c>
      <c r="AE489" s="415" t="s">
        <v>103</v>
      </c>
      <c r="AF489" s="541"/>
      <c r="AG489" s="542"/>
      <c r="AH489" s="549"/>
      <c r="AI489" s="550"/>
      <c r="AJ489" s="551"/>
      <c r="AK489" s="265"/>
      <c r="AL489" s="38"/>
      <c r="AM489" s="54"/>
      <c r="AN489" s="13" t="str">
        <f t="shared" si="24"/>
        <v>■</v>
      </c>
    </row>
    <row r="490" spans="1:40" s="13" customFormat="1">
      <c r="A490" s="20" t="str">
        <f t="shared" si="25"/>
        <v>IY</v>
      </c>
      <c r="B490" s="20"/>
      <c r="C490" s="541">
        <v>50</v>
      </c>
      <c r="D490" s="542"/>
      <c r="E490" s="543" t="s">
        <v>691</v>
      </c>
      <c r="F490" s="544"/>
      <c r="G490" s="544"/>
      <c r="H490" s="544"/>
      <c r="I490" s="544"/>
      <c r="J490" s="544"/>
      <c r="K490" s="544"/>
      <c r="L490" s="544"/>
      <c r="M490" s="544"/>
      <c r="N490" s="544"/>
      <c r="O490" s="544"/>
      <c r="P490" s="544"/>
      <c r="Q490" s="544"/>
      <c r="R490" s="544"/>
      <c r="S490" s="544"/>
      <c r="T490" s="545"/>
      <c r="U490" s="221" t="s">
        <v>692</v>
      </c>
      <c r="V490" s="546" t="s">
        <v>107</v>
      </c>
      <c r="W490" s="547"/>
      <c r="X490" s="547"/>
      <c r="Y490" s="547"/>
      <c r="Z490" s="548"/>
      <c r="AA490" s="623" t="s">
        <v>108</v>
      </c>
      <c r="AB490" s="624"/>
      <c r="AC490" s="625"/>
      <c r="AD490" s="415">
        <v>5</v>
      </c>
      <c r="AE490" s="415">
        <v>0</v>
      </c>
      <c r="AF490" s="541"/>
      <c r="AG490" s="542"/>
      <c r="AH490" s="549"/>
      <c r="AI490" s="550"/>
      <c r="AJ490" s="551"/>
      <c r="AK490" s="265"/>
      <c r="AL490" s="38"/>
      <c r="AM490" s="54"/>
      <c r="AN490" s="13" t="str">
        <f t="shared" si="24"/>
        <v>■</v>
      </c>
    </row>
    <row r="491" spans="1:40" s="13" customFormat="1">
      <c r="A491" s="20" t="str">
        <f t="shared" si="25"/>
        <v>IY</v>
      </c>
      <c r="B491" s="20"/>
      <c r="C491" s="541">
        <v>51</v>
      </c>
      <c r="D491" s="542"/>
      <c r="E491" s="543" t="s">
        <v>693</v>
      </c>
      <c r="F491" s="544"/>
      <c r="G491" s="544"/>
      <c r="H491" s="544"/>
      <c r="I491" s="544"/>
      <c r="J491" s="544"/>
      <c r="K491" s="544"/>
      <c r="L491" s="544"/>
      <c r="M491" s="544"/>
      <c r="N491" s="544"/>
      <c r="O491" s="544"/>
      <c r="P491" s="544"/>
      <c r="Q491" s="544"/>
      <c r="R491" s="544"/>
      <c r="S491" s="544"/>
      <c r="T491" s="545"/>
      <c r="U491" s="221" t="s">
        <v>694</v>
      </c>
      <c r="V491" s="546" t="s">
        <v>107</v>
      </c>
      <c r="W491" s="547"/>
      <c r="X491" s="547"/>
      <c r="Y491" s="547"/>
      <c r="Z491" s="548"/>
      <c r="AA491" s="623" t="s">
        <v>108</v>
      </c>
      <c r="AB491" s="624"/>
      <c r="AC491" s="625"/>
      <c r="AD491" s="415">
        <v>5</v>
      </c>
      <c r="AE491" s="415">
        <v>0</v>
      </c>
      <c r="AF491" s="541"/>
      <c r="AG491" s="542"/>
      <c r="AH491" s="549"/>
      <c r="AI491" s="550"/>
      <c r="AJ491" s="551"/>
      <c r="AK491" s="265"/>
      <c r="AL491" s="38"/>
      <c r="AM491" s="54"/>
      <c r="AN491" s="13" t="str">
        <f t="shared" si="24"/>
        <v>■</v>
      </c>
    </row>
    <row r="492" spans="1:40" s="13" customFormat="1">
      <c r="A492" s="20" t="str">
        <f t="shared" si="25"/>
        <v>IY</v>
      </c>
      <c r="B492" s="20"/>
      <c r="C492" s="541">
        <v>52</v>
      </c>
      <c r="D492" s="542"/>
      <c r="E492" s="543" t="s">
        <v>695</v>
      </c>
      <c r="F492" s="544"/>
      <c r="G492" s="544"/>
      <c r="H492" s="544"/>
      <c r="I492" s="544"/>
      <c r="J492" s="544"/>
      <c r="K492" s="544"/>
      <c r="L492" s="544"/>
      <c r="M492" s="544"/>
      <c r="N492" s="544"/>
      <c r="O492" s="544"/>
      <c r="P492" s="544"/>
      <c r="Q492" s="544"/>
      <c r="R492" s="544"/>
      <c r="S492" s="544"/>
      <c r="T492" s="545"/>
      <c r="U492" s="221" t="s">
        <v>696</v>
      </c>
      <c r="V492" s="546" t="s">
        <v>107</v>
      </c>
      <c r="W492" s="547"/>
      <c r="X492" s="547"/>
      <c r="Y492" s="547"/>
      <c r="Z492" s="548"/>
      <c r="AA492" s="623" t="s">
        <v>108</v>
      </c>
      <c r="AB492" s="624"/>
      <c r="AC492" s="625"/>
      <c r="AD492" s="415">
        <v>7</v>
      </c>
      <c r="AE492" s="415">
        <v>0</v>
      </c>
      <c r="AF492" s="541"/>
      <c r="AG492" s="542"/>
      <c r="AH492" s="549"/>
      <c r="AI492" s="550"/>
      <c r="AJ492" s="551"/>
      <c r="AK492" s="265" t="s">
        <v>697</v>
      </c>
      <c r="AL492" s="38"/>
      <c r="AM492" s="54"/>
      <c r="AN492" s="13" t="str">
        <f t="shared" si="24"/>
        <v>■</v>
      </c>
    </row>
    <row r="493" spans="1:40" s="13" customFormat="1">
      <c r="A493" s="20" t="str">
        <f t="shared" si="25"/>
        <v>IY</v>
      </c>
      <c r="B493" s="20"/>
      <c r="C493" s="541">
        <v>53</v>
      </c>
      <c r="D493" s="542"/>
      <c r="E493" s="543" t="s">
        <v>698</v>
      </c>
      <c r="F493" s="544"/>
      <c r="G493" s="544"/>
      <c r="H493" s="544"/>
      <c r="I493" s="544"/>
      <c r="J493" s="544"/>
      <c r="K493" s="544"/>
      <c r="L493" s="544"/>
      <c r="M493" s="544"/>
      <c r="N493" s="544"/>
      <c r="O493" s="544"/>
      <c r="P493" s="544"/>
      <c r="Q493" s="544"/>
      <c r="R493" s="544"/>
      <c r="S493" s="544"/>
      <c r="T493" s="545"/>
      <c r="U493" s="221" t="s">
        <v>699</v>
      </c>
      <c r="V493" s="546" t="s">
        <v>101</v>
      </c>
      <c r="W493" s="547"/>
      <c r="X493" s="547"/>
      <c r="Y493" s="547"/>
      <c r="Z493" s="548"/>
      <c r="AA493" s="623" t="s">
        <v>102</v>
      </c>
      <c r="AB493" s="624"/>
      <c r="AC493" s="625"/>
      <c r="AD493" s="415">
        <v>6</v>
      </c>
      <c r="AE493" s="415" t="s">
        <v>103</v>
      </c>
      <c r="AF493" s="541"/>
      <c r="AG493" s="542"/>
      <c r="AH493" s="549"/>
      <c r="AI493" s="550"/>
      <c r="AJ493" s="551"/>
      <c r="AK493" s="265" t="s">
        <v>697</v>
      </c>
      <c r="AL493" s="38"/>
      <c r="AM493" s="54"/>
      <c r="AN493" s="13" t="str">
        <f t="shared" si="24"/>
        <v>■</v>
      </c>
    </row>
    <row r="494" spans="1:40" s="13" customFormat="1">
      <c r="A494" s="20" t="str">
        <f t="shared" si="25"/>
        <v>IY</v>
      </c>
      <c r="B494" s="20"/>
      <c r="C494" s="541">
        <v>54</v>
      </c>
      <c r="D494" s="542"/>
      <c r="E494" s="543" t="s">
        <v>700</v>
      </c>
      <c r="F494" s="544"/>
      <c r="G494" s="544"/>
      <c r="H494" s="544"/>
      <c r="I494" s="544"/>
      <c r="J494" s="544"/>
      <c r="K494" s="544"/>
      <c r="L494" s="544"/>
      <c r="M494" s="544"/>
      <c r="N494" s="544"/>
      <c r="O494" s="544"/>
      <c r="P494" s="544"/>
      <c r="Q494" s="544"/>
      <c r="R494" s="544"/>
      <c r="S494" s="544"/>
      <c r="T494" s="545"/>
      <c r="U494" s="221" t="s">
        <v>701</v>
      </c>
      <c r="V494" s="546" t="s">
        <v>107</v>
      </c>
      <c r="W494" s="547"/>
      <c r="X494" s="547"/>
      <c r="Y494" s="547"/>
      <c r="Z494" s="548"/>
      <c r="AA494" s="623" t="s">
        <v>108</v>
      </c>
      <c r="AB494" s="624"/>
      <c r="AC494" s="625"/>
      <c r="AD494" s="415">
        <v>3</v>
      </c>
      <c r="AE494" s="415">
        <v>0</v>
      </c>
      <c r="AF494" s="541"/>
      <c r="AG494" s="542"/>
      <c r="AH494" s="549"/>
      <c r="AI494" s="550"/>
      <c r="AJ494" s="551"/>
      <c r="AK494" s="265"/>
      <c r="AL494" s="38"/>
      <c r="AM494" s="54"/>
      <c r="AN494" s="13" t="str">
        <f t="shared" si="24"/>
        <v>■</v>
      </c>
    </row>
    <row r="495" spans="1:40" s="13" customFormat="1">
      <c r="A495" s="20" t="str">
        <f t="shared" si="25"/>
        <v>IY</v>
      </c>
      <c r="B495" s="51"/>
      <c r="C495" s="541">
        <v>55</v>
      </c>
      <c r="D495" s="542"/>
      <c r="E495" s="543" t="s">
        <v>702</v>
      </c>
      <c r="F495" s="544"/>
      <c r="G495" s="544"/>
      <c r="H495" s="544"/>
      <c r="I495" s="544"/>
      <c r="J495" s="544"/>
      <c r="K495" s="544"/>
      <c r="L495" s="544"/>
      <c r="M495" s="544"/>
      <c r="N495" s="544"/>
      <c r="O495" s="544"/>
      <c r="P495" s="544"/>
      <c r="Q495" s="544"/>
      <c r="R495" s="544"/>
      <c r="S495" s="544"/>
      <c r="T495" s="545"/>
      <c r="U495" s="221" t="s">
        <v>703</v>
      </c>
      <c r="V495" s="546" t="s">
        <v>101</v>
      </c>
      <c r="W495" s="547"/>
      <c r="X495" s="547"/>
      <c r="Y495" s="547"/>
      <c r="Z495" s="548"/>
      <c r="AA495" s="623" t="s">
        <v>102</v>
      </c>
      <c r="AB495" s="624"/>
      <c r="AC495" s="625"/>
      <c r="AD495" s="415">
        <v>6</v>
      </c>
      <c r="AE495" s="415" t="s">
        <v>103</v>
      </c>
      <c r="AF495" s="541"/>
      <c r="AG495" s="542"/>
      <c r="AH495" s="549"/>
      <c r="AI495" s="550"/>
      <c r="AJ495" s="551"/>
      <c r="AK495" s="265"/>
      <c r="AL495" s="38"/>
      <c r="AM495" s="54"/>
      <c r="AN495" s="13" t="str">
        <f t="shared" si="24"/>
        <v>■</v>
      </c>
    </row>
    <row r="496" spans="1:40" s="13" customFormat="1">
      <c r="A496" s="20" t="str">
        <f t="shared" si="25"/>
        <v>IY</v>
      </c>
      <c r="B496" s="20"/>
      <c r="C496" s="541">
        <v>56</v>
      </c>
      <c r="D496" s="542"/>
      <c r="E496" s="543" t="s">
        <v>409</v>
      </c>
      <c r="F496" s="544"/>
      <c r="G496" s="544"/>
      <c r="H496" s="544"/>
      <c r="I496" s="544"/>
      <c r="J496" s="544"/>
      <c r="K496" s="544"/>
      <c r="L496" s="544"/>
      <c r="M496" s="544"/>
      <c r="N496" s="544"/>
      <c r="O496" s="544"/>
      <c r="P496" s="544"/>
      <c r="Q496" s="544"/>
      <c r="R496" s="544"/>
      <c r="S496" s="544"/>
      <c r="T496" s="545"/>
      <c r="U496" s="221" t="s">
        <v>453</v>
      </c>
      <c r="V496" s="546" t="s">
        <v>107</v>
      </c>
      <c r="W496" s="547"/>
      <c r="X496" s="547"/>
      <c r="Y496" s="547"/>
      <c r="Z496" s="548"/>
      <c r="AA496" s="623" t="s">
        <v>102</v>
      </c>
      <c r="AB496" s="624"/>
      <c r="AC496" s="625"/>
      <c r="AD496" s="415">
        <v>6</v>
      </c>
      <c r="AE496" s="415" t="s">
        <v>103</v>
      </c>
      <c r="AF496" s="541"/>
      <c r="AG496" s="542"/>
      <c r="AH496" s="549"/>
      <c r="AI496" s="550"/>
      <c r="AJ496" s="551"/>
      <c r="AK496" s="265"/>
      <c r="AL496" s="38"/>
      <c r="AM496" s="54"/>
      <c r="AN496" s="13" t="str">
        <f t="shared" si="24"/>
        <v>■</v>
      </c>
    </row>
    <row r="497" spans="1:40" s="13" customFormat="1">
      <c r="A497" s="20" t="str">
        <f t="shared" si="25"/>
        <v>IY</v>
      </c>
      <c r="B497" s="20"/>
      <c r="C497" s="541">
        <v>57</v>
      </c>
      <c r="D497" s="542"/>
      <c r="E497" s="543" t="s">
        <v>411</v>
      </c>
      <c r="F497" s="544"/>
      <c r="G497" s="544"/>
      <c r="H497" s="544"/>
      <c r="I497" s="544"/>
      <c r="J497" s="544"/>
      <c r="K497" s="544"/>
      <c r="L497" s="544"/>
      <c r="M497" s="544"/>
      <c r="N497" s="544"/>
      <c r="O497" s="544"/>
      <c r="P497" s="544"/>
      <c r="Q497" s="544"/>
      <c r="R497" s="544"/>
      <c r="S497" s="544"/>
      <c r="T497" s="545"/>
      <c r="U497" s="221" t="s">
        <v>516</v>
      </c>
      <c r="V497" s="546" t="s">
        <v>107</v>
      </c>
      <c r="W497" s="547"/>
      <c r="X497" s="547"/>
      <c r="Y497" s="547"/>
      <c r="Z497" s="548"/>
      <c r="AA497" s="623" t="s">
        <v>102</v>
      </c>
      <c r="AB497" s="624"/>
      <c r="AC497" s="625"/>
      <c r="AD497" s="415">
        <v>6</v>
      </c>
      <c r="AE497" s="415" t="s">
        <v>103</v>
      </c>
      <c r="AF497" s="541"/>
      <c r="AG497" s="542"/>
      <c r="AH497" s="549"/>
      <c r="AI497" s="550"/>
      <c r="AJ497" s="551"/>
      <c r="AK497" s="265"/>
      <c r="AL497" s="38"/>
      <c r="AM497" s="54"/>
      <c r="AN497" s="13" t="str">
        <f t="shared" si="24"/>
        <v>■</v>
      </c>
    </row>
    <row r="498" spans="1:40" s="13" customFormat="1">
      <c r="A498" s="20" t="str">
        <f t="shared" si="25"/>
        <v>IY</v>
      </c>
      <c r="B498" s="20"/>
      <c r="C498" s="541">
        <v>58</v>
      </c>
      <c r="D498" s="542"/>
      <c r="E498" s="543" t="s">
        <v>970</v>
      </c>
      <c r="F498" s="544"/>
      <c r="G498" s="544"/>
      <c r="H498" s="544"/>
      <c r="I498" s="544"/>
      <c r="J498" s="544"/>
      <c r="K498" s="544"/>
      <c r="L498" s="544"/>
      <c r="M498" s="544"/>
      <c r="N498" s="544"/>
      <c r="O498" s="544"/>
      <c r="P498" s="544"/>
      <c r="Q498" s="544"/>
      <c r="R498" s="544"/>
      <c r="S498" s="544"/>
      <c r="T498" s="545"/>
      <c r="U498" s="221" t="s">
        <v>971</v>
      </c>
      <c r="V498" s="546" t="s">
        <v>107</v>
      </c>
      <c r="W498" s="547"/>
      <c r="X498" s="547"/>
      <c r="Y498" s="547"/>
      <c r="Z498" s="548"/>
      <c r="AA498" s="623" t="s">
        <v>102</v>
      </c>
      <c r="AB498" s="624"/>
      <c r="AC498" s="625"/>
      <c r="AD498" s="415">
        <v>1</v>
      </c>
      <c r="AE498" s="415" t="s">
        <v>103</v>
      </c>
      <c r="AF498" s="541"/>
      <c r="AG498" s="542"/>
      <c r="AH498" s="549"/>
      <c r="AI498" s="550"/>
      <c r="AJ498" s="551"/>
      <c r="AK498" s="265"/>
      <c r="AL498" s="29"/>
      <c r="AM498" s="54"/>
      <c r="AN498" s="13" t="str">
        <f t="shared" si="24"/>
        <v>■</v>
      </c>
    </row>
    <row r="499" spans="1:40" s="13" customFormat="1">
      <c r="A499" s="20" t="str">
        <f t="shared" si="25"/>
        <v>IY</v>
      </c>
      <c r="B499" s="20"/>
      <c r="C499" s="541">
        <v>59</v>
      </c>
      <c r="D499" s="542"/>
      <c r="E499" s="543" t="s">
        <v>976</v>
      </c>
      <c r="F499" s="544"/>
      <c r="G499" s="544"/>
      <c r="H499" s="544"/>
      <c r="I499" s="544"/>
      <c r="J499" s="544"/>
      <c r="K499" s="544"/>
      <c r="L499" s="544"/>
      <c r="M499" s="544"/>
      <c r="N499" s="544"/>
      <c r="O499" s="544"/>
      <c r="P499" s="544"/>
      <c r="Q499" s="544"/>
      <c r="R499" s="544"/>
      <c r="S499" s="544"/>
      <c r="T499" s="545"/>
      <c r="U499" s="221" t="s">
        <v>977</v>
      </c>
      <c r="V499" s="546" t="s">
        <v>107</v>
      </c>
      <c r="W499" s="547"/>
      <c r="X499" s="547"/>
      <c r="Y499" s="547"/>
      <c r="Z499" s="548"/>
      <c r="AA499" s="623" t="s">
        <v>108</v>
      </c>
      <c r="AB499" s="624"/>
      <c r="AC499" s="625"/>
      <c r="AD499" s="415">
        <v>2</v>
      </c>
      <c r="AE499" s="415">
        <v>0</v>
      </c>
      <c r="AF499" s="541"/>
      <c r="AG499" s="542"/>
      <c r="AH499" s="549"/>
      <c r="AI499" s="550"/>
      <c r="AJ499" s="551"/>
      <c r="AK499" s="265"/>
      <c r="AL499" s="48"/>
      <c r="AM499" s="54"/>
      <c r="AN499" s="13" t="str">
        <f t="shared" si="24"/>
        <v>■</v>
      </c>
    </row>
    <row r="500" spans="1:40" ht="13.4" customHeight="1">
      <c r="A500" s="20" t="str">
        <f t="shared" si="25"/>
        <v>IY</v>
      </c>
      <c r="B500" s="25"/>
      <c r="V500" s="238"/>
      <c r="W500" s="238"/>
      <c r="X500" s="238"/>
      <c r="Y500" s="238"/>
      <c r="Z500" s="238"/>
      <c r="AA500" s="629"/>
      <c r="AB500" s="629"/>
      <c r="AC500" s="629"/>
      <c r="AD500" s="238"/>
      <c r="AE500" s="238"/>
      <c r="AF500" s="238"/>
      <c r="AG500" s="238"/>
      <c r="AH500" s="238"/>
      <c r="AI500" s="238"/>
      <c r="AJ500" s="238"/>
      <c r="AK500" s="55"/>
      <c r="AL500" s="37"/>
      <c r="AM500" s="16"/>
    </row>
    <row r="501" spans="1:40" s="1" customFormat="1" ht="13.4" customHeight="1">
      <c r="A501" s="20" t="str">
        <f t="shared" si="25"/>
        <v>TO</v>
      </c>
      <c r="B501" s="20"/>
      <c r="C501" s="52" t="s">
        <v>380</v>
      </c>
      <c r="D501" s="53"/>
      <c r="E501" s="26"/>
      <c r="F501" s="26"/>
      <c r="G501" s="26"/>
      <c r="H501" s="26"/>
      <c r="I501" s="26"/>
      <c r="J501" s="26" t="s">
        <v>713</v>
      </c>
      <c r="K501" s="71"/>
      <c r="L501" s="26"/>
      <c r="M501" s="71"/>
      <c r="N501" s="26"/>
      <c r="O501" s="26"/>
      <c r="P501" s="26"/>
      <c r="Q501" s="26"/>
      <c r="R501" s="26"/>
      <c r="S501" s="26"/>
      <c r="T501" s="26"/>
      <c r="U501" s="26" t="s">
        <v>1099</v>
      </c>
      <c r="V501" s="122"/>
      <c r="W501" s="122"/>
      <c r="X501" s="122"/>
      <c r="Y501" s="122"/>
      <c r="Z501" s="122"/>
      <c r="AA501" s="630"/>
      <c r="AB501" s="630"/>
      <c r="AC501" s="630"/>
      <c r="AD501" s="122"/>
      <c r="AE501" s="122"/>
      <c r="AF501" s="122"/>
      <c r="AG501" s="122"/>
      <c r="AH501" s="122"/>
      <c r="AI501" s="122"/>
      <c r="AJ501" s="122"/>
      <c r="AK501" s="26"/>
      <c r="AL501" s="38"/>
      <c r="AM501" s="26"/>
    </row>
    <row r="502" spans="1:40" ht="13.5" customHeight="1">
      <c r="A502" s="20" t="str">
        <f t="shared" si="25"/>
        <v>TO</v>
      </c>
      <c r="B502" s="51"/>
      <c r="C502" s="583" t="s">
        <v>73</v>
      </c>
      <c r="D502" s="573"/>
      <c r="E502" s="583" t="s">
        <v>94</v>
      </c>
      <c r="F502" s="583"/>
      <c r="G502" s="583"/>
      <c r="H502" s="583"/>
      <c r="I502" s="583"/>
      <c r="J502" s="583"/>
      <c r="K502" s="583"/>
      <c r="L502" s="583"/>
      <c r="M502" s="583"/>
      <c r="N502" s="583"/>
      <c r="O502" s="583"/>
      <c r="P502" s="583"/>
      <c r="Q502" s="583"/>
      <c r="R502" s="583"/>
      <c r="S502" s="583"/>
      <c r="T502" s="583"/>
      <c r="U502" s="226" t="s">
        <v>383</v>
      </c>
      <c r="V502" s="572" t="s">
        <v>138</v>
      </c>
      <c r="W502" s="572"/>
      <c r="X502" s="572"/>
      <c r="Y502" s="572"/>
      <c r="Z502" s="572"/>
      <c r="AA502" s="575" t="s">
        <v>959</v>
      </c>
      <c r="AB502" s="576"/>
      <c r="AC502" s="577"/>
      <c r="AD502" s="572" t="s">
        <v>97</v>
      </c>
      <c r="AE502" s="572"/>
      <c r="AF502" s="572" t="s">
        <v>98</v>
      </c>
      <c r="AG502" s="572"/>
      <c r="AH502" s="583" t="s">
        <v>75</v>
      </c>
      <c r="AI502" s="583"/>
      <c r="AJ502" s="583"/>
      <c r="AK502" s="621" t="s">
        <v>159</v>
      </c>
      <c r="AL502" s="38"/>
      <c r="AM502" s="16"/>
    </row>
    <row r="503" spans="1:40" ht="13.4" customHeight="1">
      <c r="A503" s="20" t="str">
        <f t="shared" si="25"/>
        <v>TO</v>
      </c>
      <c r="B503" s="51"/>
      <c r="C503" s="573"/>
      <c r="D503" s="573"/>
      <c r="E503" s="583"/>
      <c r="F503" s="583"/>
      <c r="G503" s="583"/>
      <c r="H503" s="583"/>
      <c r="I503" s="583"/>
      <c r="J503" s="583"/>
      <c r="K503" s="583"/>
      <c r="L503" s="583"/>
      <c r="M503" s="583"/>
      <c r="N503" s="583"/>
      <c r="O503" s="583"/>
      <c r="P503" s="583"/>
      <c r="Q503" s="583"/>
      <c r="R503" s="583"/>
      <c r="S503" s="583"/>
      <c r="T503" s="583"/>
      <c r="U503" s="227"/>
      <c r="V503" s="572"/>
      <c r="W503" s="572"/>
      <c r="X503" s="572"/>
      <c r="Y503" s="572"/>
      <c r="Z503" s="572"/>
      <c r="AA503" s="578"/>
      <c r="AB503" s="579"/>
      <c r="AC503" s="580"/>
      <c r="AD503" s="572"/>
      <c r="AE503" s="572"/>
      <c r="AF503" s="572"/>
      <c r="AG503" s="572"/>
      <c r="AH503" s="583"/>
      <c r="AI503" s="583"/>
      <c r="AJ503" s="583"/>
      <c r="AK503" s="622"/>
      <c r="AL503" s="38"/>
      <c r="AM503" s="16"/>
    </row>
    <row r="504" spans="1:40" s="13" customFormat="1" ht="13.4" customHeight="1">
      <c r="A504" s="20" t="str">
        <f t="shared" si="25"/>
        <v>TO</v>
      </c>
      <c r="B504" s="20"/>
      <c r="C504" s="541">
        <v>1</v>
      </c>
      <c r="D504" s="542"/>
      <c r="E504" s="563" t="s">
        <v>440</v>
      </c>
      <c r="F504" s="564"/>
      <c r="G504" s="564"/>
      <c r="H504" s="564"/>
      <c r="I504" s="564"/>
      <c r="J504" s="564"/>
      <c r="K504" s="564"/>
      <c r="L504" s="564"/>
      <c r="M504" s="564"/>
      <c r="N504" s="564"/>
      <c r="O504" s="564"/>
      <c r="P504" s="564"/>
      <c r="Q504" s="564"/>
      <c r="R504" s="564"/>
      <c r="S504" s="564"/>
      <c r="T504" s="565"/>
      <c r="U504" s="219" t="s">
        <v>441</v>
      </c>
      <c r="V504" s="546" t="s">
        <v>101</v>
      </c>
      <c r="W504" s="547"/>
      <c r="X504" s="547"/>
      <c r="Y504" s="547"/>
      <c r="Z504" s="548"/>
      <c r="AA504" s="623" t="s">
        <v>102</v>
      </c>
      <c r="AB504" s="624"/>
      <c r="AC504" s="625"/>
      <c r="AD504" s="415">
        <v>10</v>
      </c>
      <c r="AE504" s="415" t="s">
        <v>103</v>
      </c>
      <c r="AF504" s="541"/>
      <c r="AG504" s="542"/>
      <c r="AH504" s="549"/>
      <c r="AI504" s="550"/>
      <c r="AJ504" s="551"/>
      <c r="AK504" s="265"/>
      <c r="AL504" s="38"/>
      <c r="AM504" s="54"/>
      <c r="AN504" s="13" t="str">
        <f t="shared" ref="AN504:AN566" si="26">$W$21</f>
        <v>■</v>
      </c>
    </row>
    <row r="505" spans="1:40" s="13" customFormat="1" ht="13.4" customHeight="1">
      <c r="A505" s="20" t="str">
        <f t="shared" si="25"/>
        <v>TO</v>
      </c>
      <c r="B505" s="20"/>
      <c r="C505" s="541">
        <v>2</v>
      </c>
      <c r="D505" s="542"/>
      <c r="E505" s="563" t="s">
        <v>442</v>
      </c>
      <c r="F505" s="564"/>
      <c r="G505" s="564"/>
      <c r="H505" s="564"/>
      <c r="I505" s="564"/>
      <c r="J505" s="564"/>
      <c r="K505" s="564"/>
      <c r="L505" s="564"/>
      <c r="M505" s="564"/>
      <c r="N505" s="564"/>
      <c r="O505" s="564"/>
      <c r="P505" s="564"/>
      <c r="Q505" s="564"/>
      <c r="R505" s="564"/>
      <c r="S505" s="564"/>
      <c r="T505" s="565"/>
      <c r="U505" s="219" t="s">
        <v>443</v>
      </c>
      <c r="V505" s="546" t="s">
        <v>101</v>
      </c>
      <c r="W505" s="547"/>
      <c r="X505" s="547"/>
      <c r="Y505" s="547"/>
      <c r="Z505" s="548"/>
      <c r="AA505" s="623" t="s">
        <v>102</v>
      </c>
      <c r="AB505" s="624"/>
      <c r="AC505" s="625"/>
      <c r="AD505" s="415">
        <v>51</v>
      </c>
      <c r="AE505" s="415" t="s">
        <v>103</v>
      </c>
      <c r="AF505" s="541"/>
      <c r="AG505" s="542"/>
      <c r="AH505" s="549"/>
      <c r="AI505" s="550"/>
      <c r="AJ505" s="551"/>
      <c r="AK505" s="265"/>
      <c r="AL505" s="38"/>
      <c r="AM505" s="54"/>
      <c r="AN505" s="13" t="str">
        <f t="shared" si="26"/>
        <v>■</v>
      </c>
    </row>
    <row r="506" spans="1:40" s="13" customFormat="1" ht="13.4" customHeight="1">
      <c r="A506" s="20" t="str">
        <f t="shared" si="25"/>
        <v>TO</v>
      </c>
      <c r="B506" s="20"/>
      <c r="C506" s="552">
        <v>3</v>
      </c>
      <c r="D506" s="553"/>
      <c r="E506" s="566" t="s">
        <v>106</v>
      </c>
      <c r="F506" s="567"/>
      <c r="G506" s="567"/>
      <c r="H506" s="567"/>
      <c r="I506" s="567"/>
      <c r="J506" s="567"/>
      <c r="K506" s="567"/>
      <c r="L506" s="567"/>
      <c r="M506" s="567"/>
      <c r="N506" s="567"/>
      <c r="O506" s="567"/>
      <c r="P506" s="567"/>
      <c r="Q506" s="567"/>
      <c r="R506" s="567"/>
      <c r="S506" s="567"/>
      <c r="T506" s="568"/>
      <c r="U506" s="220" t="s">
        <v>444</v>
      </c>
      <c r="V506" s="557" t="s">
        <v>107</v>
      </c>
      <c r="W506" s="558"/>
      <c r="X506" s="558"/>
      <c r="Y506" s="558"/>
      <c r="Z506" s="559"/>
      <c r="AA506" s="626" t="s">
        <v>108</v>
      </c>
      <c r="AB506" s="627"/>
      <c r="AC506" s="628"/>
      <c r="AD506" s="419">
        <v>1</v>
      </c>
      <c r="AE506" s="419">
        <v>0</v>
      </c>
      <c r="AF506" s="552" t="s">
        <v>109</v>
      </c>
      <c r="AG506" s="553"/>
      <c r="AH506" s="560"/>
      <c r="AI506" s="561"/>
      <c r="AJ506" s="562"/>
      <c r="AK506" s="321" t="s">
        <v>391</v>
      </c>
      <c r="AL506" s="38"/>
      <c r="AM506" s="54"/>
      <c r="AN506" s="13" t="str">
        <f t="shared" si="26"/>
        <v>■</v>
      </c>
    </row>
    <row r="507" spans="1:40" s="13" customFormat="1" ht="13.4" customHeight="1">
      <c r="A507" s="20" t="str">
        <f t="shared" si="25"/>
        <v>TO</v>
      </c>
      <c r="B507" s="20"/>
      <c r="C507" s="541">
        <v>4</v>
      </c>
      <c r="D507" s="542"/>
      <c r="E507" s="563" t="s">
        <v>110</v>
      </c>
      <c r="F507" s="564"/>
      <c r="G507" s="564"/>
      <c r="H507" s="564"/>
      <c r="I507" s="564"/>
      <c r="J507" s="564"/>
      <c r="K507" s="564"/>
      <c r="L507" s="564"/>
      <c r="M507" s="564"/>
      <c r="N507" s="564"/>
      <c r="O507" s="564"/>
      <c r="P507" s="564"/>
      <c r="Q507" s="564"/>
      <c r="R507" s="564"/>
      <c r="S507" s="564"/>
      <c r="T507" s="565"/>
      <c r="U507" s="221" t="s">
        <v>445</v>
      </c>
      <c r="V507" s="546" t="s">
        <v>107</v>
      </c>
      <c r="W507" s="547"/>
      <c r="X507" s="547"/>
      <c r="Y507" s="547"/>
      <c r="Z507" s="548"/>
      <c r="AA507" s="623" t="s">
        <v>108</v>
      </c>
      <c r="AB507" s="624"/>
      <c r="AC507" s="625"/>
      <c r="AD507" s="415">
        <v>1</v>
      </c>
      <c r="AE507" s="415">
        <v>0</v>
      </c>
      <c r="AF507" s="541"/>
      <c r="AG507" s="542"/>
      <c r="AH507" s="549"/>
      <c r="AI507" s="550"/>
      <c r="AJ507" s="551"/>
      <c r="AK507" s="265"/>
      <c r="AL507" s="38"/>
      <c r="AM507" s="54"/>
      <c r="AN507" s="13" t="str">
        <f t="shared" si="26"/>
        <v>■</v>
      </c>
    </row>
    <row r="508" spans="1:40" s="13" customFormat="1" ht="13.4" customHeight="1">
      <c r="A508" s="20" t="str">
        <f t="shared" si="25"/>
        <v>TO</v>
      </c>
      <c r="B508" s="20"/>
      <c r="C508" s="541">
        <v>5</v>
      </c>
      <c r="D508" s="542"/>
      <c r="E508" s="543" t="s">
        <v>80</v>
      </c>
      <c r="F508" s="544"/>
      <c r="G508" s="544"/>
      <c r="H508" s="544"/>
      <c r="I508" s="544"/>
      <c r="J508" s="544"/>
      <c r="K508" s="544"/>
      <c r="L508" s="544"/>
      <c r="M508" s="544"/>
      <c r="N508" s="544"/>
      <c r="O508" s="544"/>
      <c r="P508" s="544"/>
      <c r="Q508" s="544"/>
      <c r="R508" s="544"/>
      <c r="S508" s="544"/>
      <c r="T508" s="545"/>
      <c r="U508" s="221" t="s">
        <v>446</v>
      </c>
      <c r="V508" s="546" t="s">
        <v>101</v>
      </c>
      <c r="W508" s="547"/>
      <c r="X508" s="547"/>
      <c r="Y508" s="547"/>
      <c r="Z508" s="548"/>
      <c r="AA508" s="623" t="s">
        <v>102</v>
      </c>
      <c r="AB508" s="624"/>
      <c r="AC508" s="625"/>
      <c r="AD508" s="415">
        <v>2</v>
      </c>
      <c r="AE508" s="415" t="s">
        <v>103</v>
      </c>
      <c r="AF508" s="541"/>
      <c r="AG508" s="542"/>
      <c r="AH508" s="549"/>
      <c r="AI508" s="550"/>
      <c r="AJ508" s="551"/>
      <c r="AK508" s="265"/>
      <c r="AL508" s="38"/>
      <c r="AM508" s="54"/>
      <c r="AN508" s="13" t="str">
        <f t="shared" si="26"/>
        <v>■</v>
      </c>
    </row>
    <row r="509" spans="1:40" s="13" customFormat="1" ht="13.4" customHeight="1">
      <c r="A509" s="20" t="str">
        <f t="shared" si="25"/>
        <v>TO</v>
      </c>
      <c r="B509" s="51"/>
      <c r="C509" s="541">
        <v>6</v>
      </c>
      <c r="D509" s="542"/>
      <c r="E509" s="543" t="s">
        <v>172</v>
      </c>
      <c r="F509" s="544"/>
      <c r="G509" s="544"/>
      <c r="H509" s="544"/>
      <c r="I509" s="544"/>
      <c r="J509" s="544"/>
      <c r="K509" s="544"/>
      <c r="L509" s="544"/>
      <c r="M509" s="544"/>
      <c r="N509" s="544"/>
      <c r="O509" s="544"/>
      <c r="P509" s="544"/>
      <c r="Q509" s="544"/>
      <c r="R509" s="544"/>
      <c r="S509" s="544"/>
      <c r="T509" s="545"/>
      <c r="U509" s="221" t="s">
        <v>605</v>
      </c>
      <c r="V509" s="546" t="s">
        <v>107</v>
      </c>
      <c r="W509" s="547"/>
      <c r="X509" s="547"/>
      <c r="Y509" s="547"/>
      <c r="Z509" s="548"/>
      <c r="AA509" s="623" t="s">
        <v>102</v>
      </c>
      <c r="AB509" s="624"/>
      <c r="AC509" s="625"/>
      <c r="AD509" s="415">
        <v>2</v>
      </c>
      <c r="AE509" s="415" t="s">
        <v>103</v>
      </c>
      <c r="AF509" s="541"/>
      <c r="AG509" s="542"/>
      <c r="AH509" s="549"/>
      <c r="AI509" s="550"/>
      <c r="AJ509" s="551"/>
      <c r="AK509" s="265"/>
      <c r="AL509" s="38"/>
      <c r="AM509" s="54"/>
      <c r="AN509" s="13" t="str">
        <f t="shared" si="26"/>
        <v>■</v>
      </c>
    </row>
    <row r="510" spans="1:40" s="13" customFormat="1" ht="13.4" customHeight="1">
      <c r="A510" s="20" t="str">
        <f t="shared" si="25"/>
        <v>TO</v>
      </c>
      <c r="B510" s="20"/>
      <c r="C510" s="541">
        <v>7</v>
      </c>
      <c r="D510" s="542"/>
      <c r="E510" s="543" t="s">
        <v>606</v>
      </c>
      <c r="F510" s="544"/>
      <c r="G510" s="544"/>
      <c r="H510" s="544"/>
      <c r="I510" s="544"/>
      <c r="J510" s="544"/>
      <c r="K510" s="544"/>
      <c r="L510" s="544"/>
      <c r="M510" s="544"/>
      <c r="N510" s="544"/>
      <c r="O510" s="544"/>
      <c r="P510" s="544"/>
      <c r="Q510" s="544"/>
      <c r="R510" s="544"/>
      <c r="S510" s="544"/>
      <c r="T510" s="545"/>
      <c r="U510" s="221" t="s">
        <v>607</v>
      </c>
      <c r="V510" s="546" t="s">
        <v>101</v>
      </c>
      <c r="W510" s="547"/>
      <c r="X510" s="547"/>
      <c r="Y510" s="547"/>
      <c r="Z510" s="548"/>
      <c r="AA510" s="623" t="s">
        <v>102</v>
      </c>
      <c r="AB510" s="624"/>
      <c r="AC510" s="625"/>
      <c r="AD510" s="415">
        <v>1</v>
      </c>
      <c r="AE510" s="415" t="s">
        <v>103</v>
      </c>
      <c r="AF510" s="541"/>
      <c r="AG510" s="542"/>
      <c r="AH510" s="549"/>
      <c r="AI510" s="550"/>
      <c r="AJ510" s="551"/>
      <c r="AK510" s="265"/>
      <c r="AL510" s="38"/>
      <c r="AM510" s="54"/>
      <c r="AN510" s="13" t="str">
        <f t="shared" si="26"/>
        <v>■</v>
      </c>
    </row>
    <row r="511" spans="1:40" s="13" customFormat="1" ht="13.4" customHeight="1">
      <c r="A511" s="20" t="str">
        <f t="shared" si="25"/>
        <v>TO</v>
      </c>
      <c r="B511" s="20"/>
      <c r="C511" s="541">
        <v>8</v>
      </c>
      <c r="D511" s="542"/>
      <c r="E511" s="543" t="s">
        <v>715</v>
      </c>
      <c r="F511" s="544"/>
      <c r="G511" s="544"/>
      <c r="H511" s="544"/>
      <c r="I511" s="544"/>
      <c r="J511" s="544"/>
      <c r="K511" s="544"/>
      <c r="L511" s="544"/>
      <c r="M511" s="544"/>
      <c r="N511" s="544"/>
      <c r="O511" s="544"/>
      <c r="P511" s="544"/>
      <c r="Q511" s="544"/>
      <c r="R511" s="544"/>
      <c r="S511" s="544"/>
      <c r="T511" s="545"/>
      <c r="U511" s="221" t="s">
        <v>716</v>
      </c>
      <c r="V511" s="546" t="s">
        <v>107</v>
      </c>
      <c r="W511" s="547"/>
      <c r="X511" s="547"/>
      <c r="Y511" s="547"/>
      <c r="Z511" s="548"/>
      <c r="AA511" s="623" t="s">
        <v>102</v>
      </c>
      <c r="AB511" s="624"/>
      <c r="AC511" s="625"/>
      <c r="AD511" s="415">
        <v>9</v>
      </c>
      <c r="AE511" s="415" t="s">
        <v>103</v>
      </c>
      <c r="AF511" s="541"/>
      <c r="AG511" s="542"/>
      <c r="AH511" s="549"/>
      <c r="AI511" s="550"/>
      <c r="AJ511" s="551"/>
      <c r="AK511" s="265"/>
      <c r="AL511" s="38"/>
      <c r="AM511" s="54"/>
      <c r="AN511" s="13" t="str">
        <f t="shared" si="26"/>
        <v>■</v>
      </c>
    </row>
    <row r="512" spans="1:40" s="13" customFormat="1" ht="13.4" customHeight="1">
      <c r="A512" s="20" t="str">
        <f t="shared" si="25"/>
        <v>TO</v>
      </c>
      <c r="B512" s="20"/>
      <c r="C512" s="541">
        <v>9</v>
      </c>
      <c r="D512" s="542"/>
      <c r="E512" s="543" t="s">
        <v>708</v>
      </c>
      <c r="F512" s="544"/>
      <c r="G512" s="544"/>
      <c r="H512" s="544"/>
      <c r="I512" s="544"/>
      <c r="J512" s="544"/>
      <c r="K512" s="544"/>
      <c r="L512" s="544"/>
      <c r="M512" s="544"/>
      <c r="N512" s="544"/>
      <c r="O512" s="544"/>
      <c r="P512" s="544"/>
      <c r="Q512" s="544"/>
      <c r="R512" s="544"/>
      <c r="S512" s="544"/>
      <c r="T512" s="545"/>
      <c r="U512" s="221" t="s">
        <v>709</v>
      </c>
      <c r="V512" s="546" t="s">
        <v>107</v>
      </c>
      <c r="W512" s="547"/>
      <c r="X512" s="547"/>
      <c r="Y512" s="547"/>
      <c r="Z512" s="548"/>
      <c r="AA512" s="623" t="s">
        <v>710</v>
      </c>
      <c r="AB512" s="624"/>
      <c r="AC512" s="625"/>
      <c r="AD512" s="415">
        <v>5</v>
      </c>
      <c r="AE512" s="415">
        <v>3</v>
      </c>
      <c r="AF512" s="541"/>
      <c r="AG512" s="542"/>
      <c r="AH512" s="549"/>
      <c r="AI512" s="550"/>
      <c r="AJ512" s="551"/>
      <c r="AK512" s="265"/>
      <c r="AL512" s="38"/>
      <c r="AM512" s="54"/>
      <c r="AN512" s="13" t="str">
        <f t="shared" si="26"/>
        <v>■</v>
      </c>
    </row>
    <row r="513" spans="1:40" s="13" customFormat="1" ht="13.4" customHeight="1">
      <c r="A513" s="20" t="str">
        <f t="shared" si="25"/>
        <v>TO</v>
      </c>
      <c r="B513" s="20"/>
      <c r="C513" s="541">
        <v>10</v>
      </c>
      <c r="D513" s="542"/>
      <c r="E513" s="543" t="s">
        <v>612</v>
      </c>
      <c r="F513" s="544"/>
      <c r="G513" s="544"/>
      <c r="H513" s="544"/>
      <c r="I513" s="544"/>
      <c r="J513" s="544"/>
      <c r="K513" s="544"/>
      <c r="L513" s="544"/>
      <c r="M513" s="544"/>
      <c r="N513" s="544"/>
      <c r="O513" s="544"/>
      <c r="P513" s="544"/>
      <c r="Q513" s="544"/>
      <c r="R513" s="544"/>
      <c r="S513" s="544"/>
      <c r="T513" s="545"/>
      <c r="U513" s="221" t="s">
        <v>613</v>
      </c>
      <c r="V513" s="546" t="s">
        <v>107</v>
      </c>
      <c r="W513" s="547"/>
      <c r="X513" s="547"/>
      <c r="Y513" s="547"/>
      <c r="Z513" s="548"/>
      <c r="AA513" s="623" t="s">
        <v>108</v>
      </c>
      <c r="AB513" s="624"/>
      <c r="AC513" s="625"/>
      <c r="AD513" s="415">
        <v>7</v>
      </c>
      <c r="AE513" s="415">
        <v>0</v>
      </c>
      <c r="AF513" s="541"/>
      <c r="AG513" s="542"/>
      <c r="AH513" s="549"/>
      <c r="AI513" s="550"/>
      <c r="AJ513" s="551"/>
      <c r="AK513" s="265"/>
      <c r="AL513" s="38"/>
      <c r="AM513" s="54"/>
      <c r="AN513" s="13" t="str">
        <f t="shared" si="26"/>
        <v>■</v>
      </c>
    </row>
    <row r="514" spans="1:40" s="13" customFormat="1" ht="13.4" customHeight="1">
      <c r="A514" s="20" t="str">
        <f t="shared" si="25"/>
        <v>TO</v>
      </c>
      <c r="B514" s="20"/>
      <c r="C514" s="541">
        <v>11</v>
      </c>
      <c r="D514" s="542"/>
      <c r="E514" s="543" t="s">
        <v>614</v>
      </c>
      <c r="F514" s="544"/>
      <c r="G514" s="544"/>
      <c r="H514" s="544"/>
      <c r="I514" s="544"/>
      <c r="J514" s="544"/>
      <c r="K514" s="544"/>
      <c r="L514" s="544"/>
      <c r="M514" s="544"/>
      <c r="N514" s="544"/>
      <c r="O514" s="544"/>
      <c r="P514" s="544"/>
      <c r="Q514" s="544"/>
      <c r="R514" s="544"/>
      <c r="S514" s="544"/>
      <c r="T514" s="545"/>
      <c r="U514" s="221" t="s">
        <v>557</v>
      </c>
      <c r="V514" s="546" t="s">
        <v>107</v>
      </c>
      <c r="W514" s="547"/>
      <c r="X514" s="547"/>
      <c r="Y514" s="547"/>
      <c r="Z514" s="548"/>
      <c r="AA514" s="623" t="s">
        <v>108</v>
      </c>
      <c r="AB514" s="624"/>
      <c r="AC514" s="625"/>
      <c r="AD514" s="415">
        <v>3</v>
      </c>
      <c r="AE514" s="415">
        <v>0</v>
      </c>
      <c r="AF514" s="541"/>
      <c r="AG514" s="542"/>
      <c r="AH514" s="549"/>
      <c r="AI514" s="550"/>
      <c r="AJ514" s="551"/>
      <c r="AK514" s="265"/>
      <c r="AL514" s="38"/>
      <c r="AM514" s="54"/>
      <c r="AN514" s="13" t="str">
        <f t="shared" si="26"/>
        <v>■</v>
      </c>
    </row>
    <row r="515" spans="1:40" s="13" customFormat="1" ht="13.4" customHeight="1">
      <c r="A515" s="20" t="str">
        <f t="shared" si="25"/>
        <v>TO</v>
      </c>
      <c r="B515" s="20"/>
      <c r="C515" s="541">
        <v>12</v>
      </c>
      <c r="D515" s="542"/>
      <c r="E515" s="543" t="s">
        <v>718</v>
      </c>
      <c r="F515" s="544"/>
      <c r="G515" s="544"/>
      <c r="H515" s="544"/>
      <c r="I515" s="544"/>
      <c r="J515" s="544"/>
      <c r="K515" s="544"/>
      <c r="L515" s="544"/>
      <c r="M515" s="544"/>
      <c r="N515" s="544"/>
      <c r="O515" s="544"/>
      <c r="P515" s="544"/>
      <c r="Q515" s="544"/>
      <c r="R515" s="544"/>
      <c r="S515" s="544"/>
      <c r="T515" s="545"/>
      <c r="U515" s="221" t="s">
        <v>719</v>
      </c>
      <c r="V515" s="546" t="s">
        <v>107</v>
      </c>
      <c r="W515" s="547"/>
      <c r="X515" s="547"/>
      <c r="Y515" s="547"/>
      <c r="Z515" s="548"/>
      <c r="AA515" s="623" t="s">
        <v>102</v>
      </c>
      <c r="AB515" s="624"/>
      <c r="AC515" s="625"/>
      <c r="AD515" s="415">
        <v>3</v>
      </c>
      <c r="AE515" s="415">
        <v>0</v>
      </c>
      <c r="AF515" s="541"/>
      <c r="AG515" s="542"/>
      <c r="AH515" s="549"/>
      <c r="AI515" s="550"/>
      <c r="AJ515" s="551"/>
      <c r="AK515" s="265"/>
      <c r="AL515" s="38"/>
      <c r="AM515" s="54"/>
      <c r="AN515" s="13" t="str">
        <f t="shared" si="26"/>
        <v>■</v>
      </c>
    </row>
    <row r="516" spans="1:40" s="13" customFormat="1" ht="13.4" customHeight="1">
      <c r="A516" s="20" t="str">
        <f t="shared" si="25"/>
        <v>TO</v>
      </c>
      <c r="B516" s="20"/>
      <c r="C516" s="541">
        <v>13</v>
      </c>
      <c r="D516" s="542"/>
      <c r="E516" s="543" t="s">
        <v>720</v>
      </c>
      <c r="F516" s="544"/>
      <c r="G516" s="544"/>
      <c r="H516" s="544"/>
      <c r="I516" s="544"/>
      <c r="J516" s="544"/>
      <c r="K516" s="544"/>
      <c r="L516" s="544"/>
      <c r="M516" s="544"/>
      <c r="N516" s="544"/>
      <c r="O516" s="544"/>
      <c r="P516" s="544"/>
      <c r="Q516" s="544"/>
      <c r="R516" s="544"/>
      <c r="S516" s="544"/>
      <c r="T516" s="545"/>
      <c r="U516" s="221" t="s">
        <v>721</v>
      </c>
      <c r="V516" s="546" t="s">
        <v>107</v>
      </c>
      <c r="W516" s="547"/>
      <c r="X516" s="547"/>
      <c r="Y516" s="547"/>
      <c r="Z516" s="548"/>
      <c r="AA516" s="623" t="s">
        <v>710</v>
      </c>
      <c r="AB516" s="624"/>
      <c r="AC516" s="625"/>
      <c r="AD516" s="415">
        <v>8</v>
      </c>
      <c r="AE516" s="415">
        <v>2</v>
      </c>
      <c r="AF516" s="541"/>
      <c r="AG516" s="542"/>
      <c r="AH516" s="549"/>
      <c r="AI516" s="550"/>
      <c r="AJ516" s="551"/>
      <c r="AK516" s="265"/>
      <c r="AL516" s="38"/>
      <c r="AM516" s="54"/>
      <c r="AN516" s="13" t="str">
        <f t="shared" si="26"/>
        <v>■</v>
      </c>
    </row>
    <row r="517" spans="1:40" s="13" customFormat="1" ht="13.4" customHeight="1">
      <c r="A517" s="20" t="str">
        <f t="shared" si="25"/>
        <v>TO</v>
      </c>
      <c r="B517" s="20"/>
      <c r="C517" s="552">
        <v>14</v>
      </c>
      <c r="D517" s="553"/>
      <c r="E517" s="554" t="s">
        <v>722</v>
      </c>
      <c r="F517" s="555"/>
      <c r="G517" s="555"/>
      <c r="H517" s="555"/>
      <c r="I517" s="555"/>
      <c r="J517" s="555"/>
      <c r="K517" s="555"/>
      <c r="L517" s="555"/>
      <c r="M517" s="555"/>
      <c r="N517" s="555"/>
      <c r="O517" s="555"/>
      <c r="P517" s="555"/>
      <c r="Q517" s="555"/>
      <c r="R517" s="555"/>
      <c r="S517" s="555"/>
      <c r="T517" s="556"/>
      <c r="U517" s="259" t="s">
        <v>723</v>
      </c>
      <c r="V517" s="557" t="s">
        <v>398</v>
      </c>
      <c r="W517" s="558"/>
      <c r="X517" s="558"/>
      <c r="Y517" s="558"/>
      <c r="Z517" s="559"/>
      <c r="AA517" s="626" t="s">
        <v>102</v>
      </c>
      <c r="AB517" s="627"/>
      <c r="AC517" s="628"/>
      <c r="AD517" s="419">
        <v>20</v>
      </c>
      <c r="AE517" s="419" t="s">
        <v>103</v>
      </c>
      <c r="AF517" s="552" t="s">
        <v>109</v>
      </c>
      <c r="AG517" s="553"/>
      <c r="AH517" s="560"/>
      <c r="AI517" s="561"/>
      <c r="AJ517" s="562"/>
      <c r="AK517" s="333" t="s">
        <v>399</v>
      </c>
      <c r="AL517" s="38"/>
      <c r="AM517" s="54"/>
      <c r="AN517" s="13" t="str">
        <f t="shared" si="26"/>
        <v>■</v>
      </c>
    </row>
    <row r="518" spans="1:40" s="13" customFormat="1" ht="13.4" customHeight="1">
      <c r="A518" s="20" t="str">
        <f t="shared" si="25"/>
        <v>TO</v>
      </c>
      <c r="B518" s="20"/>
      <c r="C518" s="552">
        <v>15</v>
      </c>
      <c r="D518" s="553"/>
      <c r="E518" s="554" t="s">
        <v>724</v>
      </c>
      <c r="F518" s="555"/>
      <c r="G518" s="555"/>
      <c r="H518" s="555"/>
      <c r="I518" s="555"/>
      <c r="J518" s="555"/>
      <c r="K518" s="555"/>
      <c r="L518" s="555"/>
      <c r="M518" s="555"/>
      <c r="N518" s="555"/>
      <c r="O518" s="555"/>
      <c r="P518" s="555"/>
      <c r="Q518" s="555"/>
      <c r="R518" s="555"/>
      <c r="S518" s="555"/>
      <c r="T518" s="556"/>
      <c r="U518" s="259" t="s">
        <v>725</v>
      </c>
      <c r="V518" s="557" t="s">
        <v>398</v>
      </c>
      <c r="W518" s="558"/>
      <c r="X518" s="558"/>
      <c r="Y518" s="558"/>
      <c r="Z518" s="559"/>
      <c r="AA518" s="626" t="s">
        <v>102</v>
      </c>
      <c r="AB518" s="627"/>
      <c r="AC518" s="628"/>
      <c r="AD518" s="419">
        <v>150</v>
      </c>
      <c r="AE518" s="419" t="s">
        <v>103</v>
      </c>
      <c r="AF518" s="552" t="s">
        <v>109</v>
      </c>
      <c r="AG518" s="553"/>
      <c r="AH518" s="560"/>
      <c r="AI518" s="561"/>
      <c r="AJ518" s="562"/>
      <c r="AK518" s="333" t="s">
        <v>399</v>
      </c>
      <c r="AL518" s="38"/>
      <c r="AM518" s="54"/>
      <c r="AN518" s="13" t="str">
        <f t="shared" si="26"/>
        <v>■</v>
      </c>
    </row>
    <row r="519" spans="1:40" s="13" customFormat="1" ht="13.4" customHeight="1">
      <c r="A519" s="20" t="str">
        <f t="shared" si="25"/>
        <v>TO</v>
      </c>
      <c r="B519" s="20"/>
      <c r="C519" s="541">
        <v>16</v>
      </c>
      <c r="D519" s="542"/>
      <c r="E519" s="543" t="s">
        <v>615</v>
      </c>
      <c r="F519" s="544"/>
      <c r="G519" s="544"/>
      <c r="H519" s="544"/>
      <c r="I519" s="544"/>
      <c r="J519" s="544"/>
      <c r="K519" s="544"/>
      <c r="L519" s="544"/>
      <c r="M519" s="544"/>
      <c r="N519" s="544"/>
      <c r="O519" s="544"/>
      <c r="P519" s="544"/>
      <c r="Q519" s="544"/>
      <c r="R519" s="544"/>
      <c r="S519" s="544"/>
      <c r="T519" s="545"/>
      <c r="U519" s="221" t="s">
        <v>616</v>
      </c>
      <c r="V519" s="546" t="s">
        <v>107</v>
      </c>
      <c r="W519" s="547"/>
      <c r="X519" s="547"/>
      <c r="Y519" s="547"/>
      <c r="Z519" s="548"/>
      <c r="AA519" s="623" t="s">
        <v>102</v>
      </c>
      <c r="AB519" s="624"/>
      <c r="AC519" s="625"/>
      <c r="AD519" s="415">
        <v>9</v>
      </c>
      <c r="AE519" s="415" t="s">
        <v>103</v>
      </c>
      <c r="AF519" s="541"/>
      <c r="AG519" s="542"/>
      <c r="AH519" s="549"/>
      <c r="AI519" s="550"/>
      <c r="AJ519" s="551"/>
      <c r="AK519" s="265"/>
      <c r="AL519" s="38"/>
      <c r="AM519" s="54"/>
      <c r="AN519" s="13" t="str">
        <f t="shared" si="26"/>
        <v>■</v>
      </c>
    </row>
    <row r="520" spans="1:40" s="13" customFormat="1" ht="13.4" customHeight="1">
      <c r="A520" s="20" t="str">
        <f t="shared" si="25"/>
        <v>TO</v>
      </c>
      <c r="B520" s="20"/>
      <c r="C520" s="552">
        <v>17</v>
      </c>
      <c r="D520" s="553"/>
      <c r="E520" s="554" t="s">
        <v>711</v>
      </c>
      <c r="F520" s="555"/>
      <c r="G520" s="555"/>
      <c r="H520" s="555"/>
      <c r="I520" s="555"/>
      <c r="J520" s="555"/>
      <c r="K520" s="555"/>
      <c r="L520" s="555"/>
      <c r="M520" s="555"/>
      <c r="N520" s="555"/>
      <c r="O520" s="555"/>
      <c r="P520" s="555"/>
      <c r="Q520" s="555"/>
      <c r="R520" s="555"/>
      <c r="S520" s="555"/>
      <c r="T520" s="556"/>
      <c r="U520" s="259" t="s">
        <v>618</v>
      </c>
      <c r="V520" s="557" t="s">
        <v>398</v>
      </c>
      <c r="W520" s="558"/>
      <c r="X520" s="558"/>
      <c r="Y520" s="558"/>
      <c r="Z520" s="559"/>
      <c r="AA520" s="626" t="s">
        <v>102</v>
      </c>
      <c r="AB520" s="627"/>
      <c r="AC520" s="628"/>
      <c r="AD520" s="419">
        <v>50</v>
      </c>
      <c r="AE520" s="419" t="s">
        <v>103</v>
      </c>
      <c r="AF520" s="552" t="s">
        <v>109</v>
      </c>
      <c r="AG520" s="553"/>
      <c r="AH520" s="560"/>
      <c r="AI520" s="561"/>
      <c r="AJ520" s="562"/>
      <c r="AK520" s="333" t="s">
        <v>399</v>
      </c>
      <c r="AL520" s="38"/>
      <c r="AM520" s="54"/>
      <c r="AN520" s="13" t="str">
        <f t="shared" si="26"/>
        <v>■</v>
      </c>
    </row>
    <row r="521" spans="1:40" s="13" customFormat="1" ht="13.4" customHeight="1">
      <c r="A521" s="20" t="str">
        <f t="shared" si="25"/>
        <v>TO</v>
      </c>
      <c r="B521" s="20"/>
      <c r="C521" s="541">
        <v>18</v>
      </c>
      <c r="D521" s="542"/>
      <c r="E521" s="543" t="s">
        <v>619</v>
      </c>
      <c r="F521" s="544"/>
      <c r="G521" s="544"/>
      <c r="H521" s="544"/>
      <c r="I521" s="544"/>
      <c r="J521" s="544"/>
      <c r="K521" s="544"/>
      <c r="L521" s="544"/>
      <c r="M521" s="544"/>
      <c r="N521" s="544"/>
      <c r="O521" s="544"/>
      <c r="P521" s="544"/>
      <c r="Q521" s="544"/>
      <c r="R521" s="544"/>
      <c r="S521" s="544"/>
      <c r="T521" s="545"/>
      <c r="U521" s="221" t="s">
        <v>620</v>
      </c>
      <c r="V521" s="546" t="s">
        <v>107</v>
      </c>
      <c r="W521" s="547"/>
      <c r="X521" s="547"/>
      <c r="Y521" s="547"/>
      <c r="Z521" s="548"/>
      <c r="AA521" s="623" t="s">
        <v>102</v>
      </c>
      <c r="AB521" s="624"/>
      <c r="AC521" s="625"/>
      <c r="AD521" s="415">
        <v>9</v>
      </c>
      <c r="AE521" s="415" t="s">
        <v>103</v>
      </c>
      <c r="AF521" s="541"/>
      <c r="AG521" s="542"/>
      <c r="AH521" s="549"/>
      <c r="AI521" s="550"/>
      <c r="AJ521" s="551"/>
      <c r="AK521" s="265"/>
      <c r="AL521" s="38"/>
      <c r="AM521" s="54"/>
      <c r="AN521" s="13" t="str">
        <f t="shared" si="26"/>
        <v>■</v>
      </c>
    </row>
    <row r="522" spans="1:40" s="13" customFormat="1" ht="13.4" customHeight="1">
      <c r="A522" s="20" t="str">
        <f t="shared" si="25"/>
        <v>TO</v>
      </c>
      <c r="B522" s="20"/>
      <c r="C522" s="552">
        <v>19</v>
      </c>
      <c r="D522" s="553"/>
      <c r="E522" s="554" t="s">
        <v>712</v>
      </c>
      <c r="F522" s="555"/>
      <c r="G522" s="555"/>
      <c r="H522" s="555"/>
      <c r="I522" s="555"/>
      <c r="J522" s="555"/>
      <c r="K522" s="555"/>
      <c r="L522" s="555"/>
      <c r="M522" s="555"/>
      <c r="N522" s="555"/>
      <c r="O522" s="555"/>
      <c r="P522" s="555"/>
      <c r="Q522" s="555"/>
      <c r="R522" s="555"/>
      <c r="S522" s="555"/>
      <c r="T522" s="556"/>
      <c r="U522" s="259" t="s">
        <v>622</v>
      </c>
      <c r="V522" s="557" t="s">
        <v>398</v>
      </c>
      <c r="W522" s="558"/>
      <c r="X522" s="558"/>
      <c r="Y522" s="558"/>
      <c r="Z522" s="559"/>
      <c r="AA522" s="626" t="s">
        <v>102</v>
      </c>
      <c r="AB522" s="627"/>
      <c r="AC522" s="628"/>
      <c r="AD522" s="419">
        <v>50</v>
      </c>
      <c r="AE522" s="419" t="s">
        <v>103</v>
      </c>
      <c r="AF522" s="552" t="s">
        <v>109</v>
      </c>
      <c r="AG522" s="553"/>
      <c r="AH522" s="560"/>
      <c r="AI522" s="561"/>
      <c r="AJ522" s="562"/>
      <c r="AK522" s="333" t="s">
        <v>399</v>
      </c>
      <c r="AL522" s="38"/>
      <c r="AM522" s="54"/>
      <c r="AN522" s="13" t="str">
        <f t="shared" si="26"/>
        <v>■</v>
      </c>
    </row>
    <row r="523" spans="1:40" s="13" customFormat="1" ht="13.4" customHeight="1">
      <c r="A523" s="20" t="str">
        <f t="shared" si="25"/>
        <v>TO</v>
      </c>
      <c r="B523" s="20"/>
      <c r="C523" s="541">
        <v>20</v>
      </c>
      <c r="D523" s="542"/>
      <c r="E523" s="543" t="s">
        <v>623</v>
      </c>
      <c r="F523" s="544"/>
      <c r="G523" s="544"/>
      <c r="H523" s="544"/>
      <c r="I523" s="544"/>
      <c r="J523" s="544"/>
      <c r="K523" s="544"/>
      <c r="L523" s="544"/>
      <c r="M523" s="544"/>
      <c r="N523" s="544"/>
      <c r="O523" s="544"/>
      <c r="P523" s="544"/>
      <c r="Q523" s="544"/>
      <c r="R523" s="544"/>
      <c r="S523" s="544"/>
      <c r="T523" s="545"/>
      <c r="U523" s="221" t="s">
        <v>624</v>
      </c>
      <c r="V523" s="546" t="s">
        <v>107</v>
      </c>
      <c r="W523" s="547"/>
      <c r="X523" s="547"/>
      <c r="Y523" s="547"/>
      <c r="Z523" s="548"/>
      <c r="AA523" s="623" t="s">
        <v>102</v>
      </c>
      <c r="AB523" s="624"/>
      <c r="AC523" s="625"/>
      <c r="AD523" s="415">
        <v>9</v>
      </c>
      <c r="AE523" s="415" t="s">
        <v>103</v>
      </c>
      <c r="AF523" s="541"/>
      <c r="AG523" s="542"/>
      <c r="AH523" s="549"/>
      <c r="AI523" s="550"/>
      <c r="AJ523" s="551"/>
      <c r="AK523" s="265"/>
      <c r="AL523" s="38"/>
      <c r="AM523" s="54"/>
      <c r="AN523" s="13" t="str">
        <f t="shared" si="26"/>
        <v>■</v>
      </c>
    </row>
    <row r="524" spans="1:40" s="13" customFormat="1" ht="13.4" customHeight="1">
      <c r="A524" s="20" t="str">
        <f t="shared" si="25"/>
        <v>TO</v>
      </c>
      <c r="B524" s="20"/>
      <c r="C524" s="552">
        <v>21</v>
      </c>
      <c r="D524" s="553"/>
      <c r="E524" s="554" t="s">
        <v>625</v>
      </c>
      <c r="F524" s="555"/>
      <c r="G524" s="555"/>
      <c r="H524" s="555"/>
      <c r="I524" s="555"/>
      <c r="J524" s="555"/>
      <c r="K524" s="555"/>
      <c r="L524" s="555"/>
      <c r="M524" s="555"/>
      <c r="N524" s="555"/>
      <c r="O524" s="555"/>
      <c r="P524" s="555"/>
      <c r="Q524" s="555"/>
      <c r="R524" s="555"/>
      <c r="S524" s="555"/>
      <c r="T524" s="556"/>
      <c r="U524" s="259" t="s">
        <v>626</v>
      </c>
      <c r="V524" s="557" t="s">
        <v>398</v>
      </c>
      <c r="W524" s="558"/>
      <c r="X524" s="558"/>
      <c r="Y524" s="558"/>
      <c r="Z524" s="559"/>
      <c r="AA524" s="626" t="s">
        <v>102</v>
      </c>
      <c r="AB524" s="627"/>
      <c r="AC524" s="628"/>
      <c r="AD524" s="419">
        <v>50</v>
      </c>
      <c r="AE524" s="419" t="s">
        <v>103</v>
      </c>
      <c r="AF524" s="552" t="s">
        <v>109</v>
      </c>
      <c r="AG524" s="553"/>
      <c r="AH524" s="560"/>
      <c r="AI524" s="561"/>
      <c r="AJ524" s="562"/>
      <c r="AK524" s="333" t="s">
        <v>399</v>
      </c>
      <c r="AL524" s="38"/>
      <c r="AM524" s="54"/>
      <c r="AN524" s="13" t="str">
        <f t="shared" si="26"/>
        <v>■</v>
      </c>
    </row>
    <row r="525" spans="1:40" s="13" customFormat="1" ht="13.4" customHeight="1">
      <c r="A525" s="20" t="str">
        <f t="shared" si="25"/>
        <v>TO</v>
      </c>
      <c r="B525" s="20"/>
      <c r="C525" s="541">
        <v>22</v>
      </c>
      <c r="D525" s="542"/>
      <c r="E525" s="543" t="s">
        <v>627</v>
      </c>
      <c r="F525" s="544"/>
      <c r="G525" s="544"/>
      <c r="H525" s="544"/>
      <c r="I525" s="544"/>
      <c r="J525" s="544"/>
      <c r="K525" s="544"/>
      <c r="L525" s="544"/>
      <c r="M525" s="544"/>
      <c r="N525" s="544"/>
      <c r="O525" s="544"/>
      <c r="P525" s="544"/>
      <c r="Q525" s="544"/>
      <c r="R525" s="544"/>
      <c r="S525" s="544"/>
      <c r="T525" s="545"/>
      <c r="U525" s="221" t="s">
        <v>628</v>
      </c>
      <c r="V525" s="546" t="s">
        <v>107</v>
      </c>
      <c r="W525" s="547"/>
      <c r="X525" s="547"/>
      <c r="Y525" s="547"/>
      <c r="Z525" s="548"/>
      <c r="AA525" s="623" t="s">
        <v>108</v>
      </c>
      <c r="AB525" s="624"/>
      <c r="AC525" s="625"/>
      <c r="AD525" s="415">
        <v>3</v>
      </c>
      <c r="AE525" s="415">
        <v>0</v>
      </c>
      <c r="AF525" s="541"/>
      <c r="AG525" s="542"/>
      <c r="AH525" s="549"/>
      <c r="AI525" s="550"/>
      <c r="AJ525" s="551"/>
      <c r="AK525" s="265"/>
      <c r="AL525" s="38"/>
      <c r="AM525" s="54"/>
      <c r="AN525" s="13" t="str">
        <f t="shared" si="26"/>
        <v>■</v>
      </c>
    </row>
    <row r="526" spans="1:40" s="13" customFormat="1" ht="13.4" customHeight="1">
      <c r="A526" s="20" t="str">
        <f t="shared" si="25"/>
        <v>TO</v>
      </c>
      <c r="B526" s="20"/>
      <c r="C526" s="541">
        <v>23</v>
      </c>
      <c r="D526" s="542"/>
      <c r="E526" s="543" t="s">
        <v>629</v>
      </c>
      <c r="F526" s="544"/>
      <c r="G526" s="544"/>
      <c r="H526" s="544"/>
      <c r="I526" s="544"/>
      <c r="J526" s="544"/>
      <c r="K526" s="544"/>
      <c r="L526" s="544"/>
      <c r="M526" s="544"/>
      <c r="N526" s="544"/>
      <c r="O526" s="544"/>
      <c r="P526" s="544"/>
      <c r="Q526" s="544"/>
      <c r="R526" s="544"/>
      <c r="S526" s="544"/>
      <c r="T526" s="545"/>
      <c r="U526" s="221" t="s">
        <v>630</v>
      </c>
      <c r="V526" s="546" t="s">
        <v>107</v>
      </c>
      <c r="W526" s="547"/>
      <c r="X526" s="547"/>
      <c r="Y526" s="547"/>
      <c r="Z526" s="548"/>
      <c r="AA526" s="623" t="s">
        <v>108</v>
      </c>
      <c r="AB526" s="624"/>
      <c r="AC526" s="625"/>
      <c r="AD526" s="415">
        <v>3</v>
      </c>
      <c r="AE526" s="415">
        <v>0</v>
      </c>
      <c r="AF526" s="541"/>
      <c r="AG526" s="542"/>
      <c r="AH526" s="549"/>
      <c r="AI526" s="550"/>
      <c r="AJ526" s="551"/>
      <c r="AK526" s="265"/>
      <c r="AL526" s="38"/>
      <c r="AM526" s="54"/>
      <c r="AN526" s="13" t="str">
        <f t="shared" si="26"/>
        <v>■</v>
      </c>
    </row>
    <row r="527" spans="1:40" s="13" customFormat="1" ht="13.4" customHeight="1">
      <c r="A527" s="20" t="str">
        <f t="shared" si="25"/>
        <v>TO</v>
      </c>
      <c r="B527" s="20"/>
      <c r="C527" s="541">
        <v>24</v>
      </c>
      <c r="D527" s="542"/>
      <c r="E527" s="543" t="s">
        <v>631</v>
      </c>
      <c r="F527" s="544"/>
      <c r="G527" s="544"/>
      <c r="H527" s="544"/>
      <c r="I527" s="544"/>
      <c r="J527" s="544"/>
      <c r="K527" s="544"/>
      <c r="L527" s="544"/>
      <c r="M527" s="544"/>
      <c r="N527" s="544"/>
      <c r="O527" s="544"/>
      <c r="P527" s="544"/>
      <c r="Q527" s="544"/>
      <c r="R527" s="544"/>
      <c r="S527" s="544"/>
      <c r="T527" s="545"/>
      <c r="U527" s="221" t="s">
        <v>632</v>
      </c>
      <c r="V527" s="546" t="s">
        <v>107</v>
      </c>
      <c r="W527" s="547"/>
      <c r="X527" s="547"/>
      <c r="Y527" s="547"/>
      <c r="Z527" s="548"/>
      <c r="AA527" s="623" t="s">
        <v>108</v>
      </c>
      <c r="AB527" s="624"/>
      <c r="AC527" s="625"/>
      <c r="AD527" s="415">
        <v>3</v>
      </c>
      <c r="AE527" s="415">
        <v>0</v>
      </c>
      <c r="AF527" s="541"/>
      <c r="AG527" s="542"/>
      <c r="AH527" s="549"/>
      <c r="AI527" s="550"/>
      <c r="AJ527" s="551"/>
      <c r="AK527" s="265"/>
      <c r="AL527" s="38"/>
      <c r="AM527" s="54"/>
      <c r="AN527" s="13" t="str">
        <f t="shared" si="26"/>
        <v>■</v>
      </c>
    </row>
    <row r="528" spans="1:40" s="13" customFormat="1" ht="13.4" customHeight="1">
      <c r="A528" s="20" t="str">
        <f t="shared" si="25"/>
        <v>TO</v>
      </c>
      <c r="B528" s="20"/>
      <c r="C528" s="541">
        <v>25</v>
      </c>
      <c r="D528" s="542"/>
      <c r="E528" s="543" t="s">
        <v>633</v>
      </c>
      <c r="F528" s="544"/>
      <c r="G528" s="544"/>
      <c r="H528" s="544"/>
      <c r="I528" s="544"/>
      <c r="J528" s="544"/>
      <c r="K528" s="544"/>
      <c r="L528" s="544"/>
      <c r="M528" s="544"/>
      <c r="N528" s="544"/>
      <c r="O528" s="544"/>
      <c r="P528" s="544"/>
      <c r="Q528" s="544"/>
      <c r="R528" s="544"/>
      <c r="S528" s="544"/>
      <c r="T528" s="545"/>
      <c r="U528" s="221" t="s">
        <v>634</v>
      </c>
      <c r="V528" s="546" t="s">
        <v>107</v>
      </c>
      <c r="W528" s="547"/>
      <c r="X528" s="547"/>
      <c r="Y528" s="547"/>
      <c r="Z528" s="548"/>
      <c r="AA528" s="623" t="s">
        <v>108</v>
      </c>
      <c r="AB528" s="624"/>
      <c r="AC528" s="625"/>
      <c r="AD528" s="415">
        <v>3</v>
      </c>
      <c r="AE528" s="415">
        <v>0</v>
      </c>
      <c r="AF528" s="541"/>
      <c r="AG528" s="542"/>
      <c r="AH528" s="549"/>
      <c r="AI528" s="550"/>
      <c r="AJ528" s="551"/>
      <c r="AK528" s="265"/>
      <c r="AL528" s="38"/>
      <c r="AM528" s="54"/>
      <c r="AN528" s="13" t="str">
        <f t="shared" si="26"/>
        <v>■</v>
      </c>
    </row>
    <row r="529" spans="1:40" s="13" customFormat="1" ht="13.4" customHeight="1">
      <c r="A529" s="20" t="str">
        <f t="shared" si="25"/>
        <v>TO</v>
      </c>
      <c r="B529" s="20"/>
      <c r="C529" s="541">
        <v>26</v>
      </c>
      <c r="D529" s="542"/>
      <c r="E529" s="543" t="s">
        <v>635</v>
      </c>
      <c r="F529" s="544"/>
      <c r="G529" s="544"/>
      <c r="H529" s="544"/>
      <c r="I529" s="544"/>
      <c r="J529" s="544"/>
      <c r="K529" s="544"/>
      <c r="L529" s="544"/>
      <c r="M529" s="544"/>
      <c r="N529" s="544"/>
      <c r="O529" s="544"/>
      <c r="P529" s="544"/>
      <c r="Q529" s="544"/>
      <c r="R529" s="544"/>
      <c r="S529" s="544"/>
      <c r="T529" s="545"/>
      <c r="U529" s="221" t="s">
        <v>636</v>
      </c>
      <c r="V529" s="546" t="s">
        <v>107</v>
      </c>
      <c r="W529" s="547"/>
      <c r="X529" s="547"/>
      <c r="Y529" s="547"/>
      <c r="Z529" s="548"/>
      <c r="AA529" s="623" t="s">
        <v>108</v>
      </c>
      <c r="AB529" s="624"/>
      <c r="AC529" s="625"/>
      <c r="AD529" s="415">
        <v>3</v>
      </c>
      <c r="AE529" s="415">
        <v>0</v>
      </c>
      <c r="AF529" s="541"/>
      <c r="AG529" s="542"/>
      <c r="AH529" s="549"/>
      <c r="AI529" s="550"/>
      <c r="AJ529" s="551"/>
      <c r="AK529" s="265"/>
      <c r="AL529" s="38"/>
      <c r="AM529" s="54"/>
      <c r="AN529" s="13" t="str">
        <f t="shared" si="26"/>
        <v>■</v>
      </c>
    </row>
    <row r="530" spans="1:40" s="13" customFormat="1" ht="13.4" customHeight="1">
      <c r="A530" s="20" t="str">
        <f t="shared" si="25"/>
        <v>TO</v>
      </c>
      <c r="B530" s="20"/>
      <c r="C530" s="541">
        <v>27</v>
      </c>
      <c r="D530" s="542"/>
      <c r="E530" s="543" t="s">
        <v>637</v>
      </c>
      <c r="F530" s="544"/>
      <c r="G530" s="544"/>
      <c r="H530" s="544"/>
      <c r="I530" s="544"/>
      <c r="J530" s="544"/>
      <c r="K530" s="544"/>
      <c r="L530" s="544"/>
      <c r="M530" s="544"/>
      <c r="N530" s="544"/>
      <c r="O530" s="544"/>
      <c r="P530" s="544"/>
      <c r="Q530" s="544"/>
      <c r="R530" s="544"/>
      <c r="S530" s="544"/>
      <c r="T530" s="545"/>
      <c r="U530" s="221" t="s">
        <v>638</v>
      </c>
      <c r="V530" s="546" t="s">
        <v>107</v>
      </c>
      <c r="W530" s="547"/>
      <c r="X530" s="547"/>
      <c r="Y530" s="547"/>
      <c r="Z530" s="548"/>
      <c r="AA530" s="623" t="s">
        <v>108</v>
      </c>
      <c r="AB530" s="624"/>
      <c r="AC530" s="625"/>
      <c r="AD530" s="415">
        <v>3</v>
      </c>
      <c r="AE530" s="415">
        <v>0</v>
      </c>
      <c r="AF530" s="541"/>
      <c r="AG530" s="542"/>
      <c r="AH530" s="549"/>
      <c r="AI530" s="550"/>
      <c r="AJ530" s="551"/>
      <c r="AK530" s="265"/>
      <c r="AL530" s="38"/>
      <c r="AM530" s="54"/>
      <c r="AN530" s="13" t="str">
        <f t="shared" si="26"/>
        <v>■</v>
      </c>
    </row>
    <row r="531" spans="1:40" s="13" customFormat="1" ht="13.4" customHeight="1">
      <c r="A531" s="20" t="str">
        <f t="shared" si="25"/>
        <v>TO</v>
      </c>
      <c r="B531" s="20"/>
      <c r="C531" s="541">
        <v>28</v>
      </c>
      <c r="D531" s="542"/>
      <c r="E531" s="543" t="s">
        <v>639</v>
      </c>
      <c r="F531" s="544"/>
      <c r="G531" s="544"/>
      <c r="H531" s="544"/>
      <c r="I531" s="544"/>
      <c r="J531" s="544"/>
      <c r="K531" s="544"/>
      <c r="L531" s="544"/>
      <c r="M531" s="544"/>
      <c r="N531" s="544"/>
      <c r="O531" s="544"/>
      <c r="P531" s="544"/>
      <c r="Q531" s="544"/>
      <c r="R531" s="544"/>
      <c r="S531" s="544"/>
      <c r="T531" s="545"/>
      <c r="U531" s="221" t="s">
        <v>640</v>
      </c>
      <c r="V531" s="546" t="s">
        <v>107</v>
      </c>
      <c r="W531" s="547"/>
      <c r="X531" s="547"/>
      <c r="Y531" s="547"/>
      <c r="Z531" s="548"/>
      <c r="AA531" s="623" t="s">
        <v>108</v>
      </c>
      <c r="AB531" s="624"/>
      <c r="AC531" s="625"/>
      <c r="AD531" s="415">
        <v>3</v>
      </c>
      <c r="AE531" s="415">
        <v>0</v>
      </c>
      <c r="AF531" s="541"/>
      <c r="AG531" s="542"/>
      <c r="AH531" s="549"/>
      <c r="AI531" s="550"/>
      <c r="AJ531" s="551"/>
      <c r="AK531" s="265"/>
      <c r="AL531" s="38"/>
      <c r="AM531" s="54"/>
      <c r="AN531" s="13" t="str">
        <f t="shared" si="26"/>
        <v>■</v>
      </c>
    </row>
    <row r="532" spans="1:40" s="13" customFormat="1" ht="13.4" customHeight="1">
      <c r="A532" s="20" t="str">
        <f t="shared" si="25"/>
        <v>TO</v>
      </c>
      <c r="B532" s="20"/>
      <c r="C532" s="541">
        <v>29</v>
      </c>
      <c r="D532" s="542"/>
      <c r="E532" s="543" t="s">
        <v>641</v>
      </c>
      <c r="F532" s="544"/>
      <c r="G532" s="544"/>
      <c r="H532" s="544"/>
      <c r="I532" s="544"/>
      <c r="J532" s="544"/>
      <c r="K532" s="544"/>
      <c r="L532" s="544"/>
      <c r="M532" s="544"/>
      <c r="N532" s="544"/>
      <c r="O532" s="544"/>
      <c r="P532" s="544"/>
      <c r="Q532" s="544"/>
      <c r="R532" s="544"/>
      <c r="S532" s="544"/>
      <c r="T532" s="545"/>
      <c r="U532" s="221" t="s">
        <v>642</v>
      </c>
      <c r="V532" s="546" t="s">
        <v>107</v>
      </c>
      <c r="W532" s="547"/>
      <c r="X532" s="547"/>
      <c r="Y532" s="547"/>
      <c r="Z532" s="548"/>
      <c r="AA532" s="623" t="s">
        <v>108</v>
      </c>
      <c r="AB532" s="624"/>
      <c r="AC532" s="625"/>
      <c r="AD532" s="415">
        <v>3</v>
      </c>
      <c r="AE532" s="415">
        <v>0</v>
      </c>
      <c r="AF532" s="541"/>
      <c r="AG532" s="542"/>
      <c r="AH532" s="549"/>
      <c r="AI532" s="550"/>
      <c r="AJ532" s="551"/>
      <c r="AK532" s="265"/>
      <c r="AL532" s="38"/>
      <c r="AM532" s="54"/>
      <c r="AN532" s="13" t="str">
        <f t="shared" si="26"/>
        <v>■</v>
      </c>
    </row>
    <row r="533" spans="1:40" s="13" customFormat="1" ht="13.4" customHeight="1">
      <c r="A533" s="20" t="str">
        <f t="shared" si="25"/>
        <v>TO</v>
      </c>
      <c r="B533" s="20"/>
      <c r="C533" s="541">
        <v>30</v>
      </c>
      <c r="D533" s="542"/>
      <c r="E533" s="543" t="s">
        <v>643</v>
      </c>
      <c r="F533" s="544"/>
      <c r="G533" s="544"/>
      <c r="H533" s="544"/>
      <c r="I533" s="544"/>
      <c r="J533" s="544"/>
      <c r="K533" s="544"/>
      <c r="L533" s="544"/>
      <c r="M533" s="544"/>
      <c r="N533" s="544"/>
      <c r="O533" s="544"/>
      <c r="P533" s="544"/>
      <c r="Q533" s="544"/>
      <c r="R533" s="544"/>
      <c r="S533" s="544"/>
      <c r="T533" s="545"/>
      <c r="U533" s="221" t="s">
        <v>644</v>
      </c>
      <c r="V533" s="546" t="s">
        <v>107</v>
      </c>
      <c r="W533" s="547"/>
      <c r="X533" s="547"/>
      <c r="Y533" s="547"/>
      <c r="Z533" s="548"/>
      <c r="AA533" s="623" t="s">
        <v>108</v>
      </c>
      <c r="AB533" s="624"/>
      <c r="AC533" s="625"/>
      <c r="AD533" s="415">
        <v>3</v>
      </c>
      <c r="AE533" s="415">
        <v>0</v>
      </c>
      <c r="AF533" s="541"/>
      <c r="AG533" s="542"/>
      <c r="AH533" s="549"/>
      <c r="AI533" s="550"/>
      <c r="AJ533" s="551"/>
      <c r="AK533" s="265"/>
      <c r="AL533" s="38"/>
      <c r="AM533" s="54"/>
      <c r="AN533" s="13" t="str">
        <f t="shared" si="26"/>
        <v>■</v>
      </c>
    </row>
    <row r="534" spans="1:40" s="13" customFormat="1" ht="13.4" customHeight="1">
      <c r="A534" s="20" t="str">
        <f t="shared" si="25"/>
        <v>TO</v>
      </c>
      <c r="B534" s="20"/>
      <c r="C534" s="541">
        <v>31</v>
      </c>
      <c r="D534" s="542"/>
      <c r="E534" s="543" t="s">
        <v>645</v>
      </c>
      <c r="F534" s="544"/>
      <c r="G534" s="544"/>
      <c r="H534" s="544"/>
      <c r="I534" s="544"/>
      <c r="J534" s="544"/>
      <c r="K534" s="544"/>
      <c r="L534" s="544"/>
      <c r="M534" s="544"/>
      <c r="N534" s="544"/>
      <c r="O534" s="544"/>
      <c r="P534" s="544"/>
      <c r="Q534" s="544"/>
      <c r="R534" s="544"/>
      <c r="S534" s="544"/>
      <c r="T534" s="545"/>
      <c r="U534" s="221" t="s">
        <v>646</v>
      </c>
      <c r="V534" s="546" t="s">
        <v>107</v>
      </c>
      <c r="W534" s="547"/>
      <c r="X534" s="547"/>
      <c r="Y534" s="547"/>
      <c r="Z534" s="548"/>
      <c r="AA534" s="623" t="s">
        <v>108</v>
      </c>
      <c r="AB534" s="624"/>
      <c r="AC534" s="625"/>
      <c r="AD534" s="415">
        <v>3</v>
      </c>
      <c r="AE534" s="415">
        <v>0</v>
      </c>
      <c r="AF534" s="541"/>
      <c r="AG534" s="542"/>
      <c r="AH534" s="549"/>
      <c r="AI534" s="550"/>
      <c r="AJ534" s="551"/>
      <c r="AK534" s="265"/>
      <c r="AL534" s="38"/>
      <c r="AM534" s="54"/>
      <c r="AN534" s="13" t="str">
        <f t="shared" si="26"/>
        <v>■</v>
      </c>
    </row>
    <row r="535" spans="1:40" s="13" customFormat="1" ht="13.4" customHeight="1">
      <c r="A535" s="20" t="str">
        <f t="shared" si="25"/>
        <v>TO</v>
      </c>
      <c r="B535" s="20"/>
      <c r="C535" s="541">
        <v>32</v>
      </c>
      <c r="D535" s="542"/>
      <c r="E535" s="543" t="s">
        <v>647</v>
      </c>
      <c r="F535" s="544"/>
      <c r="G535" s="544"/>
      <c r="H535" s="544"/>
      <c r="I535" s="544"/>
      <c r="J535" s="544"/>
      <c r="K535" s="544"/>
      <c r="L535" s="544"/>
      <c r="M535" s="544"/>
      <c r="N535" s="544"/>
      <c r="O535" s="544"/>
      <c r="P535" s="544"/>
      <c r="Q535" s="544"/>
      <c r="R535" s="544"/>
      <c r="S535" s="544"/>
      <c r="T535" s="545"/>
      <c r="U535" s="221" t="s">
        <v>648</v>
      </c>
      <c r="V535" s="546" t="s">
        <v>107</v>
      </c>
      <c r="W535" s="547"/>
      <c r="X535" s="547"/>
      <c r="Y535" s="547"/>
      <c r="Z535" s="548"/>
      <c r="AA535" s="623" t="s">
        <v>108</v>
      </c>
      <c r="AB535" s="624"/>
      <c r="AC535" s="625"/>
      <c r="AD535" s="415">
        <v>3</v>
      </c>
      <c r="AE535" s="415">
        <v>0</v>
      </c>
      <c r="AF535" s="541"/>
      <c r="AG535" s="542"/>
      <c r="AH535" s="549"/>
      <c r="AI535" s="550"/>
      <c r="AJ535" s="551"/>
      <c r="AK535" s="265"/>
      <c r="AL535" s="38"/>
      <c r="AM535" s="54"/>
      <c r="AN535" s="13" t="str">
        <f t="shared" si="26"/>
        <v>■</v>
      </c>
    </row>
    <row r="536" spans="1:40" s="13" customFormat="1" ht="13.4" customHeight="1">
      <c r="A536" s="20" t="str">
        <f t="shared" si="25"/>
        <v>TO</v>
      </c>
      <c r="B536" s="20"/>
      <c r="C536" s="541">
        <v>33</v>
      </c>
      <c r="D536" s="542"/>
      <c r="E536" s="543" t="s">
        <v>649</v>
      </c>
      <c r="F536" s="544"/>
      <c r="G536" s="544"/>
      <c r="H536" s="544"/>
      <c r="I536" s="544"/>
      <c r="J536" s="544"/>
      <c r="K536" s="544"/>
      <c r="L536" s="544"/>
      <c r="M536" s="544"/>
      <c r="N536" s="544"/>
      <c r="O536" s="544"/>
      <c r="P536" s="544"/>
      <c r="Q536" s="544"/>
      <c r="R536" s="544"/>
      <c r="S536" s="544"/>
      <c r="T536" s="545"/>
      <c r="U536" s="221" t="s">
        <v>650</v>
      </c>
      <c r="V536" s="546" t="s">
        <v>107</v>
      </c>
      <c r="W536" s="547"/>
      <c r="X536" s="547"/>
      <c r="Y536" s="547"/>
      <c r="Z536" s="548"/>
      <c r="AA536" s="623" t="s">
        <v>108</v>
      </c>
      <c r="AB536" s="624"/>
      <c r="AC536" s="625"/>
      <c r="AD536" s="415">
        <v>3</v>
      </c>
      <c r="AE536" s="415">
        <v>0</v>
      </c>
      <c r="AF536" s="541"/>
      <c r="AG536" s="542"/>
      <c r="AH536" s="549"/>
      <c r="AI536" s="550"/>
      <c r="AJ536" s="551"/>
      <c r="AK536" s="265"/>
      <c r="AL536" s="38"/>
      <c r="AM536" s="54"/>
      <c r="AN536" s="13" t="str">
        <f t="shared" si="26"/>
        <v>■</v>
      </c>
    </row>
    <row r="537" spans="1:40" s="13" customFormat="1" ht="13.4" customHeight="1">
      <c r="A537" s="20" t="str">
        <f t="shared" si="25"/>
        <v>TO</v>
      </c>
      <c r="B537" s="20"/>
      <c r="C537" s="541">
        <v>34</v>
      </c>
      <c r="D537" s="542"/>
      <c r="E537" s="543" t="s">
        <v>651</v>
      </c>
      <c r="F537" s="544"/>
      <c r="G537" s="544"/>
      <c r="H537" s="544"/>
      <c r="I537" s="544"/>
      <c r="J537" s="544"/>
      <c r="K537" s="544"/>
      <c r="L537" s="544"/>
      <c r="M537" s="544"/>
      <c r="N537" s="544"/>
      <c r="O537" s="544"/>
      <c r="P537" s="544"/>
      <c r="Q537" s="544"/>
      <c r="R537" s="544"/>
      <c r="S537" s="544"/>
      <c r="T537" s="545"/>
      <c r="U537" s="221" t="s">
        <v>652</v>
      </c>
      <c r="V537" s="546" t="s">
        <v>107</v>
      </c>
      <c r="W537" s="547"/>
      <c r="X537" s="547"/>
      <c r="Y537" s="547"/>
      <c r="Z537" s="548"/>
      <c r="AA537" s="623" t="s">
        <v>108</v>
      </c>
      <c r="AB537" s="624"/>
      <c r="AC537" s="625"/>
      <c r="AD537" s="415">
        <v>3</v>
      </c>
      <c r="AE537" s="415">
        <v>0</v>
      </c>
      <c r="AF537" s="541"/>
      <c r="AG537" s="542"/>
      <c r="AH537" s="549"/>
      <c r="AI537" s="550"/>
      <c r="AJ537" s="551"/>
      <c r="AK537" s="265"/>
      <c r="AL537" s="38"/>
      <c r="AM537" s="54"/>
      <c r="AN537" s="13" t="str">
        <f t="shared" si="26"/>
        <v>■</v>
      </c>
    </row>
    <row r="538" spans="1:40" s="13" customFormat="1" ht="13.4" customHeight="1">
      <c r="A538" s="20" t="str">
        <f t="shared" si="25"/>
        <v>TO</v>
      </c>
      <c r="B538" s="20"/>
      <c r="C538" s="541">
        <v>35</v>
      </c>
      <c r="D538" s="542"/>
      <c r="E538" s="543" t="s">
        <v>653</v>
      </c>
      <c r="F538" s="544"/>
      <c r="G538" s="544"/>
      <c r="H538" s="544"/>
      <c r="I538" s="544"/>
      <c r="J538" s="544"/>
      <c r="K538" s="544"/>
      <c r="L538" s="544"/>
      <c r="M538" s="544"/>
      <c r="N538" s="544"/>
      <c r="O538" s="544"/>
      <c r="P538" s="544"/>
      <c r="Q538" s="544"/>
      <c r="R538" s="544"/>
      <c r="S538" s="544"/>
      <c r="T538" s="545"/>
      <c r="U538" s="221" t="s">
        <v>654</v>
      </c>
      <c r="V538" s="546" t="s">
        <v>107</v>
      </c>
      <c r="W538" s="547"/>
      <c r="X538" s="547"/>
      <c r="Y538" s="547"/>
      <c r="Z538" s="548"/>
      <c r="AA538" s="623" t="s">
        <v>108</v>
      </c>
      <c r="AB538" s="624"/>
      <c r="AC538" s="625"/>
      <c r="AD538" s="415">
        <v>3</v>
      </c>
      <c r="AE538" s="415">
        <v>0</v>
      </c>
      <c r="AF538" s="541"/>
      <c r="AG538" s="542"/>
      <c r="AH538" s="549"/>
      <c r="AI538" s="550"/>
      <c r="AJ538" s="551"/>
      <c r="AK538" s="265"/>
      <c r="AL538" s="38"/>
      <c r="AM538" s="54"/>
      <c r="AN538" s="13" t="str">
        <f t="shared" si="26"/>
        <v>■</v>
      </c>
    </row>
    <row r="539" spans="1:40" s="13" customFormat="1" ht="13.4" customHeight="1">
      <c r="A539" s="20" t="str">
        <f t="shared" si="25"/>
        <v>TO</v>
      </c>
      <c r="B539" s="20"/>
      <c r="C539" s="541">
        <v>36</v>
      </c>
      <c r="D539" s="542"/>
      <c r="E539" s="543" t="s">
        <v>655</v>
      </c>
      <c r="F539" s="544"/>
      <c r="G539" s="544"/>
      <c r="H539" s="544"/>
      <c r="I539" s="544"/>
      <c r="J539" s="544"/>
      <c r="K539" s="544"/>
      <c r="L539" s="544"/>
      <c r="M539" s="544"/>
      <c r="N539" s="544"/>
      <c r="O539" s="544"/>
      <c r="P539" s="544"/>
      <c r="Q539" s="544"/>
      <c r="R539" s="544"/>
      <c r="S539" s="544"/>
      <c r="T539" s="545"/>
      <c r="U539" s="221" t="s">
        <v>656</v>
      </c>
      <c r="V539" s="546" t="s">
        <v>107</v>
      </c>
      <c r="W539" s="547"/>
      <c r="X539" s="547"/>
      <c r="Y539" s="547"/>
      <c r="Z539" s="548"/>
      <c r="AA539" s="623" t="s">
        <v>108</v>
      </c>
      <c r="AB539" s="624"/>
      <c r="AC539" s="625"/>
      <c r="AD539" s="415">
        <v>3</v>
      </c>
      <c r="AE539" s="415">
        <v>0</v>
      </c>
      <c r="AF539" s="541"/>
      <c r="AG539" s="542"/>
      <c r="AH539" s="549"/>
      <c r="AI539" s="550"/>
      <c r="AJ539" s="551"/>
      <c r="AK539" s="265"/>
      <c r="AL539" s="38"/>
      <c r="AM539" s="54"/>
      <c r="AN539" s="13" t="str">
        <f t="shared" si="26"/>
        <v>■</v>
      </c>
    </row>
    <row r="540" spans="1:40" s="13" customFormat="1" ht="13.4" customHeight="1">
      <c r="A540" s="20" t="str">
        <f t="shared" si="25"/>
        <v>TO</v>
      </c>
      <c r="B540" s="20"/>
      <c r="C540" s="541">
        <v>37</v>
      </c>
      <c r="D540" s="542"/>
      <c r="E540" s="543" t="s">
        <v>657</v>
      </c>
      <c r="F540" s="544"/>
      <c r="G540" s="544"/>
      <c r="H540" s="544"/>
      <c r="I540" s="544"/>
      <c r="J540" s="544"/>
      <c r="K540" s="544"/>
      <c r="L540" s="544"/>
      <c r="M540" s="544"/>
      <c r="N540" s="544"/>
      <c r="O540" s="544"/>
      <c r="P540" s="544"/>
      <c r="Q540" s="544"/>
      <c r="R540" s="544"/>
      <c r="S540" s="544"/>
      <c r="T540" s="545"/>
      <c r="U540" s="221" t="s">
        <v>658</v>
      </c>
      <c r="V540" s="546" t="s">
        <v>107</v>
      </c>
      <c r="W540" s="547"/>
      <c r="X540" s="547"/>
      <c r="Y540" s="547"/>
      <c r="Z540" s="548"/>
      <c r="AA540" s="623" t="s">
        <v>108</v>
      </c>
      <c r="AB540" s="624"/>
      <c r="AC540" s="625"/>
      <c r="AD540" s="415">
        <v>3</v>
      </c>
      <c r="AE540" s="415">
        <v>0</v>
      </c>
      <c r="AF540" s="541"/>
      <c r="AG540" s="542"/>
      <c r="AH540" s="549"/>
      <c r="AI540" s="550"/>
      <c r="AJ540" s="551"/>
      <c r="AK540" s="265"/>
      <c r="AL540" s="38"/>
      <c r="AM540" s="54"/>
      <c r="AN540" s="13" t="str">
        <f t="shared" si="26"/>
        <v>■</v>
      </c>
    </row>
    <row r="541" spans="1:40" s="13" customFormat="1" ht="13.4" customHeight="1">
      <c r="A541" s="20" t="str">
        <f t="shared" si="25"/>
        <v>TO</v>
      </c>
      <c r="B541" s="20"/>
      <c r="C541" s="541">
        <v>38</v>
      </c>
      <c r="D541" s="542"/>
      <c r="E541" s="543" t="s">
        <v>659</v>
      </c>
      <c r="F541" s="544"/>
      <c r="G541" s="544"/>
      <c r="H541" s="544"/>
      <c r="I541" s="544"/>
      <c r="J541" s="544"/>
      <c r="K541" s="544"/>
      <c r="L541" s="544"/>
      <c r="M541" s="544"/>
      <c r="N541" s="544"/>
      <c r="O541" s="544"/>
      <c r="P541" s="544"/>
      <c r="Q541" s="544"/>
      <c r="R541" s="544"/>
      <c r="S541" s="544"/>
      <c r="T541" s="545"/>
      <c r="U541" s="221" t="s">
        <v>660</v>
      </c>
      <c r="V541" s="546" t="s">
        <v>107</v>
      </c>
      <c r="W541" s="547"/>
      <c r="X541" s="547"/>
      <c r="Y541" s="547"/>
      <c r="Z541" s="548"/>
      <c r="AA541" s="623" t="s">
        <v>108</v>
      </c>
      <c r="AB541" s="624"/>
      <c r="AC541" s="625"/>
      <c r="AD541" s="415">
        <v>3</v>
      </c>
      <c r="AE541" s="415">
        <v>0</v>
      </c>
      <c r="AF541" s="541"/>
      <c r="AG541" s="542"/>
      <c r="AH541" s="549"/>
      <c r="AI541" s="550"/>
      <c r="AJ541" s="551"/>
      <c r="AK541" s="265"/>
      <c r="AL541" s="38"/>
      <c r="AM541" s="54"/>
      <c r="AN541" s="13" t="str">
        <f t="shared" si="26"/>
        <v>■</v>
      </c>
    </row>
    <row r="542" spans="1:40" s="13" customFormat="1" ht="13.4" customHeight="1">
      <c r="A542" s="20" t="str">
        <f t="shared" si="25"/>
        <v>TO</v>
      </c>
      <c r="B542" s="20"/>
      <c r="C542" s="541">
        <v>39</v>
      </c>
      <c r="D542" s="542"/>
      <c r="E542" s="543" t="s">
        <v>661</v>
      </c>
      <c r="F542" s="544"/>
      <c r="G542" s="544"/>
      <c r="H542" s="544"/>
      <c r="I542" s="544"/>
      <c r="J542" s="544"/>
      <c r="K542" s="544"/>
      <c r="L542" s="544"/>
      <c r="M542" s="544"/>
      <c r="N542" s="544"/>
      <c r="O542" s="544"/>
      <c r="P542" s="544"/>
      <c r="Q542" s="544"/>
      <c r="R542" s="544"/>
      <c r="S542" s="544"/>
      <c r="T542" s="545"/>
      <c r="U542" s="221" t="s">
        <v>662</v>
      </c>
      <c r="V542" s="546" t="s">
        <v>107</v>
      </c>
      <c r="W542" s="547"/>
      <c r="X542" s="547"/>
      <c r="Y542" s="547"/>
      <c r="Z542" s="548"/>
      <c r="AA542" s="623" t="s">
        <v>108</v>
      </c>
      <c r="AB542" s="624"/>
      <c r="AC542" s="625"/>
      <c r="AD542" s="415">
        <v>3</v>
      </c>
      <c r="AE542" s="415">
        <v>0</v>
      </c>
      <c r="AF542" s="541"/>
      <c r="AG542" s="542"/>
      <c r="AH542" s="549"/>
      <c r="AI542" s="550"/>
      <c r="AJ542" s="551"/>
      <c r="AK542" s="265"/>
      <c r="AL542" s="38"/>
      <c r="AM542" s="54"/>
      <c r="AN542" s="13" t="str">
        <f t="shared" si="26"/>
        <v>■</v>
      </c>
    </row>
    <row r="543" spans="1:40" s="13" customFormat="1" ht="13.4" customHeight="1">
      <c r="A543" s="20" t="str">
        <f t="shared" si="25"/>
        <v>TO</v>
      </c>
      <c r="B543" s="20"/>
      <c r="C543" s="541">
        <v>40</v>
      </c>
      <c r="D543" s="542"/>
      <c r="E543" s="543" t="s">
        <v>663</v>
      </c>
      <c r="F543" s="544"/>
      <c r="G543" s="544"/>
      <c r="H543" s="544"/>
      <c r="I543" s="544"/>
      <c r="J543" s="544"/>
      <c r="K543" s="544"/>
      <c r="L543" s="544"/>
      <c r="M543" s="544"/>
      <c r="N543" s="544"/>
      <c r="O543" s="544"/>
      <c r="P543" s="544"/>
      <c r="Q543" s="544"/>
      <c r="R543" s="544"/>
      <c r="S543" s="544"/>
      <c r="T543" s="545"/>
      <c r="U543" s="221" t="s">
        <v>664</v>
      </c>
      <c r="V543" s="546" t="s">
        <v>107</v>
      </c>
      <c r="W543" s="547"/>
      <c r="X543" s="547"/>
      <c r="Y543" s="547"/>
      <c r="Z543" s="548"/>
      <c r="AA543" s="623" t="s">
        <v>108</v>
      </c>
      <c r="AB543" s="624"/>
      <c r="AC543" s="625"/>
      <c r="AD543" s="415">
        <v>3</v>
      </c>
      <c r="AE543" s="415">
        <v>0</v>
      </c>
      <c r="AF543" s="541"/>
      <c r="AG543" s="542"/>
      <c r="AH543" s="549"/>
      <c r="AI543" s="550"/>
      <c r="AJ543" s="551"/>
      <c r="AK543" s="265"/>
      <c r="AL543" s="38"/>
      <c r="AM543" s="54"/>
      <c r="AN543" s="13" t="str">
        <f t="shared" si="26"/>
        <v>■</v>
      </c>
    </row>
    <row r="544" spans="1:40" s="13" customFormat="1" ht="13.4" customHeight="1">
      <c r="A544" s="20" t="str">
        <f t="shared" si="25"/>
        <v>TO</v>
      </c>
      <c r="B544" s="20"/>
      <c r="C544" s="541">
        <v>41</v>
      </c>
      <c r="D544" s="542"/>
      <c r="E544" s="543" t="s">
        <v>665</v>
      </c>
      <c r="F544" s="544"/>
      <c r="G544" s="544"/>
      <c r="H544" s="544"/>
      <c r="I544" s="544"/>
      <c r="J544" s="544"/>
      <c r="K544" s="544"/>
      <c r="L544" s="544"/>
      <c r="M544" s="544"/>
      <c r="N544" s="544"/>
      <c r="O544" s="544"/>
      <c r="P544" s="544"/>
      <c r="Q544" s="544"/>
      <c r="R544" s="544"/>
      <c r="S544" s="544"/>
      <c r="T544" s="545"/>
      <c r="U544" s="221" t="s">
        <v>666</v>
      </c>
      <c r="V544" s="546" t="s">
        <v>107</v>
      </c>
      <c r="W544" s="547"/>
      <c r="X544" s="547"/>
      <c r="Y544" s="547"/>
      <c r="Z544" s="548"/>
      <c r="AA544" s="623" t="s">
        <v>108</v>
      </c>
      <c r="AB544" s="624"/>
      <c r="AC544" s="625"/>
      <c r="AD544" s="415">
        <v>3</v>
      </c>
      <c r="AE544" s="415">
        <v>0</v>
      </c>
      <c r="AF544" s="541"/>
      <c r="AG544" s="542"/>
      <c r="AH544" s="549"/>
      <c r="AI544" s="550"/>
      <c r="AJ544" s="551"/>
      <c r="AK544" s="265"/>
      <c r="AL544" s="38"/>
      <c r="AM544" s="54"/>
      <c r="AN544" s="13" t="str">
        <f t="shared" si="26"/>
        <v>■</v>
      </c>
    </row>
    <row r="545" spans="1:40" s="13" customFormat="1" ht="13.4" customHeight="1">
      <c r="A545" s="20" t="str">
        <f t="shared" si="25"/>
        <v>TO</v>
      </c>
      <c r="B545" s="20"/>
      <c r="C545" s="541">
        <v>42</v>
      </c>
      <c r="D545" s="542"/>
      <c r="E545" s="543" t="s">
        <v>667</v>
      </c>
      <c r="F545" s="544"/>
      <c r="G545" s="544"/>
      <c r="H545" s="544"/>
      <c r="I545" s="544"/>
      <c r="J545" s="544"/>
      <c r="K545" s="544"/>
      <c r="L545" s="544"/>
      <c r="M545" s="544"/>
      <c r="N545" s="544"/>
      <c r="O545" s="544"/>
      <c r="P545" s="544"/>
      <c r="Q545" s="544"/>
      <c r="R545" s="544"/>
      <c r="S545" s="544"/>
      <c r="T545" s="545"/>
      <c r="U545" s="221" t="s">
        <v>668</v>
      </c>
      <c r="V545" s="546" t="s">
        <v>107</v>
      </c>
      <c r="W545" s="547"/>
      <c r="X545" s="547"/>
      <c r="Y545" s="547"/>
      <c r="Z545" s="548"/>
      <c r="AA545" s="623" t="s">
        <v>108</v>
      </c>
      <c r="AB545" s="624"/>
      <c r="AC545" s="625"/>
      <c r="AD545" s="415">
        <v>3</v>
      </c>
      <c r="AE545" s="415">
        <v>0</v>
      </c>
      <c r="AF545" s="541"/>
      <c r="AG545" s="542"/>
      <c r="AH545" s="549"/>
      <c r="AI545" s="550"/>
      <c r="AJ545" s="551"/>
      <c r="AK545" s="265"/>
      <c r="AL545" s="38"/>
      <c r="AM545" s="54"/>
      <c r="AN545" s="13" t="str">
        <f t="shared" si="26"/>
        <v>■</v>
      </c>
    </row>
    <row r="546" spans="1:40" s="13" customFormat="1" ht="13.4" customHeight="1">
      <c r="A546" s="20" t="str">
        <f t="shared" si="25"/>
        <v>TO</v>
      </c>
      <c r="B546" s="20"/>
      <c r="C546" s="541">
        <v>43</v>
      </c>
      <c r="D546" s="542"/>
      <c r="E546" s="543" t="s">
        <v>669</v>
      </c>
      <c r="F546" s="544"/>
      <c r="G546" s="544"/>
      <c r="H546" s="544"/>
      <c r="I546" s="544"/>
      <c r="J546" s="544"/>
      <c r="K546" s="544"/>
      <c r="L546" s="544"/>
      <c r="M546" s="544"/>
      <c r="N546" s="544"/>
      <c r="O546" s="544"/>
      <c r="P546" s="544"/>
      <c r="Q546" s="544"/>
      <c r="R546" s="544"/>
      <c r="S546" s="544"/>
      <c r="T546" s="545"/>
      <c r="U546" s="221" t="s">
        <v>670</v>
      </c>
      <c r="V546" s="546" t="s">
        <v>107</v>
      </c>
      <c r="W546" s="547"/>
      <c r="X546" s="547"/>
      <c r="Y546" s="547"/>
      <c r="Z546" s="548"/>
      <c r="AA546" s="623" t="s">
        <v>108</v>
      </c>
      <c r="AB546" s="624"/>
      <c r="AC546" s="625"/>
      <c r="AD546" s="415">
        <v>3</v>
      </c>
      <c r="AE546" s="415">
        <v>0</v>
      </c>
      <c r="AF546" s="541"/>
      <c r="AG546" s="542"/>
      <c r="AH546" s="549"/>
      <c r="AI546" s="550"/>
      <c r="AJ546" s="551"/>
      <c r="AK546" s="265"/>
      <c r="AL546" s="38"/>
      <c r="AM546" s="54"/>
      <c r="AN546" s="13" t="str">
        <f t="shared" si="26"/>
        <v>■</v>
      </c>
    </row>
    <row r="547" spans="1:40" s="13" customFormat="1" ht="13.4" customHeight="1">
      <c r="A547" s="20" t="str">
        <f t="shared" ref="A547:A610" si="27">IF(LEN(J547)&gt;0,MID(J547,FIND("（",J547,1)+1,2),A546)</f>
        <v>TO</v>
      </c>
      <c r="B547" s="20"/>
      <c r="C547" s="541">
        <v>44</v>
      </c>
      <c r="D547" s="542"/>
      <c r="E547" s="543" t="s">
        <v>671</v>
      </c>
      <c r="F547" s="544"/>
      <c r="G547" s="544"/>
      <c r="H547" s="544"/>
      <c r="I547" s="544"/>
      <c r="J547" s="544"/>
      <c r="K547" s="544"/>
      <c r="L547" s="544"/>
      <c r="M547" s="544"/>
      <c r="N547" s="544"/>
      <c r="O547" s="544"/>
      <c r="P547" s="544"/>
      <c r="Q547" s="544"/>
      <c r="R547" s="544"/>
      <c r="S547" s="544"/>
      <c r="T547" s="545"/>
      <c r="U547" s="221" t="s">
        <v>672</v>
      </c>
      <c r="V547" s="546" t="s">
        <v>107</v>
      </c>
      <c r="W547" s="547"/>
      <c r="X547" s="547"/>
      <c r="Y547" s="547"/>
      <c r="Z547" s="548"/>
      <c r="AA547" s="623" t="s">
        <v>108</v>
      </c>
      <c r="AB547" s="624"/>
      <c r="AC547" s="625"/>
      <c r="AD547" s="415">
        <v>3</v>
      </c>
      <c r="AE547" s="415">
        <v>0</v>
      </c>
      <c r="AF547" s="541"/>
      <c r="AG547" s="542"/>
      <c r="AH547" s="549"/>
      <c r="AI547" s="550"/>
      <c r="AJ547" s="551"/>
      <c r="AK547" s="265"/>
      <c r="AL547" s="38"/>
      <c r="AM547" s="54"/>
      <c r="AN547" s="13" t="str">
        <f t="shared" si="26"/>
        <v>■</v>
      </c>
    </row>
    <row r="548" spans="1:40" s="13" customFormat="1" ht="13.4" customHeight="1">
      <c r="A548" s="20" t="str">
        <f t="shared" si="27"/>
        <v>TO</v>
      </c>
      <c r="B548" s="20"/>
      <c r="C548" s="541">
        <v>45</v>
      </c>
      <c r="D548" s="542"/>
      <c r="E548" s="543" t="s">
        <v>673</v>
      </c>
      <c r="F548" s="544"/>
      <c r="G548" s="544"/>
      <c r="H548" s="544"/>
      <c r="I548" s="544"/>
      <c r="J548" s="544"/>
      <c r="K548" s="544"/>
      <c r="L548" s="544"/>
      <c r="M548" s="544"/>
      <c r="N548" s="544"/>
      <c r="O548" s="544"/>
      <c r="P548" s="544"/>
      <c r="Q548" s="544"/>
      <c r="R548" s="544"/>
      <c r="S548" s="544"/>
      <c r="T548" s="545"/>
      <c r="U548" s="221" t="s">
        <v>674</v>
      </c>
      <c r="V548" s="546" t="s">
        <v>107</v>
      </c>
      <c r="W548" s="547"/>
      <c r="X548" s="547"/>
      <c r="Y548" s="547"/>
      <c r="Z548" s="548"/>
      <c r="AA548" s="623" t="s">
        <v>108</v>
      </c>
      <c r="AB548" s="624"/>
      <c r="AC548" s="625"/>
      <c r="AD548" s="415">
        <v>3</v>
      </c>
      <c r="AE548" s="415">
        <v>0</v>
      </c>
      <c r="AF548" s="541"/>
      <c r="AG548" s="542"/>
      <c r="AH548" s="549"/>
      <c r="AI548" s="550"/>
      <c r="AJ548" s="551"/>
      <c r="AK548" s="265"/>
      <c r="AL548" s="38"/>
      <c r="AM548" s="54"/>
      <c r="AN548" s="13" t="str">
        <f t="shared" si="26"/>
        <v>■</v>
      </c>
    </row>
    <row r="549" spans="1:40" s="13" customFormat="1" ht="13.4" customHeight="1">
      <c r="A549" s="20" t="str">
        <f t="shared" si="27"/>
        <v>TO</v>
      </c>
      <c r="B549" s="20"/>
      <c r="C549" s="541">
        <v>46</v>
      </c>
      <c r="D549" s="542"/>
      <c r="E549" s="543" t="s">
        <v>675</v>
      </c>
      <c r="F549" s="544"/>
      <c r="G549" s="544"/>
      <c r="H549" s="544"/>
      <c r="I549" s="544"/>
      <c r="J549" s="544"/>
      <c r="K549" s="544"/>
      <c r="L549" s="544"/>
      <c r="M549" s="544"/>
      <c r="N549" s="544"/>
      <c r="O549" s="544"/>
      <c r="P549" s="544"/>
      <c r="Q549" s="544"/>
      <c r="R549" s="544"/>
      <c r="S549" s="544"/>
      <c r="T549" s="545"/>
      <c r="U549" s="221" t="s">
        <v>676</v>
      </c>
      <c r="V549" s="546" t="s">
        <v>107</v>
      </c>
      <c r="W549" s="547"/>
      <c r="X549" s="547"/>
      <c r="Y549" s="547"/>
      <c r="Z549" s="548"/>
      <c r="AA549" s="623" t="s">
        <v>108</v>
      </c>
      <c r="AB549" s="624"/>
      <c r="AC549" s="625"/>
      <c r="AD549" s="415">
        <v>3</v>
      </c>
      <c r="AE549" s="415">
        <v>0</v>
      </c>
      <c r="AF549" s="541"/>
      <c r="AG549" s="542"/>
      <c r="AH549" s="549"/>
      <c r="AI549" s="550"/>
      <c r="AJ549" s="551"/>
      <c r="AK549" s="265"/>
      <c r="AL549" s="38"/>
      <c r="AM549" s="54"/>
      <c r="AN549" s="13" t="str">
        <f t="shared" si="26"/>
        <v>■</v>
      </c>
    </row>
    <row r="550" spans="1:40" s="13" customFormat="1" ht="13.4" customHeight="1">
      <c r="A550" s="20" t="str">
        <f t="shared" si="27"/>
        <v>TO</v>
      </c>
      <c r="B550" s="20"/>
      <c r="C550" s="541">
        <v>47</v>
      </c>
      <c r="D550" s="542"/>
      <c r="E550" s="543" t="s">
        <v>677</v>
      </c>
      <c r="F550" s="544"/>
      <c r="G550" s="544"/>
      <c r="H550" s="544"/>
      <c r="I550" s="544"/>
      <c r="J550" s="544"/>
      <c r="K550" s="544"/>
      <c r="L550" s="544"/>
      <c r="M550" s="544"/>
      <c r="N550" s="544"/>
      <c r="O550" s="544"/>
      <c r="P550" s="544"/>
      <c r="Q550" s="544"/>
      <c r="R550" s="544"/>
      <c r="S550" s="544"/>
      <c r="T550" s="545"/>
      <c r="U550" s="221" t="s">
        <v>678</v>
      </c>
      <c r="V550" s="546" t="s">
        <v>107</v>
      </c>
      <c r="W550" s="547"/>
      <c r="X550" s="547"/>
      <c r="Y550" s="547"/>
      <c r="Z550" s="548"/>
      <c r="AA550" s="623" t="s">
        <v>108</v>
      </c>
      <c r="AB550" s="624"/>
      <c r="AC550" s="625"/>
      <c r="AD550" s="415">
        <v>3</v>
      </c>
      <c r="AE550" s="415">
        <v>0</v>
      </c>
      <c r="AF550" s="541"/>
      <c r="AG550" s="542"/>
      <c r="AH550" s="549"/>
      <c r="AI550" s="550"/>
      <c r="AJ550" s="551"/>
      <c r="AK550" s="265"/>
      <c r="AL550" s="38"/>
      <c r="AM550" s="54"/>
      <c r="AN550" s="13" t="str">
        <f t="shared" si="26"/>
        <v>■</v>
      </c>
    </row>
    <row r="551" spans="1:40" s="13" customFormat="1" ht="13.4" customHeight="1">
      <c r="A551" s="20" t="str">
        <f t="shared" si="27"/>
        <v>TO</v>
      </c>
      <c r="B551" s="20"/>
      <c r="C551" s="541">
        <v>48</v>
      </c>
      <c r="D551" s="542"/>
      <c r="E551" s="543" t="s">
        <v>679</v>
      </c>
      <c r="F551" s="544"/>
      <c r="G551" s="544"/>
      <c r="H551" s="544"/>
      <c r="I551" s="544"/>
      <c r="J551" s="544"/>
      <c r="K551" s="544"/>
      <c r="L551" s="544"/>
      <c r="M551" s="544"/>
      <c r="N551" s="544"/>
      <c r="O551" s="544"/>
      <c r="P551" s="544"/>
      <c r="Q551" s="544"/>
      <c r="R551" s="544"/>
      <c r="S551" s="544"/>
      <c r="T551" s="545"/>
      <c r="U551" s="221" t="s">
        <v>680</v>
      </c>
      <c r="V551" s="546" t="s">
        <v>107</v>
      </c>
      <c r="W551" s="547"/>
      <c r="X551" s="547"/>
      <c r="Y551" s="547"/>
      <c r="Z551" s="548"/>
      <c r="AA551" s="623" t="s">
        <v>108</v>
      </c>
      <c r="AB551" s="624"/>
      <c r="AC551" s="625"/>
      <c r="AD551" s="415">
        <v>3</v>
      </c>
      <c r="AE551" s="415">
        <v>0</v>
      </c>
      <c r="AF551" s="541"/>
      <c r="AG551" s="542"/>
      <c r="AH551" s="549"/>
      <c r="AI551" s="550"/>
      <c r="AJ551" s="551"/>
      <c r="AK551" s="265"/>
      <c r="AL551" s="38"/>
      <c r="AM551" s="54"/>
      <c r="AN551" s="13" t="str">
        <f t="shared" si="26"/>
        <v>■</v>
      </c>
    </row>
    <row r="552" spans="1:40" s="13" customFormat="1" ht="13.4" customHeight="1">
      <c r="A552" s="20" t="str">
        <f t="shared" si="27"/>
        <v>TO</v>
      </c>
      <c r="B552" s="20"/>
      <c r="C552" s="541">
        <v>49</v>
      </c>
      <c r="D552" s="542"/>
      <c r="E552" s="543" t="s">
        <v>681</v>
      </c>
      <c r="F552" s="544"/>
      <c r="G552" s="544"/>
      <c r="H552" s="544"/>
      <c r="I552" s="544"/>
      <c r="J552" s="544"/>
      <c r="K552" s="544"/>
      <c r="L552" s="544"/>
      <c r="M552" s="544"/>
      <c r="N552" s="544"/>
      <c r="O552" s="544"/>
      <c r="P552" s="544"/>
      <c r="Q552" s="544"/>
      <c r="R552" s="544"/>
      <c r="S552" s="544"/>
      <c r="T552" s="545"/>
      <c r="U552" s="221" t="s">
        <v>682</v>
      </c>
      <c r="V552" s="546" t="s">
        <v>107</v>
      </c>
      <c r="W552" s="547"/>
      <c r="X552" s="547"/>
      <c r="Y552" s="547"/>
      <c r="Z552" s="548"/>
      <c r="AA552" s="623" t="s">
        <v>108</v>
      </c>
      <c r="AB552" s="624"/>
      <c r="AC552" s="625"/>
      <c r="AD552" s="415">
        <v>3</v>
      </c>
      <c r="AE552" s="415">
        <v>0</v>
      </c>
      <c r="AF552" s="541"/>
      <c r="AG552" s="542"/>
      <c r="AH552" s="549"/>
      <c r="AI552" s="550"/>
      <c r="AJ552" s="551"/>
      <c r="AK552" s="265"/>
      <c r="AL552" s="38"/>
      <c r="AM552" s="54"/>
      <c r="AN552" s="13" t="str">
        <f t="shared" si="26"/>
        <v>■</v>
      </c>
    </row>
    <row r="553" spans="1:40" s="13" customFormat="1" ht="13.4" customHeight="1">
      <c r="A553" s="20" t="str">
        <f t="shared" si="27"/>
        <v>TO</v>
      </c>
      <c r="B553" s="20"/>
      <c r="C553" s="541">
        <v>50</v>
      </c>
      <c r="D553" s="542"/>
      <c r="E553" s="543" t="s">
        <v>683</v>
      </c>
      <c r="F553" s="544"/>
      <c r="G553" s="544"/>
      <c r="H553" s="544"/>
      <c r="I553" s="544"/>
      <c r="J553" s="544"/>
      <c r="K553" s="544"/>
      <c r="L553" s="544"/>
      <c r="M553" s="544"/>
      <c r="N553" s="544"/>
      <c r="O553" s="544"/>
      <c r="P553" s="544"/>
      <c r="Q553" s="544"/>
      <c r="R553" s="544"/>
      <c r="S553" s="544"/>
      <c r="T553" s="545"/>
      <c r="U553" s="221" t="s">
        <v>684</v>
      </c>
      <c r="V553" s="546" t="s">
        <v>107</v>
      </c>
      <c r="W553" s="547"/>
      <c r="X553" s="547"/>
      <c r="Y553" s="547"/>
      <c r="Z553" s="548"/>
      <c r="AA553" s="623" t="s">
        <v>108</v>
      </c>
      <c r="AB553" s="624"/>
      <c r="AC553" s="625"/>
      <c r="AD553" s="415">
        <v>3</v>
      </c>
      <c r="AE553" s="415">
        <v>0</v>
      </c>
      <c r="AF553" s="541"/>
      <c r="AG553" s="542"/>
      <c r="AH553" s="549"/>
      <c r="AI553" s="550"/>
      <c r="AJ553" s="551"/>
      <c r="AK553" s="265"/>
      <c r="AL553" s="38"/>
      <c r="AM553" s="54"/>
      <c r="AN553" s="13" t="str">
        <f t="shared" si="26"/>
        <v>■</v>
      </c>
    </row>
    <row r="554" spans="1:40" s="13" customFormat="1" ht="13.4" customHeight="1">
      <c r="A554" s="20" t="str">
        <f t="shared" si="27"/>
        <v>TO</v>
      </c>
      <c r="B554" s="20"/>
      <c r="C554" s="541">
        <v>51</v>
      </c>
      <c r="D554" s="542"/>
      <c r="E554" s="543" t="s">
        <v>685</v>
      </c>
      <c r="F554" s="544"/>
      <c r="G554" s="544"/>
      <c r="H554" s="544"/>
      <c r="I554" s="544"/>
      <c r="J554" s="544"/>
      <c r="K554" s="544"/>
      <c r="L554" s="544"/>
      <c r="M554" s="544"/>
      <c r="N554" s="544"/>
      <c r="O554" s="544"/>
      <c r="P554" s="544"/>
      <c r="Q554" s="544"/>
      <c r="R554" s="544"/>
      <c r="S554" s="544"/>
      <c r="T554" s="545"/>
      <c r="U554" s="221" t="s">
        <v>686</v>
      </c>
      <c r="V554" s="546" t="s">
        <v>107</v>
      </c>
      <c r="W554" s="547"/>
      <c r="X554" s="547"/>
      <c r="Y554" s="547"/>
      <c r="Z554" s="548"/>
      <c r="AA554" s="623" t="s">
        <v>108</v>
      </c>
      <c r="AB554" s="624"/>
      <c r="AC554" s="625"/>
      <c r="AD554" s="415">
        <v>3</v>
      </c>
      <c r="AE554" s="415">
        <v>0</v>
      </c>
      <c r="AF554" s="541"/>
      <c r="AG554" s="542"/>
      <c r="AH554" s="549"/>
      <c r="AI554" s="550"/>
      <c r="AJ554" s="551"/>
      <c r="AK554" s="265"/>
      <c r="AL554" s="38"/>
      <c r="AM554" s="54"/>
      <c r="AN554" s="13" t="str">
        <f t="shared" si="26"/>
        <v>■</v>
      </c>
    </row>
    <row r="555" spans="1:40" s="13" customFormat="1" ht="13.4" customHeight="1">
      <c r="A555" s="20" t="str">
        <f t="shared" si="27"/>
        <v>TO</v>
      </c>
      <c r="B555" s="20"/>
      <c r="C555" s="541">
        <v>52</v>
      </c>
      <c r="D555" s="542"/>
      <c r="E555" s="543" t="s">
        <v>687</v>
      </c>
      <c r="F555" s="544"/>
      <c r="G555" s="544"/>
      <c r="H555" s="544"/>
      <c r="I555" s="544"/>
      <c r="J555" s="544"/>
      <c r="K555" s="544"/>
      <c r="L555" s="544"/>
      <c r="M555" s="544"/>
      <c r="N555" s="544"/>
      <c r="O555" s="544"/>
      <c r="P555" s="544"/>
      <c r="Q555" s="544"/>
      <c r="R555" s="544"/>
      <c r="S555" s="544"/>
      <c r="T555" s="545"/>
      <c r="U555" s="221" t="s">
        <v>688</v>
      </c>
      <c r="V555" s="546" t="s">
        <v>107</v>
      </c>
      <c r="W555" s="547"/>
      <c r="X555" s="547"/>
      <c r="Y555" s="547"/>
      <c r="Z555" s="548"/>
      <c r="AA555" s="623" t="s">
        <v>108</v>
      </c>
      <c r="AB555" s="624"/>
      <c r="AC555" s="625"/>
      <c r="AD555" s="415">
        <v>3</v>
      </c>
      <c r="AE555" s="415">
        <v>0</v>
      </c>
      <c r="AF555" s="541"/>
      <c r="AG555" s="542"/>
      <c r="AH555" s="549"/>
      <c r="AI555" s="550"/>
      <c r="AJ555" s="551"/>
      <c r="AK555" s="265"/>
      <c r="AL555" s="38"/>
      <c r="AM555" s="54"/>
      <c r="AN555" s="13" t="str">
        <f t="shared" si="26"/>
        <v>■</v>
      </c>
    </row>
    <row r="556" spans="1:40" s="13" customFormat="1" ht="13.4" customHeight="1">
      <c r="A556" s="20" t="str">
        <f t="shared" si="27"/>
        <v>TO</v>
      </c>
      <c r="B556" s="20"/>
      <c r="C556" s="541">
        <v>53</v>
      </c>
      <c r="D556" s="542"/>
      <c r="E556" s="543" t="s">
        <v>689</v>
      </c>
      <c r="F556" s="544"/>
      <c r="G556" s="544"/>
      <c r="H556" s="544"/>
      <c r="I556" s="544"/>
      <c r="J556" s="544"/>
      <c r="K556" s="544"/>
      <c r="L556" s="544"/>
      <c r="M556" s="544"/>
      <c r="N556" s="544"/>
      <c r="O556" s="544"/>
      <c r="P556" s="544"/>
      <c r="Q556" s="544"/>
      <c r="R556" s="544"/>
      <c r="S556" s="544"/>
      <c r="T556" s="545"/>
      <c r="U556" s="221" t="s">
        <v>690</v>
      </c>
      <c r="V556" s="546" t="s">
        <v>107</v>
      </c>
      <c r="W556" s="547"/>
      <c r="X556" s="547"/>
      <c r="Y556" s="547"/>
      <c r="Z556" s="548"/>
      <c r="AA556" s="623" t="s">
        <v>102</v>
      </c>
      <c r="AB556" s="624"/>
      <c r="AC556" s="625"/>
      <c r="AD556" s="415">
        <v>2</v>
      </c>
      <c r="AE556" s="415" t="s">
        <v>103</v>
      </c>
      <c r="AF556" s="541"/>
      <c r="AG556" s="542"/>
      <c r="AH556" s="549"/>
      <c r="AI556" s="550"/>
      <c r="AJ556" s="551"/>
      <c r="AK556" s="265"/>
      <c r="AL556" s="38"/>
      <c r="AM556" s="54"/>
      <c r="AN556" s="13" t="str">
        <f t="shared" si="26"/>
        <v>■</v>
      </c>
    </row>
    <row r="557" spans="1:40" s="13" customFormat="1" ht="13.4" customHeight="1">
      <c r="A557" s="20" t="str">
        <f t="shared" si="27"/>
        <v>TO</v>
      </c>
      <c r="B557" s="20"/>
      <c r="C557" s="541">
        <v>54</v>
      </c>
      <c r="D557" s="542"/>
      <c r="E557" s="543" t="s">
        <v>691</v>
      </c>
      <c r="F557" s="544"/>
      <c r="G557" s="544"/>
      <c r="H557" s="544"/>
      <c r="I557" s="544"/>
      <c r="J557" s="544"/>
      <c r="K557" s="544"/>
      <c r="L557" s="544"/>
      <c r="M557" s="544"/>
      <c r="N557" s="544"/>
      <c r="O557" s="544"/>
      <c r="P557" s="544"/>
      <c r="Q557" s="544"/>
      <c r="R557" s="544"/>
      <c r="S557" s="544"/>
      <c r="T557" s="545"/>
      <c r="U557" s="221" t="s">
        <v>692</v>
      </c>
      <c r="V557" s="546" t="s">
        <v>107</v>
      </c>
      <c r="W557" s="547"/>
      <c r="X557" s="547"/>
      <c r="Y557" s="547"/>
      <c r="Z557" s="548"/>
      <c r="AA557" s="623" t="s">
        <v>108</v>
      </c>
      <c r="AB557" s="624"/>
      <c r="AC557" s="625"/>
      <c r="AD557" s="415">
        <v>5</v>
      </c>
      <c r="AE557" s="415">
        <v>0</v>
      </c>
      <c r="AF557" s="541"/>
      <c r="AG557" s="542"/>
      <c r="AH557" s="549"/>
      <c r="AI557" s="550"/>
      <c r="AJ557" s="551"/>
      <c r="AK557" s="265"/>
      <c r="AL557" s="38"/>
      <c r="AM557" s="54"/>
      <c r="AN557" s="13" t="str">
        <f t="shared" si="26"/>
        <v>■</v>
      </c>
    </row>
    <row r="558" spans="1:40" s="13" customFormat="1" ht="13.4" customHeight="1">
      <c r="A558" s="20" t="str">
        <f t="shared" si="27"/>
        <v>TO</v>
      </c>
      <c r="B558" s="20"/>
      <c r="C558" s="541">
        <v>55</v>
      </c>
      <c r="D558" s="542"/>
      <c r="E558" s="543" t="s">
        <v>693</v>
      </c>
      <c r="F558" s="544"/>
      <c r="G558" s="544"/>
      <c r="H558" s="544"/>
      <c r="I558" s="544"/>
      <c r="J558" s="544"/>
      <c r="K558" s="544"/>
      <c r="L558" s="544"/>
      <c r="M558" s="544"/>
      <c r="N558" s="544"/>
      <c r="O558" s="544"/>
      <c r="P558" s="544"/>
      <c r="Q558" s="544"/>
      <c r="R558" s="544"/>
      <c r="S558" s="544"/>
      <c r="T558" s="545"/>
      <c r="U558" s="221" t="s">
        <v>694</v>
      </c>
      <c r="V558" s="546" t="s">
        <v>107</v>
      </c>
      <c r="W558" s="547"/>
      <c r="X558" s="547"/>
      <c r="Y558" s="547"/>
      <c r="Z558" s="548"/>
      <c r="AA558" s="623" t="s">
        <v>108</v>
      </c>
      <c r="AB558" s="624"/>
      <c r="AC558" s="625"/>
      <c r="AD558" s="415">
        <v>5</v>
      </c>
      <c r="AE558" s="415">
        <v>0</v>
      </c>
      <c r="AF558" s="541"/>
      <c r="AG558" s="542"/>
      <c r="AH558" s="549"/>
      <c r="AI558" s="550"/>
      <c r="AJ558" s="551"/>
      <c r="AK558" s="265"/>
      <c r="AL558" s="38"/>
      <c r="AM558" s="54"/>
      <c r="AN558" s="13" t="str">
        <f t="shared" si="26"/>
        <v>■</v>
      </c>
    </row>
    <row r="559" spans="1:40" s="13" customFormat="1" ht="13.4" customHeight="1">
      <c r="A559" s="20" t="str">
        <f t="shared" si="27"/>
        <v>TO</v>
      </c>
      <c r="B559" s="20"/>
      <c r="C559" s="541">
        <v>56</v>
      </c>
      <c r="D559" s="542"/>
      <c r="E559" s="543" t="s">
        <v>695</v>
      </c>
      <c r="F559" s="544"/>
      <c r="G559" s="544"/>
      <c r="H559" s="544"/>
      <c r="I559" s="544"/>
      <c r="J559" s="544"/>
      <c r="K559" s="544"/>
      <c r="L559" s="544"/>
      <c r="M559" s="544"/>
      <c r="N559" s="544"/>
      <c r="O559" s="544"/>
      <c r="P559" s="544"/>
      <c r="Q559" s="544"/>
      <c r="R559" s="544"/>
      <c r="S559" s="544"/>
      <c r="T559" s="545"/>
      <c r="U559" s="221" t="s">
        <v>696</v>
      </c>
      <c r="V559" s="546" t="s">
        <v>107</v>
      </c>
      <c r="W559" s="547"/>
      <c r="X559" s="547"/>
      <c r="Y559" s="547"/>
      <c r="Z559" s="548"/>
      <c r="AA559" s="623" t="s">
        <v>108</v>
      </c>
      <c r="AB559" s="624"/>
      <c r="AC559" s="625"/>
      <c r="AD559" s="415">
        <v>7</v>
      </c>
      <c r="AE559" s="415">
        <v>0</v>
      </c>
      <c r="AF559" s="541"/>
      <c r="AG559" s="542"/>
      <c r="AH559" s="549"/>
      <c r="AI559" s="550"/>
      <c r="AJ559" s="551"/>
      <c r="AK559" s="265" t="s">
        <v>697</v>
      </c>
      <c r="AL559" s="38"/>
      <c r="AM559" s="54"/>
      <c r="AN559" s="13" t="str">
        <f t="shared" si="26"/>
        <v>■</v>
      </c>
    </row>
    <row r="560" spans="1:40" s="13" customFormat="1" ht="13.4" customHeight="1">
      <c r="A560" s="20" t="str">
        <f t="shared" si="27"/>
        <v>TO</v>
      </c>
      <c r="B560" s="20"/>
      <c r="C560" s="541">
        <v>57</v>
      </c>
      <c r="D560" s="542"/>
      <c r="E560" s="543" t="s">
        <v>698</v>
      </c>
      <c r="F560" s="544"/>
      <c r="G560" s="544"/>
      <c r="H560" s="544"/>
      <c r="I560" s="544"/>
      <c r="J560" s="544"/>
      <c r="K560" s="544"/>
      <c r="L560" s="544"/>
      <c r="M560" s="544"/>
      <c r="N560" s="544"/>
      <c r="O560" s="544"/>
      <c r="P560" s="544"/>
      <c r="Q560" s="544"/>
      <c r="R560" s="544"/>
      <c r="S560" s="544"/>
      <c r="T560" s="545"/>
      <c r="U560" s="221" t="s">
        <v>699</v>
      </c>
      <c r="V560" s="546" t="s">
        <v>101</v>
      </c>
      <c r="W560" s="547"/>
      <c r="X560" s="547"/>
      <c r="Y560" s="547"/>
      <c r="Z560" s="548"/>
      <c r="AA560" s="623" t="s">
        <v>102</v>
      </c>
      <c r="AB560" s="624"/>
      <c r="AC560" s="625"/>
      <c r="AD560" s="415">
        <v>6</v>
      </c>
      <c r="AE560" s="415" t="s">
        <v>103</v>
      </c>
      <c r="AF560" s="541"/>
      <c r="AG560" s="542"/>
      <c r="AH560" s="549"/>
      <c r="AI560" s="550"/>
      <c r="AJ560" s="551"/>
      <c r="AK560" s="265" t="s">
        <v>697</v>
      </c>
      <c r="AL560" s="38"/>
      <c r="AM560" s="54"/>
      <c r="AN560" s="13" t="str">
        <f t="shared" si="26"/>
        <v>■</v>
      </c>
    </row>
    <row r="561" spans="1:40" s="13" customFormat="1" ht="13.4" customHeight="1">
      <c r="A561" s="20" t="str">
        <f t="shared" si="27"/>
        <v>TO</v>
      </c>
      <c r="B561" s="20"/>
      <c r="C561" s="541">
        <v>58</v>
      </c>
      <c r="D561" s="542"/>
      <c r="E561" s="543" t="s">
        <v>700</v>
      </c>
      <c r="F561" s="544"/>
      <c r="G561" s="544"/>
      <c r="H561" s="544"/>
      <c r="I561" s="544"/>
      <c r="J561" s="544"/>
      <c r="K561" s="544"/>
      <c r="L561" s="544"/>
      <c r="M561" s="544"/>
      <c r="N561" s="544"/>
      <c r="O561" s="544"/>
      <c r="P561" s="544"/>
      <c r="Q561" s="544"/>
      <c r="R561" s="544"/>
      <c r="S561" s="544"/>
      <c r="T561" s="545"/>
      <c r="U561" s="221" t="s">
        <v>701</v>
      </c>
      <c r="V561" s="546" t="s">
        <v>107</v>
      </c>
      <c r="W561" s="547"/>
      <c r="X561" s="547"/>
      <c r="Y561" s="547"/>
      <c r="Z561" s="548"/>
      <c r="AA561" s="623" t="s">
        <v>108</v>
      </c>
      <c r="AB561" s="624"/>
      <c r="AC561" s="625"/>
      <c r="AD561" s="415">
        <v>3</v>
      </c>
      <c r="AE561" s="415">
        <v>0</v>
      </c>
      <c r="AF561" s="541"/>
      <c r="AG561" s="542"/>
      <c r="AH561" s="549"/>
      <c r="AI561" s="550"/>
      <c r="AJ561" s="551"/>
      <c r="AK561" s="265"/>
      <c r="AL561" s="38"/>
      <c r="AM561" s="54"/>
      <c r="AN561" s="13" t="str">
        <f t="shared" si="26"/>
        <v>■</v>
      </c>
    </row>
    <row r="562" spans="1:40" s="13" customFormat="1" ht="13.4" customHeight="1">
      <c r="A562" s="20" t="str">
        <f t="shared" si="27"/>
        <v>TO</v>
      </c>
      <c r="B562" s="51"/>
      <c r="C562" s="541">
        <v>59</v>
      </c>
      <c r="D562" s="542"/>
      <c r="E562" s="543" t="s">
        <v>702</v>
      </c>
      <c r="F562" s="544"/>
      <c r="G562" s="544"/>
      <c r="H562" s="544"/>
      <c r="I562" s="544"/>
      <c r="J562" s="544"/>
      <c r="K562" s="544"/>
      <c r="L562" s="544"/>
      <c r="M562" s="544"/>
      <c r="N562" s="544"/>
      <c r="O562" s="544"/>
      <c r="P562" s="544"/>
      <c r="Q562" s="544"/>
      <c r="R562" s="544"/>
      <c r="S562" s="544"/>
      <c r="T562" s="545"/>
      <c r="U562" s="221" t="s">
        <v>703</v>
      </c>
      <c r="V562" s="546" t="s">
        <v>101</v>
      </c>
      <c r="W562" s="547"/>
      <c r="X562" s="547"/>
      <c r="Y562" s="547"/>
      <c r="Z562" s="548"/>
      <c r="AA562" s="623" t="s">
        <v>102</v>
      </c>
      <c r="AB562" s="624"/>
      <c r="AC562" s="625"/>
      <c r="AD562" s="415">
        <v>6</v>
      </c>
      <c r="AE562" s="415" t="s">
        <v>103</v>
      </c>
      <c r="AF562" s="541"/>
      <c r="AG562" s="542"/>
      <c r="AH562" s="549"/>
      <c r="AI562" s="550"/>
      <c r="AJ562" s="551"/>
      <c r="AK562" s="265"/>
      <c r="AL562" s="38"/>
      <c r="AM562" s="54"/>
      <c r="AN562" s="13" t="str">
        <f t="shared" si="26"/>
        <v>■</v>
      </c>
    </row>
    <row r="563" spans="1:40" s="13" customFormat="1" ht="13.4" customHeight="1">
      <c r="A563" s="20" t="str">
        <f t="shared" si="27"/>
        <v>TO</v>
      </c>
      <c r="B563" s="20"/>
      <c r="C563" s="541">
        <v>60</v>
      </c>
      <c r="D563" s="542"/>
      <c r="E563" s="543" t="s">
        <v>409</v>
      </c>
      <c r="F563" s="544"/>
      <c r="G563" s="544"/>
      <c r="H563" s="544"/>
      <c r="I563" s="544"/>
      <c r="J563" s="544"/>
      <c r="K563" s="544"/>
      <c r="L563" s="544"/>
      <c r="M563" s="544"/>
      <c r="N563" s="544"/>
      <c r="O563" s="544"/>
      <c r="P563" s="544"/>
      <c r="Q563" s="544"/>
      <c r="R563" s="544"/>
      <c r="S563" s="544"/>
      <c r="T563" s="545"/>
      <c r="U563" s="221" t="s">
        <v>453</v>
      </c>
      <c r="V563" s="546" t="s">
        <v>107</v>
      </c>
      <c r="W563" s="547"/>
      <c r="X563" s="547"/>
      <c r="Y563" s="547"/>
      <c r="Z563" s="548"/>
      <c r="AA563" s="623" t="s">
        <v>102</v>
      </c>
      <c r="AB563" s="624"/>
      <c r="AC563" s="625"/>
      <c r="AD563" s="415">
        <v>6</v>
      </c>
      <c r="AE563" s="415" t="s">
        <v>103</v>
      </c>
      <c r="AF563" s="541"/>
      <c r="AG563" s="542"/>
      <c r="AH563" s="549"/>
      <c r="AI563" s="550"/>
      <c r="AJ563" s="551"/>
      <c r="AK563" s="265"/>
      <c r="AL563" s="38"/>
      <c r="AM563" s="54"/>
      <c r="AN563" s="13" t="str">
        <f t="shared" si="26"/>
        <v>■</v>
      </c>
    </row>
    <row r="564" spans="1:40" s="13" customFormat="1" ht="13.4" customHeight="1">
      <c r="A564" s="20" t="str">
        <f t="shared" si="27"/>
        <v>TO</v>
      </c>
      <c r="B564" s="20"/>
      <c r="C564" s="541">
        <v>61</v>
      </c>
      <c r="D564" s="542"/>
      <c r="E564" s="543" t="s">
        <v>411</v>
      </c>
      <c r="F564" s="544"/>
      <c r="G564" s="544"/>
      <c r="H564" s="544"/>
      <c r="I564" s="544"/>
      <c r="J564" s="544"/>
      <c r="K564" s="544"/>
      <c r="L564" s="544"/>
      <c r="M564" s="544"/>
      <c r="N564" s="544"/>
      <c r="O564" s="544"/>
      <c r="P564" s="544"/>
      <c r="Q564" s="544"/>
      <c r="R564" s="544"/>
      <c r="S564" s="544"/>
      <c r="T564" s="545"/>
      <c r="U564" s="221" t="s">
        <v>516</v>
      </c>
      <c r="V564" s="546" t="s">
        <v>107</v>
      </c>
      <c r="W564" s="547"/>
      <c r="X564" s="547"/>
      <c r="Y564" s="547"/>
      <c r="Z564" s="548"/>
      <c r="AA564" s="623" t="s">
        <v>102</v>
      </c>
      <c r="AB564" s="624"/>
      <c r="AC564" s="625"/>
      <c r="AD564" s="415">
        <v>6</v>
      </c>
      <c r="AE564" s="415" t="s">
        <v>103</v>
      </c>
      <c r="AF564" s="541"/>
      <c r="AG564" s="542"/>
      <c r="AH564" s="549"/>
      <c r="AI564" s="550"/>
      <c r="AJ564" s="551"/>
      <c r="AK564" s="265"/>
      <c r="AL564" s="29"/>
      <c r="AM564" s="54"/>
      <c r="AN564" s="13" t="str">
        <f t="shared" si="26"/>
        <v>■</v>
      </c>
    </row>
    <row r="565" spans="1:40" s="13" customFormat="1" ht="13.4" customHeight="1">
      <c r="A565" s="20" t="str">
        <f t="shared" si="27"/>
        <v>TO</v>
      </c>
      <c r="B565" s="20"/>
      <c r="C565" s="541">
        <v>62</v>
      </c>
      <c r="D565" s="542"/>
      <c r="E565" s="543" t="s">
        <v>970</v>
      </c>
      <c r="F565" s="544"/>
      <c r="G565" s="544"/>
      <c r="H565" s="544"/>
      <c r="I565" s="544"/>
      <c r="J565" s="544"/>
      <c r="K565" s="544"/>
      <c r="L565" s="544"/>
      <c r="M565" s="544"/>
      <c r="N565" s="544"/>
      <c r="O565" s="544"/>
      <c r="P565" s="544"/>
      <c r="Q565" s="544"/>
      <c r="R565" s="544"/>
      <c r="S565" s="544"/>
      <c r="T565" s="545"/>
      <c r="U565" s="221" t="s">
        <v>971</v>
      </c>
      <c r="V565" s="546" t="s">
        <v>107</v>
      </c>
      <c r="W565" s="547"/>
      <c r="X565" s="547"/>
      <c r="Y565" s="547"/>
      <c r="Z565" s="548"/>
      <c r="AA565" s="623" t="s">
        <v>102</v>
      </c>
      <c r="AB565" s="624"/>
      <c r="AC565" s="625"/>
      <c r="AD565" s="415">
        <v>1</v>
      </c>
      <c r="AE565" s="415" t="s">
        <v>103</v>
      </c>
      <c r="AF565" s="541"/>
      <c r="AG565" s="542"/>
      <c r="AH565" s="549"/>
      <c r="AI565" s="550"/>
      <c r="AJ565" s="551"/>
      <c r="AK565" s="265"/>
      <c r="AL565" s="48"/>
      <c r="AM565" s="54"/>
      <c r="AN565" s="13" t="str">
        <f t="shared" si="26"/>
        <v>■</v>
      </c>
    </row>
    <row r="566" spans="1:40" s="13" customFormat="1" ht="13.4" customHeight="1">
      <c r="A566" s="20" t="str">
        <f t="shared" si="27"/>
        <v>TO</v>
      </c>
      <c r="B566" s="20"/>
      <c r="C566" s="541">
        <v>63</v>
      </c>
      <c r="D566" s="542"/>
      <c r="E566" s="543" t="s">
        <v>976</v>
      </c>
      <c r="F566" s="544"/>
      <c r="G566" s="544"/>
      <c r="H566" s="544"/>
      <c r="I566" s="544"/>
      <c r="J566" s="544"/>
      <c r="K566" s="544"/>
      <c r="L566" s="544"/>
      <c r="M566" s="544"/>
      <c r="N566" s="544"/>
      <c r="O566" s="544"/>
      <c r="P566" s="544"/>
      <c r="Q566" s="544"/>
      <c r="R566" s="544"/>
      <c r="S566" s="544"/>
      <c r="T566" s="545"/>
      <c r="U566" s="221" t="s">
        <v>977</v>
      </c>
      <c r="V566" s="546" t="s">
        <v>107</v>
      </c>
      <c r="W566" s="547"/>
      <c r="X566" s="547"/>
      <c r="Y566" s="547"/>
      <c r="Z566" s="548"/>
      <c r="AA566" s="623" t="s">
        <v>108</v>
      </c>
      <c r="AB566" s="624"/>
      <c r="AC566" s="625"/>
      <c r="AD566" s="415">
        <v>2</v>
      </c>
      <c r="AE566" s="415">
        <v>0</v>
      </c>
      <c r="AF566" s="541"/>
      <c r="AG566" s="542"/>
      <c r="AH566" s="549"/>
      <c r="AI566" s="550"/>
      <c r="AJ566" s="551"/>
      <c r="AK566" s="265"/>
      <c r="AL566" s="37"/>
      <c r="AM566" s="54"/>
      <c r="AN566" s="13" t="str">
        <f t="shared" si="26"/>
        <v>■</v>
      </c>
    </row>
    <row r="567" spans="1:40" ht="13.4" customHeight="1">
      <c r="A567" s="20" t="str">
        <f t="shared" si="27"/>
        <v>TO</v>
      </c>
      <c r="B567" s="25"/>
      <c r="V567" s="238"/>
      <c r="W567" s="238"/>
      <c r="X567" s="238"/>
      <c r="Y567" s="238"/>
      <c r="Z567" s="238"/>
      <c r="AA567" s="629"/>
      <c r="AB567" s="629"/>
      <c r="AC567" s="629"/>
      <c r="AD567" s="238"/>
      <c r="AE567" s="238"/>
      <c r="AF567" s="238"/>
      <c r="AG567" s="238"/>
      <c r="AH567" s="238"/>
      <c r="AI567" s="238"/>
      <c r="AJ567" s="238"/>
      <c r="AK567" s="55"/>
      <c r="AL567" s="37"/>
      <c r="AM567" s="16"/>
    </row>
    <row r="568" spans="1:40" s="1" customFormat="1" ht="13.4" customHeight="1">
      <c r="A568" s="20" t="str">
        <f t="shared" si="27"/>
        <v>NI</v>
      </c>
      <c r="B568" s="20"/>
      <c r="C568" s="52" t="s">
        <v>380</v>
      </c>
      <c r="D568" s="53"/>
      <c r="E568" s="26"/>
      <c r="F568" s="26"/>
      <c r="G568" s="26"/>
      <c r="H568" s="26"/>
      <c r="I568" s="26"/>
      <c r="J568" s="26" t="s">
        <v>732</v>
      </c>
      <c r="K568" s="71"/>
      <c r="L568" s="26"/>
      <c r="M568" s="71"/>
      <c r="N568" s="26"/>
      <c r="O568" s="26"/>
      <c r="P568" s="26"/>
      <c r="Q568" s="26"/>
      <c r="R568" s="26"/>
      <c r="S568" s="26"/>
      <c r="T568" s="26"/>
      <c r="U568" s="26" t="s">
        <v>1100</v>
      </c>
      <c r="V568" s="122"/>
      <c r="W568" s="122"/>
      <c r="X568" s="122"/>
      <c r="Y568" s="122"/>
      <c r="Z568" s="122"/>
      <c r="AA568" s="630"/>
      <c r="AB568" s="630"/>
      <c r="AC568" s="630"/>
      <c r="AD568" s="122"/>
      <c r="AE568" s="122"/>
      <c r="AF568" s="122"/>
      <c r="AG568" s="122"/>
      <c r="AH568" s="122"/>
      <c r="AI568" s="122"/>
      <c r="AJ568" s="122"/>
      <c r="AK568" s="26"/>
      <c r="AL568" s="38"/>
      <c r="AM568" s="26"/>
    </row>
    <row r="569" spans="1:40" ht="13.5" customHeight="1">
      <c r="A569" s="20" t="str">
        <f t="shared" si="27"/>
        <v>NI</v>
      </c>
      <c r="B569" s="51"/>
      <c r="C569" s="583" t="s">
        <v>73</v>
      </c>
      <c r="D569" s="573"/>
      <c r="E569" s="583" t="s">
        <v>94</v>
      </c>
      <c r="F569" s="583"/>
      <c r="G569" s="583"/>
      <c r="H569" s="583"/>
      <c r="I569" s="583"/>
      <c r="J569" s="583"/>
      <c r="K569" s="583"/>
      <c r="L569" s="583"/>
      <c r="M569" s="583"/>
      <c r="N569" s="583"/>
      <c r="O569" s="583"/>
      <c r="P569" s="583"/>
      <c r="Q569" s="583"/>
      <c r="R569" s="583"/>
      <c r="S569" s="583"/>
      <c r="T569" s="583"/>
      <c r="U569" s="226" t="s">
        <v>383</v>
      </c>
      <c r="V569" s="572" t="s">
        <v>138</v>
      </c>
      <c r="W569" s="572"/>
      <c r="X569" s="572"/>
      <c r="Y569" s="572"/>
      <c r="Z569" s="572"/>
      <c r="AA569" s="575" t="s">
        <v>959</v>
      </c>
      <c r="AB569" s="576"/>
      <c r="AC569" s="577"/>
      <c r="AD569" s="572" t="s">
        <v>97</v>
      </c>
      <c r="AE569" s="572"/>
      <c r="AF569" s="572"/>
      <c r="AG569" s="572"/>
      <c r="AH569" s="583" t="s">
        <v>75</v>
      </c>
      <c r="AI569" s="583"/>
      <c r="AJ569" s="583"/>
      <c r="AK569" s="572" t="s">
        <v>159</v>
      </c>
      <c r="AL569" s="38"/>
      <c r="AM569" s="16"/>
    </row>
    <row r="570" spans="1:40" ht="13.4" customHeight="1">
      <c r="A570" s="20" t="str">
        <f t="shared" si="27"/>
        <v>NI</v>
      </c>
      <c r="B570" s="51"/>
      <c r="C570" s="573"/>
      <c r="D570" s="573"/>
      <c r="E570" s="583"/>
      <c r="F570" s="583"/>
      <c r="G570" s="583"/>
      <c r="H570" s="583"/>
      <c r="I570" s="583"/>
      <c r="J570" s="583"/>
      <c r="K570" s="583"/>
      <c r="L570" s="583"/>
      <c r="M570" s="583"/>
      <c r="N570" s="583"/>
      <c r="O570" s="583"/>
      <c r="P570" s="583"/>
      <c r="Q570" s="583"/>
      <c r="R570" s="583"/>
      <c r="S570" s="583"/>
      <c r="T570" s="583"/>
      <c r="U570" s="227"/>
      <c r="V570" s="572"/>
      <c r="W570" s="572"/>
      <c r="X570" s="572"/>
      <c r="Y570" s="572"/>
      <c r="Z570" s="572"/>
      <c r="AA570" s="578"/>
      <c r="AB570" s="579"/>
      <c r="AC570" s="580"/>
      <c r="AD570" s="572"/>
      <c r="AE570" s="572"/>
      <c r="AF570" s="572"/>
      <c r="AG570" s="572"/>
      <c r="AH570" s="583"/>
      <c r="AI570" s="583"/>
      <c r="AJ570" s="583"/>
      <c r="AK570" s="572"/>
      <c r="AL570" s="38"/>
      <c r="AM570" s="16"/>
    </row>
    <row r="571" spans="1:40" s="13" customFormat="1" ht="13.4" customHeight="1">
      <c r="A571" s="20" t="str">
        <f t="shared" si="27"/>
        <v>NI</v>
      </c>
      <c r="B571" s="20"/>
      <c r="C571" s="541">
        <v>1</v>
      </c>
      <c r="D571" s="542"/>
      <c r="E571" s="563" t="s">
        <v>440</v>
      </c>
      <c r="F571" s="564"/>
      <c r="G571" s="564"/>
      <c r="H571" s="564"/>
      <c r="I571" s="564"/>
      <c r="J571" s="564"/>
      <c r="K571" s="564"/>
      <c r="L571" s="564"/>
      <c r="M571" s="564"/>
      <c r="N571" s="564"/>
      <c r="O571" s="564"/>
      <c r="P571" s="564"/>
      <c r="Q571" s="564"/>
      <c r="R571" s="564"/>
      <c r="S571" s="564"/>
      <c r="T571" s="565"/>
      <c r="U571" s="219" t="s">
        <v>441</v>
      </c>
      <c r="V571" s="546" t="s">
        <v>101</v>
      </c>
      <c r="W571" s="547"/>
      <c r="X571" s="547"/>
      <c r="Y571" s="547"/>
      <c r="Z571" s="548"/>
      <c r="AA571" s="623" t="s">
        <v>102</v>
      </c>
      <c r="AB571" s="624"/>
      <c r="AC571" s="625"/>
      <c r="AD571" s="415">
        <v>10</v>
      </c>
      <c r="AE571" s="415" t="s">
        <v>103</v>
      </c>
      <c r="AF571" s="541"/>
      <c r="AG571" s="542"/>
      <c r="AH571" s="549"/>
      <c r="AI571" s="550"/>
      <c r="AJ571" s="551"/>
      <c r="AK571" s="332"/>
      <c r="AL571" s="38"/>
      <c r="AM571" s="54"/>
      <c r="AN571" s="13" t="str">
        <f t="shared" ref="AN571:AN608" si="28">$Z$21</f>
        <v>■</v>
      </c>
    </row>
    <row r="572" spans="1:40" s="13" customFormat="1" ht="13.4" customHeight="1">
      <c r="A572" s="20" t="str">
        <f t="shared" si="27"/>
        <v>NI</v>
      </c>
      <c r="B572" s="20"/>
      <c r="C572" s="541">
        <v>2</v>
      </c>
      <c r="D572" s="542"/>
      <c r="E572" s="563" t="s">
        <v>442</v>
      </c>
      <c r="F572" s="564"/>
      <c r="G572" s="564"/>
      <c r="H572" s="564"/>
      <c r="I572" s="564"/>
      <c r="J572" s="564"/>
      <c r="K572" s="564"/>
      <c r="L572" s="564"/>
      <c r="M572" s="564"/>
      <c r="N572" s="564"/>
      <c r="O572" s="564"/>
      <c r="P572" s="564"/>
      <c r="Q572" s="564"/>
      <c r="R572" s="564"/>
      <c r="S572" s="564"/>
      <c r="T572" s="565"/>
      <c r="U572" s="219" t="s">
        <v>443</v>
      </c>
      <c r="V572" s="546" t="s">
        <v>101</v>
      </c>
      <c r="W572" s="547"/>
      <c r="X572" s="547"/>
      <c r="Y572" s="547"/>
      <c r="Z572" s="548"/>
      <c r="AA572" s="623" t="s">
        <v>102</v>
      </c>
      <c r="AB572" s="624"/>
      <c r="AC572" s="625"/>
      <c r="AD572" s="415">
        <v>51</v>
      </c>
      <c r="AE572" s="415" t="s">
        <v>103</v>
      </c>
      <c r="AF572" s="541"/>
      <c r="AG572" s="542"/>
      <c r="AH572" s="549"/>
      <c r="AI572" s="550"/>
      <c r="AJ572" s="551"/>
      <c r="AK572" s="332"/>
      <c r="AL572" s="38"/>
      <c r="AM572" s="54"/>
      <c r="AN572" s="13" t="str">
        <f t="shared" si="28"/>
        <v>■</v>
      </c>
    </row>
    <row r="573" spans="1:40" s="13" customFormat="1" ht="13.4" customHeight="1">
      <c r="A573" s="20" t="str">
        <f t="shared" si="27"/>
        <v>NI</v>
      </c>
      <c r="B573" s="20"/>
      <c r="C573" s="552">
        <v>3</v>
      </c>
      <c r="D573" s="553"/>
      <c r="E573" s="566" t="s">
        <v>106</v>
      </c>
      <c r="F573" s="567"/>
      <c r="G573" s="567"/>
      <c r="H573" s="567"/>
      <c r="I573" s="567"/>
      <c r="J573" s="567"/>
      <c r="K573" s="567"/>
      <c r="L573" s="567"/>
      <c r="M573" s="567"/>
      <c r="N573" s="567"/>
      <c r="O573" s="567"/>
      <c r="P573" s="567"/>
      <c r="Q573" s="567"/>
      <c r="R573" s="567"/>
      <c r="S573" s="567"/>
      <c r="T573" s="568"/>
      <c r="U573" s="220" t="s">
        <v>444</v>
      </c>
      <c r="V573" s="557" t="s">
        <v>107</v>
      </c>
      <c r="W573" s="558"/>
      <c r="X573" s="558"/>
      <c r="Y573" s="558"/>
      <c r="Z573" s="559"/>
      <c r="AA573" s="626" t="s">
        <v>108</v>
      </c>
      <c r="AB573" s="627"/>
      <c r="AC573" s="628"/>
      <c r="AD573" s="419">
        <v>1</v>
      </c>
      <c r="AE573" s="419">
        <v>0</v>
      </c>
      <c r="AF573" s="552" t="s">
        <v>109</v>
      </c>
      <c r="AG573" s="553"/>
      <c r="AH573" s="560"/>
      <c r="AI573" s="561"/>
      <c r="AJ573" s="562"/>
      <c r="AK573" s="333" t="s">
        <v>416</v>
      </c>
      <c r="AL573" s="38"/>
      <c r="AM573" s="54"/>
      <c r="AN573" s="13" t="str">
        <f t="shared" si="28"/>
        <v>■</v>
      </c>
    </row>
    <row r="574" spans="1:40" s="13" customFormat="1" ht="13.4" customHeight="1">
      <c r="A574" s="20" t="str">
        <f t="shared" si="27"/>
        <v>NI</v>
      </c>
      <c r="B574" s="20"/>
      <c r="C574" s="541">
        <v>4</v>
      </c>
      <c r="D574" s="542"/>
      <c r="E574" s="563" t="s">
        <v>110</v>
      </c>
      <c r="F574" s="564"/>
      <c r="G574" s="564"/>
      <c r="H574" s="564"/>
      <c r="I574" s="564"/>
      <c r="J574" s="564"/>
      <c r="K574" s="564"/>
      <c r="L574" s="564"/>
      <c r="M574" s="564"/>
      <c r="N574" s="564"/>
      <c r="O574" s="564"/>
      <c r="P574" s="564"/>
      <c r="Q574" s="564"/>
      <c r="R574" s="564"/>
      <c r="S574" s="564"/>
      <c r="T574" s="565"/>
      <c r="U574" s="221" t="s">
        <v>445</v>
      </c>
      <c r="V574" s="546" t="s">
        <v>107</v>
      </c>
      <c r="W574" s="547"/>
      <c r="X574" s="547"/>
      <c r="Y574" s="547"/>
      <c r="Z574" s="548"/>
      <c r="AA574" s="623" t="s">
        <v>108</v>
      </c>
      <c r="AB574" s="624"/>
      <c r="AC574" s="625"/>
      <c r="AD574" s="415">
        <v>1</v>
      </c>
      <c r="AE574" s="415">
        <v>0</v>
      </c>
      <c r="AF574" s="541"/>
      <c r="AG574" s="542"/>
      <c r="AH574" s="549"/>
      <c r="AI574" s="550"/>
      <c r="AJ574" s="551"/>
      <c r="AK574" s="332"/>
      <c r="AL574" s="38"/>
      <c r="AM574" s="54"/>
      <c r="AN574" s="13" t="str">
        <f t="shared" si="28"/>
        <v>■</v>
      </c>
    </row>
    <row r="575" spans="1:40" s="13" customFormat="1">
      <c r="A575" s="20" t="str">
        <f t="shared" si="27"/>
        <v>NI</v>
      </c>
      <c r="B575" s="20"/>
      <c r="C575" s="541">
        <v>5</v>
      </c>
      <c r="D575" s="542"/>
      <c r="E575" s="543" t="s">
        <v>80</v>
      </c>
      <c r="F575" s="544"/>
      <c r="G575" s="544"/>
      <c r="H575" s="544"/>
      <c r="I575" s="544"/>
      <c r="J575" s="544"/>
      <c r="K575" s="544"/>
      <c r="L575" s="544"/>
      <c r="M575" s="544"/>
      <c r="N575" s="544"/>
      <c r="O575" s="544"/>
      <c r="P575" s="544"/>
      <c r="Q575" s="544"/>
      <c r="R575" s="544"/>
      <c r="S575" s="544"/>
      <c r="T575" s="545"/>
      <c r="U575" s="221" t="s">
        <v>446</v>
      </c>
      <c r="V575" s="546" t="s">
        <v>101</v>
      </c>
      <c r="W575" s="547"/>
      <c r="X575" s="547"/>
      <c r="Y575" s="547"/>
      <c r="Z575" s="548"/>
      <c r="AA575" s="623" t="s">
        <v>102</v>
      </c>
      <c r="AB575" s="624"/>
      <c r="AC575" s="625"/>
      <c r="AD575" s="415">
        <v>2</v>
      </c>
      <c r="AE575" s="415" t="s">
        <v>103</v>
      </c>
      <c r="AF575" s="541"/>
      <c r="AG575" s="542"/>
      <c r="AH575" s="549"/>
      <c r="AI575" s="550"/>
      <c r="AJ575" s="551"/>
      <c r="AK575" s="332"/>
      <c r="AL575" s="38"/>
      <c r="AM575" s="54"/>
      <c r="AN575" s="13" t="str">
        <f t="shared" si="28"/>
        <v>■</v>
      </c>
    </row>
    <row r="576" spans="1:40" s="13" customFormat="1">
      <c r="A576" s="20" t="str">
        <f t="shared" si="27"/>
        <v>NI</v>
      </c>
      <c r="B576" s="20"/>
      <c r="C576" s="541">
        <v>6</v>
      </c>
      <c r="D576" s="542"/>
      <c r="E576" s="543" t="s">
        <v>627</v>
      </c>
      <c r="F576" s="544"/>
      <c r="G576" s="544"/>
      <c r="H576" s="544"/>
      <c r="I576" s="544"/>
      <c r="J576" s="544"/>
      <c r="K576" s="544"/>
      <c r="L576" s="544"/>
      <c r="M576" s="544"/>
      <c r="N576" s="544"/>
      <c r="O576" s="544"/>
      <c r="P576" s="544"/>
      <c r="Q576" s="544"/>
      <c r="R576" s="544"/>
      <c r="S576" s="544"/>
      <c r="T576" s="545"/>
      <c r="U576" s="221" t="s">
        <v>628</v>
      </c>
      <c r="V576" s="546" t="s">
        <v>107</v>
      </c>
      <c r="W576" s="547"/>
      <c r="X576" s="547"/>
      <c r="Y576" s="547"/>
      <c r="Z576" s="548"/>
      <c r="AA576" s="623" t="s">
        <v>108</v>
      </c>
      <c r="AB576" s="624"/>
      <c r="AC576" s="625"/>
      <c r="AD576" s="415">
        <v>3</v>
      </c>
      <c r="AE576" s="415">
        <v>0</v>
      </c>
      <c r="AF576" s="541"/>
      <c r="AG576" s="542"/>
      <c r="AH576" s="549"/>
      <c r="AI576" s="550"/>
      <c r="AJ576" s="551"/>
      <c r="AK576" s="332"/>
      <c r="AL576" s="38"/>
      <c r="AM576" s="54"/>
      <c r="AN576" s="13" t="str">
        <f t="shared" si="28"/>
        <v>■</v>
      </c>
    </row>
    <row r="577" spans="1:40" s="13" customFormat="1">
      <c r="A577" s="20" t="str">
        <f t="shared" si="27"/>
        <v>NI</v>
      </c>
      <c r="B577" s="20"/>
      <c r="C577" s="541">
        <v>7</v>
      </c>
      <c r="D577" s="542"/>
      <c r="E577" s="543" t="s">
        <v>629</v>
      </c>
      <c r="F577" s="544"/>
      <c r="G577" s="544"/>
      <c r="H577" s="544"/>
      <c r="I577" s="544"/>
      <c r="J577" s="544"/>
      <c r="K577" s="544"/>
      <c r="L577" s="544"/>
      <c r="M577" s="544"/>
      <c r="N577" s="544"/>
      <c r="O577" s="544"/>
      <c r="P577" s="544"/>
      <c r="Q577" s="544"/>
      <c r="R577" s="544"/>
      <c r="S577" s="544"/>
      <c r="T577" s="545"/>
      <c r="U577" s="221" t="s">
        <v>630</v>
      </c>
      <c r="V577" s="546" t="s">
        <v>107</v>
      </c>
      <c r="W577" s="547"/>
      <c r="X577" s="547"/>
      <c r="Y577" s="547"/>
      <c r="Z577" s="548"/>
      <c r="AA577" s="623" t="s">
        <v>108</v>
      </c>
      <c r="AB577" s="624"/>
      <c r="AC577" s="625"/>
      <c r="AD577" s="415">
        <v>3</v>
      </c>
      <c r="AE577" s="415">
        <v>0</v>
      </c>
      <c r="AF577" s="541"/>
      <c r="AG577" s="542"/>
      <c r="AH577" s="549"/>
      <c r="AI577" s="550"/>
      <c r="AJ577" s="551"/>
      <c r="AK577" s="332"/>
      <c r="AL577" s="38"/>
      <c r="AM577" s="54"/>
      <c r="AN577" s="13" t="str">
        <f t="shared" si="28"/>
        <v>■</v>
      </c>
    </row>
    <row r="578" spans="1:40" s="13" customFormat="1">
      <c r="A578" s="20" t="str">
        <f t="shared" si="27"/>
        <v>NI</v>
      </c>
      <c r="B578" s="20"/>
      <c r="C578" s="541">
        <v>8</v>
      </c>
      <c r="D578" s="542"/>
      <c r="E578" s="543" t="s">
        <v>631</v>
      </c>
      <c r="F578" s="544"/>
      <c r="G578" s="544"/>
      <c r="H578" s="544"/>
      <c r="I578" s="544"/>
      <c r="J578" s="544"/>
      <c r="K578" s="544"/>
      <c r="L578" s="544"/>
      <c r="M578" s="544"/>
      <c r="N578" s="544"/>
      <c r="O578" s="544"/>
      <c r="P578" s="544"/>
      <c r="Q578" s="544"/>
      <c r="R578" s="544"/>
      <c r="S578" s="544"/>
      <c r="T578" s="545"/>
      <c r="U578" s="221" t="s">
        <v>632</v>
      </c>
      <c r="V578" s="546" t="s">
        <v>107</v>
      </c>
      <c r="W578" s="547"/>
      <c r="X578" s="547"/>
      <c r="Y578" s="547"/>
      <c r="Z578" s="548"/>
      <c r="AA578" s="623" t="s">
        <v>108</v>
      </c>
      <c r="AB578" s="624"/>
      <c r="AC578" s="625"/>
      <c r="AD578" s="415">
        <v>3</v>
      </c>
      <c r="AE578" s="415">
        <v>0</v>
      </c>
      <c r="AF578" s="541"/>
      <c r="AG578" s="542"/>
      <c r="AH578" s="549"/>
      <c r="AI578" s="550"/>
      <c r="AJ578" s="551"/>
      <c r="AK578" s="332"/>
      <c r="AL578" s="38"/>
      <c r="AM578" s="54"/>
      <c r="AN578" s="13" t="str">
        <f t="shared" si="28"/>
        <v>■</v>
      </c>
    </row>
    <row r="579" spans="1:40" s="13" customFormat="1">
      <c r="A579" s="20" t="str">
        <f t="shared" si="27"/>
        <v>NI</v>
      </c>
      <c r="B579" s="20"/>
      <c r="C579" s="541">
        <v>9</v>
      </c>
      <c r="D579" s="542"/>
      <c r="E579" s="543" t="s">
        <v>633</v>
      </c>
      <c r="F579" s="544"/>
      <c r="G579" s="544"/>
      <c r="H579" s="544"/>
      <c r="I579" s="544"/>
      <c r="J579" s="544"/>
      <c r="K579" s="544"/>
      <c r="L579" s="544"/>
      <c r="M579" s="544"/>
      <c r="N579" s="544"/>
      <c r="O579" s="544"/>
      <c r="P579" s="544"/>
      <c r="Q579" s="544"/>
      <c r="R579" s="544"/>
      <c r="S579" s="544"/>
      <c r="T579" s="545"/>
      <c r="U579" s="221" t="s">
        <v>634</v>
      </c>
      <c r="V579" s="546" t="s">
        <v>107</v>
      </c>
      <c r="W579" s="547"/>
      <c r="X579" s="547"/>
      <c r="Y579" s="547"/>
      <c r="Z579" s="548"/>
      <c r="AA579" s="623" t="s">
        <v>108</v>
      </c>
      <c r="AB579" s="624"/>
      <c r="AC579" s="625"/>
      <c r="AD579" s="415">
        <v>3</v>
      </c>
      <c r="AE579" s="415">
        <v>0</v>
      </c>
      <c r="AF579" s="541"/>
      <c r="AG579" s="542"/>
      <c r="AH579" s="549"/>
      <c r="AI579" s="550"/>
      <c r="AJ579" s="551"/>
      <c r="AK579" s="332"/>
      <c r="AL579" s="38"/>
      <c r="AM579" s="54"/>
      <c r="AN579" s="13" t="str">
        <f t="shared" si="28"/>
        <v>■</v>
      </c>
    </row>
    <row r="580" spans="1:40" s="13" customFormat="1">
      <c r="A580" s="20" t="str">
        <f t="shared" si="27"/>
        <v>NI</v>
      </c>
      <c r="B580" s="20"/>
      <c r="C580" s="541">
        <v>10</v>
      </c>
      <c r="D580" s="542"/>
      <c r="E580" s="543" t="s">
        <v>635</v>
      </c>
      <c r="F580" s="544"/>
      <c r="G580" s="544"/>
      <c r="H580" s="544"/>
      <c r="I580" s="544"/>
      <c r="J580" s="544"/>
      <c r="K580" s="544"/>
      <c r="L580" s="544"/>
      <c r="M580" s="544"/>
      <c r="N580" s="544"/>
      <c r="O580" s="544"/>
      <c r="P580" s="544"/>
      <c r="Q580" s="544"/>
      <c r="R580" s="544"/>
      <c r="S580" s="544"/>
      <c r="T580" s="545"/>
      <c r="U580" s="221" t="s">
        <v>636</v>
      </c>
      <c r="V580" s="546" t="s">
        <v>107</v>
      </c>
      <c r="W580" s="547"/>
      <c r="X580" s="547"/>
      <c r="Y580" s="547"/>
      <c r="Z580" s="548"/>
      <c r="AA580" s="623" t="s">
        <v>108</v>
      </c>
      <c r="AB580" s="624"/>
      <c r="AC580" s="625"/>
      <c r="AD580" s="415">
        <v>3</v>
      </c>
      <c r="AE580" s="415">
        <v>0</v>
      </c>
      <c r="AF580" s="541"/>
      <c r="AG580" s="542"/>
      <c r="AH580" s="549"/>
      <c r="AI580" s="550"/>
      <c r="AJ580" s="551"/>
      <c r="AK580" s="332"/>
      <c r="AL580" s="38"/>
      <c r="AM580" s="54"/>
      <c r="AN580" s="13" t="str">
        <f t="shared" si="28"/>
        <v>■</v>
      </c>
    </row>
    <row r="581" spans="1:40" s="13" customFormat="1">
      <c r="A581" s="20" t="str">
        <f t="shared" si="27"/>
        <v>NI</v>
      </c>
      <c r="B581" s="20"/>
      <c r="C581" s="541">
        <v>11</v>
      </c>
      <c r="D581" s="542"/>
      <c r="E581" s="543" t="s">
        <v>637</v>
      </c>
      <c r="F581" s="544"/>
      <c r="G581" s="544"/>
      <c r="H581" s="544"/>
      <c r="I581" s="544"/>
      <c r="J581" s="544"/>
      <c r="K581" s="544"/>
      <c r="L581" s="544"/>
      <c r="M581" s="544"/>
      <c r="N581" s="544"/>
      <c r="O581" s="544"/>
      <c r="P581" s="544"/>
      <c r="Q581" s="544"/>
      <c r="R581" s="544"/>
      <c r="S581" s="544"/>
      <c r="T581" s="545"/>
      <c r="U581" s="221" t="s">
        <v>638</v>
      </c>
      <c r="V581" s="546" t="s">
        <v>107</v>
      </c>
      <c r="W581" s="547"/>
      <c r="X581" s="547"/>
      <c r="Y581" s="547"/>
      <c r="Z581" s="548"/>
      <c r="AA581" s="623" t="s">
        <v>108</v>
      </c>
      <c r="AB581" s="624"/>
      <c r="AC581" s="625"/>
      <c r="AD581" s="415">
        <v>3</v>
      </c>
      <c r="AE581" s="415">
        <v>0</v>
      </c>
      <c r="AF581" s="541"/>
      <c r="AG581" s="542"/>
      <c r="AH581" s="549"/>
      <c r="AI581" s="550"/>
      <c r="AJ581" s="551"/>
      <c r="AK581" s="332"/>
      <c r="AL581" s="38"/>
      <c r="AM581" s="54"/>
      <c r="AN581" s="13" t="str">
        <f t="shared" si="28"/>
        <v>■</v>
      </c>
    </row>
    <row r="582" spans="1:40" s="13" customFormat="1">
      <c r="A582" s="20" t="str">
        <f t="shared" si="27"/>
        <v>NI</v>
      </c>
      <c r="B582" s="20"/>
      <c r="C582" s="541">
        <v>12</v>
      </c>
      <c r="D582" s="542"/>
      <c r="E582" s="543" t="s">
        <v>639</v>
      </c>
      <c r="F582" s="544"/>
      <c r="G582" s="544"/>
      <c r="H582" s="544"/>
      <c r="I582" s="544"/>
      <c r="J582" s="544"/>
      <c r="K582" s="544"/>
      <c r="L582" s="544"/>
      <c r="M582" s="544"/>
      <c r="N582" s="544"/>
      <c r="O582" s="544"/>
      <c r="P582" s="544"/>
      <c r="Q582" s="544"/>
      <c r="R582" s="544"/>
      <c r="S582" s="544"/>
      <c r="T582" s="545"/>
      <c r="U582" s="221" t="s">
        <v>640</v>
      </c>
      <c r="V582" s="546" t="s">
        <v>107</v>
      </c>
      <c r="W582" s="547"/>
      <c r="X582" s="547"/>
      <c r="Y582" s="547"/>
      <c r="Z582" s="548"/>
      <c r="AA582" s="623" t="s">
        <v>108</v>
      </c>
      <c r="AB582" s="624"/>
      <c r="AC582" s="625"/>
      <c r="AD582" s="415">
        <v>3</v>
      </c>
      <c r="AE582" s="415">
        <v>0</v>
      </c>
      <c r="AF582" s="541"/>
      <c r="AG582" s="542"/>
      <c r="AH582" s="549"/>
      <c r="AI582" s="550"/>
      <c r="AJ582" s="551"/>
      <c r="AK582" s="332"/>
      <c r="AL582" s="38"/>
      <c r="AM582" s="54"/>
      <c r="AN582" s="13" t="str">
        <f t="shared" si="28"/>
        <v>■</v>
      </c>
    </row>
    <row r="583" spans="1:40" s="13" customFormat="1">
      <c r="A583" s="20" t="str">
        <f t="shared" si="27"/>
        <v>NI</v>
      </c>
      <c r="B583" s="20"/>
      <c r="C583" s="541">
        <v>13</v>
      </c>
      <c r="D583" s="542"/>
      <c r="E583" s="543" t="s">
        <v>641</v>
      </c>
      <c r="F583" s="544"/>
      <c r="G583" s="544"/>
      <c r="H583" s="544"/>
      <c r="I583" s="544"/>
      <c r="J583" s="544"/>
      <c r="K583" s="544"/>
      <c r="L583" s="544"/>
      <c r="M583" s="544"/>
      <c r="N583" s="544"/>
      <c r="O583" s="544"/>
      <c r="P583" s="544"/>
      <c r="Q583" s="544"/>
      <c r="R583" s="544"/>
      <c r="S583" s="544"/>
      <c r="T583" s="545"/>
      <c r="U583" s="221" t="s">
        <v>642</v>
      </c>
      <c r="V583" s="546" t="s">
        <v>107</v>
      </c>
      <c r="W583" s="547"/>
      <c r="X583" s="547"/>
      <c r="Y583" s="547"/>
      <c r="Z583" s="548"/>
      <c r="AA583" s="623" t="s">
        <v>108</v>
      </c>
      <c r="AB583" s="624"/>
      <c r="AC583" s="625"/>
      <c r="AD583" s="415">
        <v>3</v>
      </c>
      <c r="AE583" s="415">
        <v>0</v>
      </c>
      <c r="AF583" s="541"/>
      <c r="AG583" s="542"/>
      <c r="AH583" s="549"/>
      <c r="AI583" s="550"/>
      <c r="AJ583" s="551"/>
      <c r="AK583" s="332"/>
      <c r="AL583" s="38"/>
      <c r="AM583" s="54"/>
      <c r="AN583" s="13" t="str">
        <f t="shared" si="28"/>
        <v>■</v>
      </c>
    </row>
    <row r="584" spans="1:40" s="13" customFormat="1">
      <c r="A584" s="20" t="str">
        <f t="shared" si="27"/>
        <v>NI</v>
      </c>
      <c r="B584" s="20"/>
      <c r="C584" s="541">
        <v>14</v>
      </c>
      <c r="D584" s="542"/>
      <c r="E584" s="543" t="s">
        <v>643</v>
      </c>
      <c r="F584" s="544"/>
      <c r="G584" s="544"/>
      <c r="H584" s="544"/>
      <c r="I584" s="544"/>
      <c r="J584" s="544"/>
      <c r="K584" s="544"/>
      <c r="L584" s="544"/>
      <c r="M584" s="544"/>
      <c r="N584" s="544"/>
      <c r="O584" s="544"/>
      <c r="P584" s="544"/>
      <c r="Q584" s="544"/>
      <c r="R584" s="544"/>
      <c r="S584" s="544"/>
      <c r="T584" s="545"/>
      <c r="U584" s="221" t="s">
        <v>644</v>
      </c>
      <c r="V584" s="546" t="s">
        <v>107</v>
      </c>
      <c r="W584" s="547"/>
      <c r="X584" s="547"/>
      <c r="Y584" s="547"/>
      <c r="Z584" s="548"/>
      <c r="AA584" s="623" t="s">
        <v>108</v>
      </c>
      <c r="AB584" s="624"/>
      <c r="AC584" s="625"/>
      <c r="AD584" s="415">
        <v>3</v>
      </c>
      <c r="AE584" s="415">
        <v>0</v>
      </c>
      <c r="AF584" s="541"/>
      <c r="AG584" s="542"/>
      <c r="AH584" s="549"/>
      <c r="AI584" s="550"/>
      <c r="AJ584" s="551"/>
      <c r="AK584" s="332"/>
      <c r="AL584" s="38"/>
      <c r="AM584" s="54"/>
      <c r="AN584" s="13" t="str">
        <f t="shared" si="28"/>
        <v>■</v>
      </c>
    </row>
    <row r="585" spans="1:40" s="13" customFormat="1">
      <c r="A585" s="20" t="str">
        <f t="shared" si="27"/>
        <v>NI</v>
      </c>
      <c r="B585" s="20"/>
      <c r="C585" s="541">
        <v>15</v>
      </c>
      <c r="D585" s="542"/>
      <c r="E585" s="543" t="s">
        <v>645</v>
      </c>
      <c r="F585" s="544"/>
      <c r="G585" s="544"/>
      <c r="H585" s="544"/>
      <c r="I585" s="544"/>
      <c r="J585" s="544"/>
      <c r="K585" s="544"/>
      <c r="L585" s="544"/>
      <c r="M585" s="544"/>
      <c r="N585" s="544"/>
      <c r="O585" s="544"/>
      <c r="P585" s="544"/>
      <c r="Q585" s="544"/>
      <c r="R585" s="544"/>
      <c r="S585" s="544"/>
      <c r="T585" s="545"/>
      <c r="U585" s="221" t="s">
        <v>646</v>
      </c>
      <c r="V585" s="546" t="s">
        <v>107</v>
      </c>
      <c r="W585" s="547"/>
      <c r="X585" s="547"/>
      <c r="Y585" s="547"/>
      <c r="Z585" s="548"/>
      <c r="AA585" s="623" t="s">
        <v>108</v>
      </c>
      <c r="AB585" s="624"/>
      <c r="AC585" s="625"/>
      <c r="AD585" s="415">
        <v>3</v>
      </c>
      <c r="AE585" s="415">
        <v>0</v>
      </c>
      <c r="AF585" s="541"/>
      <c r="AG585" s="542"/>
      <c r="AH585" s="549"/>
      <c r="AI585" s="550"/>
      <c r="AJ585" s="551"/>
      <c r="AK585" s="332"/>
      <c r="AL585" s="38"/>
      <c r="AM585" s="54"/>
      <c r="AN585" s="13" t="str">
        <f t="shared" si="28"/>
        <v>■</v>
      </c>
    </row>
    <row r="586" spans="1:40" s="13" customFormat="1">
      <c r="A586" s="20" t="str">
        <f t="shared" si="27"/>
        <v>NI</v>
      </c>
      <c r="B586" s="20"/>
      <c r="C586" s="541">
        <v>16</v>
      </c>
      <c r="D586" s="542"/>
      <c r="E586" s="543" t="s">
        <v>647</v>
      </c>
      <c r="F586" s="544"/>
      <c r="G586" s="544"/>
      <c r="H586" s="544"/>
      <c r="I586" s="544"/>
      <c r="J586" s="544"/>
      <c r="K586" s="544"/>
      <c r="L586" s="544"/>
      <c r="M586" s="544"/>
      <c r="N586" s="544"/>
      <c r="O586" s="544"/>
      <c r="P586" s="544"/>
      <c r="Q586" s="544"/>
      <c r="R586" s="544"/>
      <c r="S586" s="544"/>
      <c r="T586" s="545"/>
      <c r="U586" s="221" t="s">
        <v>648</v>
      </c>
      <c r="V586" s="546" t="s">
        <v>107</v>
      </c>
      <c r="W586" s="547"/>
      <c r="X586" s="547"/>
      <c r="Y586" s="547"/>
      <c r="Z586" s="548"/>
      <c r="AA586" s="623" t="s">
        <v>108</v>
      </c>
      <c r="AB586" s="624"/>
      <c r="AC586" s="625"/>
      <c r="AD586" s="415">
        <v>3</v>
      </c>
      <c r="AE586" s="415">
        <v>0</v>
      </c>
      <c r="AF586" s="541"/>
      <c r="AG586" s="542"/>
      <c r="AH586" s="549"/>
      <c r="AI586" s="550"/>
      <c r="AJ586" s="551"/>
      <c r="AK586" s="332"/>
      <c r="AL586" s="38"/>
      <c r="AM586" s="54"/>
      <c r="AN586" s="13" t="str">
        <f t="shared" si="28"/>
        <v>■</v>
      </c>
    </row>
    <row r="587" spans="1:40" s="13" customFormat="1">
      <c r="A587" s="20" t="str">
        <f t="shared" si="27"/>
        <v>NI</v>
      </c>
      <c r="B587" s="20"/>
      <c r="C587" s="541">
        <v>17</v>
      </c>
      <c r="D587" s="542"/>
      <c r="E587" s="543" t="s">
        <v>649</v>
      </c>
      <c r="F587" s="544"/>
      <c r="G587" s="544"/>
      <c r="H587" s="544"/>
      <c r="I587" s="544"/>
      <c r="J587" s="544"/>
      <c r="K587" s="544"/>
      <c r="L587" s="544"/>
      <c r="M587" s="544"/>
      <c r="N587" s="544"/>
      <c r="O587" s="544"/>
      <c r="P587" s="544"/>
      <c r="Q587" s="544"/>
      <c r="R587" s="544"/>
      <c r="S587" s="544"/>
      <c r="T587" s="545"/>
      <c r="U587" s="221" t="s">
        <v>650</v>
      </c>
      <c r="V587" s="546" t="s">
        <v>107</v>
      </c>
      <c r="W587" s="547"/>
      <c r="X587" s="547"/>
      <c r="Y587" s="547"/>
      <c r="Z587" s="548"/>
      <c r="AA587" s="623" t="s">
        <v>108</v>
      </c>
      <c r="AB587" s="624"/>
      <c r="AC587" s="625"/>
      <c r="AD587" s="415">
        <v>3</v>
      </c>
      <c r="AE587" s="415">
        <v>0</v>
      </c>
      <c r="AF587" s="541"/>
      <c r="AG587" s="542"/>
      <c r="AH587" s="549"/>
      <c r="AI587" s="550"/>
      <c r="AJ587" s="551"/>
      <c r="AK587" s="332"/>
      <c r="AL587" s="38"/>
      <c r="AM587" s="54"/>
      <c r="AN587" s="13" t="str">
        <f t="shared" si="28"/>
        <v>■</v>
      </c>
    </row>
    <row r="588" spans="1:40" s="13" customFormat="1">
      <c r="A588" s="20" t="str">
        <f t="shared" si="27"/>
        <v>NI</v>
      </c>
      <c r="B588" s="20"/>
      <c r="C588" s="541">
        <v>18</v>
      </c>
      <c r="D588" s="542"/>
      <c r="E588" s="543" t="s">
        <v>651</v>
      </c>
      <c r="F588" s="544"/>
      <c r="G588" s="544"/>
      <c r="H588" s="544"/>
      <c r="I588" s="544"/>
      <c r="J588" s="544"/>
      <c r="K588" s="544"/>
      <c r="L588" s="544"/>
      <c r="M588" s="544"/>
      <c r="N588" s="544"/>
      <c r="O588" s="544"/>
      <c r="P588" s="544"/>
      <c r="Q588" s="544"/>
      <c r="R588" s="544"/>
      <c r="S588" s="544"/>
      <c r="T588" s="545"/>
      <c r="U588" s="221" t="s">
        <v>652</v>
      </c>
      <c r="V588" s="546" t="s">
        <v>107</v>
      </c>
      <c r="W588" s="547"/>
      <c r="X588" s="547"/>
      <c r="Y588" s="547"/>
      <c r="Z588" s="548"/>
      <c r="AA588" s="623" t="s">
        <v>108</v>
      </c>
      <c r="AB588" s="624"/>
      <c r="AC588" s="625"/>
      <c r="AD588" s="415">
        <v>3</v>
      </c>
      <c r="AE588" s="415">
        <v>0</v>
      </c>
      <c r="AF588" s="541"/>
      <c r="AG588" s="542"/>
      <c r="AH588" s="549"/>
      <c r="AI588" s="550"/>
      <c r="AJ588" s="551"/>
      <c r="AK588" s="332"/>
      <c r="AL588" s="38"/>
      <c r="AM588" s="54"/>
      <c r="AN588" s="13" t="str">
        <f t="shared" si="28"/>
        <v>■</v>
      </c>
    </row>
    <row r="589" spans="1:40" s="13" customFormat="1">
      <c r="A589" s="20" t="str">
        <f t="shared" si="27"/>
        <v>NI</v>
      </c>
      <c r="B589" s="20"/>
      <c r="C589" s="541">
        <v>19</v>
      </c>
      <c r="D589" s="542"/>
      <c r="E589" s="543" t="s">
        <v>653</v>
      </c>
      <c r="F589" s="544"/>
      <c r="G589" s="544"/>
      <c r="H589" s="544"/>
      <c r="I589" s="544"/>
      <c r="J589" s="544"/>
      <c r="K589" s="544"/>
      <c r="L589" s="544"/>
      <c r="M589" s="544"/>
      <c r="N589" s="544"/>
      <c r="O589" s="544"/>
      <c r="P589" s="544"/>
      <c r="Q589" s="544"/>
      <c r="R589" s="544"/>
      <c r="S589" s="544"/>
      <c r="T589" s="545"/>
      <c r="U589" s="221" t="s">
        <v>654</v>
      </c>
      <c r="V589" s="546" t="s">
        <v>107</v>
      </c>
      <c r="W589" s="547"/>
      <c r="X589" s="547"/>
      <c r="Y589" s="547"/>
      <c r="Z589" s="548"/>
      <c r="AA589" s="623" t="s">
        <v>108</v>
      </c>
      <c r="AB589" s="624"/>
      <c r="AC589" s="625"/>
      <c r="AD589" s="415">
        <v>3</v>
      </c>
      <c r="AE589" s="415">
        <v>0</v>
      </c>
      <c r="AF589" s="541"/>
      <c r="AG589" s="542"/>
      <c r="AH589" s="549"/>
      <c r="AI589" s="550"/>
      <c r="AJ589" s="551"/>
      <c r="AK589" s="332"/>
      <c r="AL589" s="38"/>
      <c r="AM589" s="54"/>
      <c r="AN589" s="13" t="str">
        <f t="shared" si="28"/>
        <v>■</v>
      </c>
    </row>
    <row r="590" spans="1:40" s="13" customFormat="1">
      <c r="A590" s="20" t="str">
        <f t="shared" si="27"/>
        <v>NI</v>
      </c>
      <c r="B590" s="20"/>
      <c r="C590" s="541">
        <v>20</v>
      </c>
      <c r="D590" s="542"/>
      <c r="E590" s="543" t="s">
        <v>655</v>
      </c>
      <c r="F590" s="544"/>
      <c r="G590" s="544"/>
      <c r="H590" s="544"/>
      <c r="I590" s="544"/>
      <c r="J590" s="544"/>
      <c r="K590" s="544"/>
      <c r="L590" s="544"/>
      <c r="M590" s="544"/>
      <c r="N590" s="544"/>
      <c r="O590" s="544"/>
      <c r="P590" s="544"/>
      <c r="Q590" s="544"/>
      <c r="R590" s="544"/>
      <c r="S590" s="544"/>
      <c r="T590" s="545"/>
      <c r="U590" s="221" t="s">
        <v>656</v>
      </c>
      <c r="V590" s="546" t="s">
        <v>107</v>
      </c>
      <c r="W590" s="547"/>
      <c r="X590" s="547"/>
      <c r="Y590" s="547"/>
      <c r="Z590" s="548"/>
      <c r="AA590" s="623" t="s">
        <v>108</v>
      </c>
      <c r="AB590" s="624"/>
      <c r="AC590" s="625"/>
      <c r="AD590" s="415">
        <v>3</v>
      </c>
      <c r="AE590" s="415">
        <v>0</v>
      </c>
      <c r="AF590" s="541"/>
      <c r="AG590" s="542"/>
      <c r="AH590" s="549"/>
      <c r="AI590" s="550"/>
      <c r="AJ590" s="551"/>
      <c r="AK590" s="332"/>
      <c r="AL590" s="38"/>
      <c r="AM590" s="54"/>
      <c r="AN590" s="13" t="str">
        <f t="shared" si="28"/>
        <v>■</v>
      </c>
    </row>
    <row r="591" spans="1:40" s="13" customFormat="1">
      <c r="A591" s="20" t="str">
        <f t="shared" si="27"/>
        <v>NI</v>
      </c>
      <c r="B591" s="20"/>
      <c r="C591" s="541">
        <v>21</v>
      </c>
      <c r="D591" s="542"/>
      <c r="E591" s="543" t="s">
        <v>657</v>
      </c>
      <c r="F591" s="544"/>
      <c r="G591" s="544"/>
      <c r="H591" s="544"/>
      <c r="I591" s="544"/>
      <c r="J591" s="544"/>
      <c r="K591" s="544"/>
      <c r="L591" s="544"/>
      <c r="M591" s="544"/>
      <c r="N591" s="544"/>
      <c r="O591" s="544"/>
      <c r="P591" s="544"/>
      <c r="Q591" s="544"/>
      <c r="R591" s="544"/>
      <c r="S591" s="544"/>
      <c r="T591" s="545"/>
      <c r="U591" s="221" t="s">
        <v>658</v>
      </c>
      <c r="V591" s="546" t="s">
        <v>107</v>
      </c>
      <c r="W591" s="547"/>
      <c r="X591" s="547"/>
      <c r="Y591" s="547"/>
      <c r="Z591" s="548"/>
      <c r="AA591" s="623" t="s">
        <v>108</v>
      </c>
      <c r="AB591" s="624"/>
      <c r="AC591" s="625"/>
      <c r="AD591" s="415">
        <v>3</v>
      </c>
      <c r="AE591" s="415">
        <v>0</v>
      </c>
      <c r="AF591" s="541"/>
      <c r="AG591" s="542"/>
      <c r="AH591" s="549"/>
      <c r="AI591" s="550"/>
      <c r="AJ591" s="551"/>
      <c r="AK591" s="332"/>
      <c r="AL591" s="38"/>
      <c r="AM591" s="54"/>
      <c r="AN591" s="13" t="str">
        <f t="shared" si="28"/>
        <v>■</v>
      </c>
    </row>
    <row r="592" spans="1:40" s="13" customFormat="1">
      <c r="A592" s="20" t="str">
        <f t="shared" si="27"/>
        <v>NI</v>
      </c>
      <c r="B592" s="20"/>
      <c r="C592" s="541">
        <v>22</v>
      </c>
      <c r="D592" s="542"/>
      <c r="E592" s="543" t="s">
        <v>659</v>
      </c>
      <c r="F592" s="544"/>
      <c r="G592" s="544"/>
      <c r="H592" s="544"/>
      <c r="I592" s="544"/>
      <c r="J592" s="544"/>
      <c r="K592" s="544"/>
      <c r="L592" s="544"/>
      <c r="M592" s="544"/>
      <c r="N592" s="544"/>
      <c r="O592" s="544"/>
      <c r="P592" s="544"/>
      <c r="Q592" s="544"/>
      <c r="R592" s="544"/>
      <c r="S592" s="544"/>
      <c r="T592" s="545"/>
      <c r="U592" s="221" t="s">
        <v>660</v>
      </c>
      <c r="V592" s="546" t="s">
        <v>107</v>
      </c>
      <c r="W592" s="547"/>
      <c r="X592" s="547"/>
      <c r="Y592" s="547"/>
      <c r="Z592" s="548"/>
      <c r="AA592" s="623" t="s">
        <v>108</v>
      </c>
      <c r="AB592" s="624"/>
      <c r="AC592" s="625"/>
      <c r="AD592" s="415">
        <v>3</v>
      </c>
      <c r="AE592" s="415">
        <v>0</v>
      </c>
      <c r="AF592" s="541"/>
      <c r="AG592" s="542"/>
      <c r="AH592" s="549"/>
      <c r="AI592" s="550"/>
      <c r="AJ592" s="551"/>
      <c r="AK592" s="332"/>
      <c r="AL592" s="38"/>
      <c r="AM592" s="54"/>
      <c r="AN592" s="13" t="str">
        <f t="shared" si="28"/>
        <v>■</v>
      </c>
    </row>
    <row r="593" spans="1:40" s="13" customFormat="1">
      <c r="A593" s="20" t="str">
        <f t="shared" si="27"/>
        <v>NI</v>
      </c>
      <c r="B593" s="20"/>
      <c r="C593" s="541">
        <v>23</v>
      </c>
      <c r="D593" s="542"/>
      <c r="E593" s="543" t="s">
        <v>661</v>
      </c>
      <c r="F593" s="544"/>
      <c r="G593" s="544"/>
      <c r="H593" s="544"/>
      <c r="I593" s="544"/>
      <c r="J593" s="544"/>
      <c r="K593" s="544"/>
      <c r="L593" s="544"/>
      <c r="M593" s="544"/>
      <c r="N593" s="544"/>
      <c r="O593" s="544"/>
      <c r="P593" s="544"/>
      <c r="Q593" s="544"/>
      <c r="R593" s="544"/>
      <c r="S593" s="544"/>
      <c r="T593" s="545"/>
      <c r="U593" s="221" t="s">
        <v>662</v>
      </c>
      <c r="V593" s="546" t="s">
        <v>107</v>
      </c>
      <c r="W593" s="547"/>
      <c r="X593" s="547"/>
      <c r="Y593" s="547"/>
      <c r="Z593" s="548"/>
      <c r="AA593" s="623" t="s">
        <v>108</v>
      </c>
      <c r="AB593" s="624"/>
      <c r="AC593" s="625"/>
      <c r="AD593" s="415">
        <v>3</v>
      </c>
      <c r="AE593" s="415">
        <v>0</v>
      </c>
      <c r="AF593" s="541"/>
      <c r="AG593" s="542"/>
      <c r="AH593" s="549"/>
      <c r="AI593" s="550"/>
      <c r="AJ593" s="551"/>
      <c r="AK593" s="332"/>
      <c r="AL593" s="38"/>
      <c r="AM593" s="54"/>
      <c r="AN593" s="13" t="str">
        <f t="shared" si="28"/>
        <v>■</v>
      </c>
    </row>
    <row r="594" spans="1:40" s="13" customFormat="1">
      <c r="A594" s="20" t="str">
        <f t="shared" si="27"/>
        <v>NI</v>
      </c>
      <c r="B594" s="20"/>
      <c r="C594" s="541">
        <v>24</v>
      </c>
      <c r="D594" s="542"/>
      <c r="E594" s="543" t="s">
        <v>663</v>
      </c>
      <c r="F594" s="544"/>
      <c r="G594" s="544"/>
      <c r="H594" s="544"/>
      <c r="I594" s="544"/>
      <c r="J594" s="544"/>
      <c r="K594" s="544"/>
      <c r="L594" s="544"/>
      <c r="M594" s="544"/>
      <c r="N594" s="544"/>
      <c r="O594" s="544"/>
      <c r="P594" s="544"/>
      <c r="Q594" s="544"/>
      <c r="R594" s="544"/>
      <c r="S594" s="544"/>
      <c r="T594" s="545"/>
      <c r="U594" s="221" t="s">
        <v>664</v>
      </c>
      <c r="V594" s="546" t="s">
        <v>107</v>
      </c>
      <c r="W594" s="547"/>
      <c r="X594" s="547"/>
      <c r="Y594" s="547"/>
      <c r="Z594" s="548"/>
      <c r="AA594" s="623" t="s">
        <v>108</v>
      </c>
      <c r="AB594" s="624"/>
      <c r="AC594" s="625"/>
      <c r="AD594" s="415">
        <v>3</v>
      </c>
      <c r="AE594" s="415">
        <v>0</v>
      </c>
      <c r="AF594" s="541"/>
      <c r="AG594" s="542"/>
      <c r="AH594" s="549"/>
      <c r="AI594" s="550"/>
      <c r="AJ594" s="551"/>
      <c r="AK594" s="332"/>
      <c r="AL594" s="38"/>
      <c r="AM594" s="54"/>
      <c r="AN594" s="13" t="str">
        <f t="shared" si="28"/>
        <v>■</v>
      </c>
    </row>
    <row r="595" spans="1:40" s="13" customFormat="1">
      <c r="A595" s="20" t="str">
        <f t="shared" si="27"/>
        <v>NI</v>
      </c>
      <c r="B595" s="20"/>
      <c r="C595" s="541">
        <v>25</v>
      </c>
      <c r="D595" s="542"/>
      <c r="E595" s="543" t="s">
        <v>665</v>
      </c>
      <c r="F595" s="544"/>
      <c r="G595" s="544"/>
      <c r="H595" s="544"/>
      <c r="I595" s="544"/>
      <c r="J595" s="544"/>
      <c r="K595" s="544"/>
      <c r="L595" s="544"/>
      <c r="M595" s="544"/>
      <c r="N595" s="544"/>
      <c r="O595" s="544"/>
      <c r="P595" s="544"/>
      <c r="Q595" s="544"/>
      <c r="R595" s="544"/>
      <c r="S595" s="544"/>
      <c r="T595" s="545"/>
      <c r="U595" s="221" t="s">
        <v>666</v>
      </c>
      <c r="V595" s="546" t="s">
        <v>107</v>
      </c>
      <c r="W595" s="547"/>
      <c r="X595" s="547"/>
      <c r="Y595" s="547"/>
      <c r="Z595" s="548"/>
      <c r="AA595" s="623" t="s">
        <v>108</v>
      </c>
      <c r="AB595" s="624"/>
      <c r="AC595" s="625"/>
      <c r="AD595" s="415">
        <v>3</v>
      </c>
      <c r="AE595" s="415">
        <v>0</v>
      </c>
      <c r="AF595" s="541"/>
      <c r="AG595" s="542"/>
      <c r="AH595" s="549"/>
      <c r="AI595" s="550"/>
      <c r="AJ595" s="551"/>
      <c r="AK595" s="332"/>
      <c r="AL595" s="38"/>
      <c r="AM595" s="54"/>
      <c r="AN595" s="13" t="str">
        <f t="shared" si="28"/>
        <v>■</v>
      </c>
    </row>
    <row r="596" spans="1:40" s="13" customFormat="1">
      <c r="A596" s="20" t="str">
        <f t="shared" si="27"/>
        <v>NI</v>
      </c>
      <c r="B596" s="20"/>
      <c r="C596" s="541">
        <v>26</v>
      </c>
      <c r="D596" s="542"/>
      <c r="E596" s="543" t="s">
        <v>667</v>
      </c>
      <c r="F596" s="544"/>
      <c r="G596" s="544"/>
      <c r="H596" s="544"/>
      <c r="I596" s="544"/>
      <c r="J596" s="544"/>
      <c r="K596" s="544"/>
      <c r="L596" s="544"/>
      <c r="M596" s="544"/>
      <c r="N596" s="544"/>
      <c r="O596" s="544"/>
      <c r="P596" s="544"/>
      <c r="Q596" s="544"/>
      <c r="R596" s="544"/>
      <c r="S596" s="544"/>
      <c r="T596" s="545"/>
      <c r="U596" s="221" t="s">
        <v>668</v>
      </c>
      <c r="V596" s="546" t="s">
        <v>107</v>
      </c>
      <c r="W596" s="547"/>
      <c r="X596" s="547"/>
      <c r="Y596" s="547"/>
      <c r="Z596" s="548"/>
      <c r="AA596" s="623" t="s">
        <v>108</v>
      </c>
      <c r="AB596" s="624"/>
      <c r="AC596" s="625"/>
      <c r="AD596" s="415">
        <v>3</v>
      </c>
      <c r="AE596" s="415">
        <v>0</v>
      </c>
      <c r="AF596" s="541"/>
      <c r="AG596" s="542"/>
      <c r="AH596" s="549"/>
      <c r="AI596" s="550"/>
      <c r="AJ596" s="551"/>
      <c r="AK596" s="332"/>
      <c r="AL596" s="38"/>
      <c r="AM596" s="54"/>
      <c r="AN596" s="13" t="str">
        <f t="shared" si="28"/>
        <v>■</v>
      </c>
    </row>
    <row r="597" spans="1:40" s="13" customFormat="1">
      <c r="A597" s="20" t="str">
        <f t="shared" si="27"/>
        <v>NI</v>
      </c>
      <c r="B597" s="20"/>
      <c r="C597" s="541">
        <v>27</v>
      </c>
      <c r="D597" s="542"/>
      <c r="E597" s="543" t="s">
        <v>669</v>
      </c>
      <c r="F597" s="544"/>
      <c r="G597" s="544"/>
      <c r="H597" s="544"/>
      <c r="I597" s="544"/>
      <c r="J597" s="544"/>
      <c r="K597" s="544"/>
      <c r="L597" s="544"/>
      <c r="M597" s="544"/>
      <c r="N597" s="544"/>
      <c r="O597" s="544"/>
      <c r="P597" s="544"/>
      <c r="Q597" s="544"/>
      <c r="R597" s="544"/>
      <c r="S597" s="544"/>
      <c r="T597" s="545"/>
      <c r="U597" s="221" t="s">
        <v>670</v>
      </c>
      <c r="V597" s="546" t="s">
        <v>107</v>
      </c>
      <c r="W597" s="547"/>
      <c r="X597" s="547"/>
      <c r="Y597" s="547"/>
      <c r="Z597" s="548"/>
      <c r="AA597" s="623" t="s">
        <v>108</v>
      </c>
      <c r="AB597" s="624"/>
      <c r="AC597" s="625"/>
      <c r="AD597" s="415">
        <v>3</v>
      </c>
      <c r="AE597" s="415">
        <v>0</v>
      </c>
      <c r="AF597" s="541"/>
      <c r="AG597" s="542"/>
      <c r="AH597" s="549"/>
      <c r="AI597" s="550"/>
      <c r="AJ597" s="551"/>
      <c r="AK597" s="332"/>
      <c r="AL597" s="38"/>
      <c r="AM597" s="54"/>
      <c r="AN597" s="13" t="str">
        <f t="shared" si="28"/>
        <v>■</v>
      </c>
    </row>
    <row r="598" spans="1:40" s="13" customFormat="1">
      <c r="A598" s="20" t="str">
        <f t="shared" si="27"/>
        <v>NI</v>
      </c>
      <c r="B598" s="20"/>
      <c r="C598" s="541">
        <v>28</v>
      </c>
      <c r="D598" s="542"/>
      <c r="E598" s="543" t="s">
        <v>671</v>
      </c>
      <c r="F598" s="544"/>
      <c r="G598" s="544"/>
      <c r="H598" s="544"/>
      <c r="I598" s="544"/>
      <c r="J598" s="544"/>
      <c r="K598" s="544"/>
      <c r="L598" s="544"/>
      <c r="M598" s="544"/>
      <c r="N598" s="544"/>
      <c r="O598" s="544"/>
      <c r="P598" s="544"/>
      <c r="Q598" s="544"/>
      <c r="R598" s="544"/>
      <c r="S598" s="544"/>
      <c r="T598" s="545"/>
      <c r="U598" s="221" t="s">
        <v>672</v>
      </c>
      <c r="V598" s="546" t="s">
        <v>107</v>
      </c>
      <c r="W598" s="547"/>
      <c r="X598" s="547"/>
      <c r="Y598" s="547"/>
      <c r="Z598" s="548"/>
      <c r="AA598" s="623" t="s">
        <v>108</v>
      </c>
      <c r="AB598" s="624"/>
      <c r="AC598" s="625"/>
      <c r="AD598" s="415">
        <v>3</v>
      </c>
      <c r="AE598" s="415">
        <v>0</v>
      </c>
      <c r="AF598" s="541"/>
      <c r="AG598" s="542"/>
      <c r="AH598" s="549"/>
      <c r="AI598" s="550"/>
      <c r="AJ598" s="551"/>
      <c r="AK598" s="332"/>
      <c r="AL598" s="38"/>
      <c r="AM598" s="54"/>
      <c r="AN598" s="13" t="str">
        <f t="shared" si="28"/>
        <v>■</v>
      </c>
    </row>
    <row r="599" spans="1:40" s="13" customFormat="1">
      <c r="A599" s="20" t="str">
        <f t="shared" si="27"/>
        <v>NI</v>
      </c>
      <c r="B599" s="20"/>
      <c r="C599" s="541">
        <v>29</v>
      </c>
      <c r="D599" s="542"/>
      <c r="E599" s="543" t="s">
        <v>673</v>
      </c>
      <c r="F599" s="544"/>
      <c r="G599" s="544"/>
      <c r="H599" s="544"/>
      <c r="I599" s="544"/>
      <c r="J599" s="544"/>
      <c r="K599" s="544"/>
      <c r="L599" s="544"/>
      <c r="M599" s="544"/>
      <c r="N599" s="544"/>
      <c r="O599" s="544"/>
      <c r="P599" s="544"/>
      <c r="Q599" s="544"/>
      <c r="R599" s="544"/>
      <c r="S599" s="544"/>
      <c r="T599" s="545"/>
      <c r="U599" s="221" t="s">
        <v>674</v>
      </c>
      <c r="V599" s="546" t="s">
        <v>107</v>
      </c>
      <c r="W599" s="547"/>
      <c r="X599" s="547"/>
      <c r="Y599" s="547"/>
      <c r="Z599" s="548"/>
      <c r="AA599" s="623" t="s">
        <v>108</v>
      </c>
      <c r="AB599" s="624"/>
      <c r="AC599" s="625"/>
      <c r="AD599" s="415">
        <v>3</v>
      </c>
      <c r="AE599" s="415">
        <v>0</v>
      </c>
      <c r="AF599" s="541"/>
      <c r="AG599" s="542"/>
      <c r="AH599" s="549"/>
      <c r="AI599" s="550"/>
      <c r="AJ599" s="551"/>
      <c r="AK599" s="332"/>
      <c r="AL599" s="38"/>
      <c r="AM599" s="54"/>
      <c r="AN599" s="13" t="str">
        <f t="shared" si="28"/>
        <v>■</v>
      </c>
    </row>
    <row r="600" spans="1:40" s="13" customFormat="1">
      <c r="A600" s="20" t="str">
        <f t="shared" si="27"/>
        <v>NI</v>
      </c>
      <c r="B600" s="20"/>
      <c r="C600" s="541">
        <v>30</v>
      </c>
      <c r="D600" s="542"/>
      <c r="E600" s="543" t="s">
        <v>675</v>
      </c>
      <c r="F600" s="544"/>
      <c r="G600" s="544"/>
      <c r="H600" s="544"/>
      <c r="I600" s="544"/>
      <c r="J600" s="544"/>
      <c r="K600" s="544"/>
      <c r="L600" s="544"/>
      <c r="M600" s="544"/>
      <c r="N600" s="544"/>
      <c r="O600" s="544"/>
      <c r="P600" s="544"/>
      <c r="Q600" s="544"/>
      <c r="R600" s="544"/>
      <c r="S600" s="544"/>
      <c r="T600" s="545"/>
      <c r="U600" s="221" t="s">
        <v>676</v>
      </c>
      <c r="V600" s="546" t="s">
        <v>107</v>
      </c>
      <c r="W600" s="547"/>
      <c r="X600" s="547"/>
      <c r="Y600" s="547"/>
      <c r="Z600" s="548"/>
      <c r="AA600" s="623" t="s">
        <v>108</v>
      </c>
      <c r="AB600" s="624"/>
      <c r="AC600" s="625"/>
      <c r="AD600" s="415">
        <v>3</v>
      </c>
      <c r="AE600" s="415">
        <v>0</v>
      </c>
      <c r="AF600" s="541"/>
      <c r="AG600" s="542"/>
      <c r="AH600" s="549"/>
      <c r="AI600" s="550"/>
      <c r="AJ600" s="551"/>
      <c r="AK600" s="332"/>
      <c r="AL600" s="38"/>
      <c r="AM600" s="54"/>
      <c r="AN600" s="13" t="str">
        <f t="shared" si="28"/>
        <v>■</v>
      </c>
    </row>
    <row r="601" spans="1:40" s="13" customFormat="1">
      <c r="A601" s="20" t="str">
        <f t="shared" si="27"/>
        <v>NI</v>
      </c>
      <c r="B601" s="20"/>
      <c r="C601" s="541">
        <v>31</v>
      </c>
      <c r="D601" s="542"/>
      <c r="E601" s="543" t="s">
        <v>677</v>
      </c>
      <c r="F601" s="544"/>
      <c r="G601" s="544"/>
      <c r="H601" s="544"/>
      <c r="I601" s="544"/>
      <c r="J601" s="544"/>
      <c r="K601" s="544"/>
      <c r="L601" s="544"/>
      <c r="M601" s="544"/>
      <c r="N601" s="544"/>
      <c r="O601" s="544"/>
      <c r="P601" s="544"/>
      <c r="Q601" s="544"/>
      <c r="R601" s="544"/>
      <c r="S601" s="544"/>
      <c r="T601" s="545"/>
      <c r="U601" s="221" t="s">
        <v>678</v>
      </c>
      <c r="V601" s="546" t="s">
        <v>107</v>
      </c>
      <c r="W601" s="547"/>
      <c r="X601" s="547"/>
      <c r="Y601" s="547"/>
      <c r="Z601" s="548"/>
      <c r="AA601" s="623" t="s">
        <v>108</v>
      </c>
      <c r="AB601" s="624"/>
      <c r="AC601" s="625"/>
      <c r="AD601" s="415">
        <v>3</v>
      </c>
      <c r="AE601" s="415">
        <v>0</v>
      </c>
      <c r="AF601" s="541"/>
      <c r="AG601" s="542"/>
      <c r="AH601" s="549"/>
      <c r="AI601" s="550"/>
      <c r="AJ601" s="551"/>
      <c r="AK601" s="332"/>
      <c r="AL601" s="38"/>
      <c r="AM601" s="54"/>
      <c r="AN601" s="13" t="str">
        <f t="shared" si="28"/>
        <v>■</v>
      </c>
    </row>
    <row r="602" spans="1:40" s="13" customFormat="1">
      <c r="A602" s="20" t="str">
        <f t="shared" si="27"/>
        <v>NI</v>
      </c>
      <c r="B602" s="20"/>
      <c r="C602" s="541">
        <v>32</v>
      </c>
      <c r="D602" s="542"/>
      <c r="E602" s="543" t="s">
        <v>679</v>
      </c>
      <c r="F602" s="544"/>
      <c r="G602" s="544"/>
      <c r="H602" s="544"/>
      <c r="I602" s="544"/>
      <c r="J602" s="544"/>
      <c r="K602" s="544"/>
      <c r="L602" s="544"/>
      <c r="M602" s="544"/>
      <c r="N602" s="544"/>
      <c r="O602" s="544"/>
      <c r="P602" s="544"/>
      <c r="Q602" s="544"/>
      <c r="R602" s="544"/>
      <c r="S602" s="544"/>
      <c r="T602" s="545"/>
      <c r="U602" s="221" t="s">
        <v>680</v>
      </c>
      <c r="V602" s="546" t="s">
        <v>107</v>
      </c>
      <c r="W602" s="547"/>
      <c r="X602" s="547"/>
      <c r="Y602" s="547"/>
      <c r="Z602" s="548"/>
      <c r="AA602" s="623" t="s">
        <v>108</v>
      </c>
      <c r="AB602" s="624"/>
      <c r="AC602" s="625"/>
      <c r="AD602" s="415">
        <v>3</v>
      </c>
      <c r="AE602" s="415">
        <v>0</v>
      </c>
      <c r="AF602" s="541"/>
      <c r="AG602" s="542"/>
      <c r="AH602" s="549"/>
      <c r="AI602" s="550"/>
      <c r="AJ602" s="551"/>
      <c r="AK602" s="332"/>
      <c r="AL602" s="38"/>
      <c r="AM602" s="54"/>
      <c r="AN602" s="13" t="str">
        <f t="shared" si="28"/>
        <v>■</v>
      </c>
    </row>
    <row r="603" spans="1:40" s="13" customFormat="1">
      <c r="A603" s="20" t="str">
        <f t="shared" si="27"/>
        <v>NI</v>
      </c>
      <c r="B603" s="20"/>
      <c r="C603" s="541">
        <v>33</v>
      </c>
      <c r="D603" s="542"/>
      <c r="E603" s="543" t="s">
        <v>681</v>
      </c>
      <c r="F603" s="544"/>
      <c r="G603" s="544"/>
      <c r="H603" s="544"/>
      <c r="I603" s="544"/>
      <c r="J603" s="544"/>
      <c r="K603" s="544"/>
      <c r="L603" s="544"/>
      <c r="M603" s="544"/>
      <c r="N603" s="544"/>
      <c r="O603" s="544"/>
      <c r="P603" s="544"/>
      <c r="Q603" s="544"/>
      <c r="R603" s="544"/>
      <c r="S603" s="544"/>
      <c r="T603" s="545"/>
      <c r="U603" s="221" t="s">
        <v>682</v>
      </c>
      <c r="V603" s="546" t="s">
        <v>107</v>
      </c>
      <c r="W603" s="547"/>
      <c r="X603" s="547"/>
      <c r="Y603" s="547"/>
      <c r="Z603" s="548"/>
      <c r="AA603" s="623" t="s">
        <v>108</v>
      </c>
      <c r="AB603" s="624"/>
      <c r="AC603" s="625"/>
      <c r="AD603" s="415">
        <v>3</v>
      </c>
      <c r="AE603" s="415">
        <v>0</v>
      </c>
      <c r="AF603" s="541"/>
      <c r="AG603" s="542"/>
      <c r="AH603" s="549"/>
      <c r="AI603" s="550"/>
      <c r="AJ603" s="551"/>
      <c r="AK603" s="332"/>
      <c r="AL603" s="38"/>
      <c r="AM603" s="54"/>
      <c r="AN603" s="13" t="str">
        <f t="shared" si="28"/>
        <v>■</v>
      </c>
    </row>
    <row r="604" spans="1:40" s="13" customFormat="1">
      <c r="A604" s="20" t="str">
        <f t="shared" si="27"/>
        <v>NI</v>
      </c>
      <c r="B604" s="20"/>
      <c r="C604" s="541">
        <v>34</v>
      </c>
      <c r="D604" s="542"/>
      <c r="E604" s="543" t="s">
        <v>683</v>
      </c>
      <c r="F604" s="544"/>
      <c r="G604" s="544"/>
      <c r="H604" s="544"/>
      <c r="I604" s="544"/>
      <c r="J604" s="544"/>
      <c r="K604" s="544"/>
      <c r="L604" s="544"/>
      <c r="M604" s="544"/>
      <c r="N604" s="544"/>
      <c r="O604" s="544"/>
      <c r="P604" s="544"/>
      <c r="Q604" s="544"/>
      <c r="R604" s="544"/>
      <c r="S604" s="544"/>
      <c r="T604" s="545"/>
      <c r="U604" s="221" t="s">
        <v>684</v>
      </c>
      <c r="V604" s="546" t="s">
        <v>107</v>
      </c>
      <c r="W604" s="547"/>
      <c r="X604" s="547"/>
      <c r="Y604" s="547"/>
      <c r="Z604" s="548"/>
      <c r="AA604" s="623" t="s">
        <v>108</v>
      </c>
      <c r="AB604" s="624"/>
      <c r="AC604" s="625"/>
      <c r="AD604" s="415">
        <v>3</v>
      </c>
      <c r="AE604" s="415">
        <v>0</v>
      </c>
      <c r="AF604" s="541"/>
      <c r="AG604" s="542"/>
      <c r="AH604" s="549"/>
      <c r="AI604" s="550"/>
      <c r="AJ604" s="551"/>
      <c r="AK604" s="332"/>
      <c r="AL604" s="38"/>
      <c r="AM604" s="54"/>
      <c r="AN604" s="13" t="str">
        <f t="shared" si="28"/>
        <v>■</v>
      </c>
    </row>
    <row r="605" spans="1:40" s="13" customFormat="1">
      <c r="A605" s="20" t="str">
        <f t="shared" si="27"/>
        <v>NI</v>
      </c>
      <c r="B605" s="20"/>
      <c r="C605" s="541">
        <v>35</v>
      </c>
      <c r="D605" s="542"/>
      <c r="E605" s="543" t="s">
        <v>685</v>
      </c>
      <c r="F605" s="544"/>
      <c r="G605" s="544"/>
      <c r="H605" s="544"/>
      <c r="I605" s="544"/>
      <c r="J605" s="544"/>
      <c r="K605" s="544"/>
      <c r="L605" s="544"/>
      <c r="M605" s="544"/>
      <c r="N605" s="544"/>
      <c r="O605" s="544"/>
      <c r="P605" s="544"/>
      <c r="Q605" s="544"/>
      <c r="R605" s="544"/>
      <c r="S605" s="544"/>
      <c r="T605" s="545"/>
      <c r="U605" s="221" t="s">
        <v>686</v>
      </c>
      <c r="V605" s="546" t="s">
        <v>107</v>
      </c>
      <c r="W605" s="547"/>
      <c r="X605" s="547"/>
      <c r="Y605" s="547"/>
      <c r="Z605" s="548"/>
      <c r="AA605" s="623" t="s">
        <v>108</v>
      </c>
      <c r="AB605" s="624"/>
      <c r="AC605" s="625"/>
      <c r="AD605" s="415">
        <v>3</v>
      </c>
      <c r="AE605" s="415">
        <v>0</v>
      </c>
      <c r="AF605" s="541"/>
      <c r="AG605" s="542"/>
      <c r="AH605" s="549"/>
      <c r="AI605" s="550"/>
      <c r="AJ605" s="551"/>
      <c r="AK605" s="332"/>
      <c r="AL605" s="38"/>
      <c r="AM605" s="54"/>
      <c r="AN605" s="13" t="str">
        <f t="shared" si="28"/>
        <v>■</v>
      </c>
    </row>
    <row r="606" spans="1:40" s="13" customFormat="1">
      <c r="A606" s="20" t="str">
        <f t="shared" si="27"/>
        <v>NI</v>
      </c>
      <c r="B606" s="20"/>
      <c r="C606" s="541">
        <v>36</v>
      </c>
      <c r="D606" s="542"/>
      <c r="E606" s="543" t="s">
        <v>687</v>
      </c>
      <c r="F606" s="544"/>
      <c r="G606" s="544"/>
      <c r="H606" s="544"/>
      <c r="I606" s="544"/>
      <c r="J606" s="544"/>
      <c r="K606" s="544"/>
      <c r="L606" s="544"/>
      <c r="M606" s="544"/>
      <c r="N606" s="544"/>
      <c r="O606" s="544"/>
      <c r="P606" s="544"/>
      <c r="Q606" s="544"/>
      <c r="R606" s="544"/>
      <c r="S606" s="544"/>
      <c r="T606" s="545"/>
      <c r="U606" s="221" t="s">
        <v>688</v>
      </c>
      <c r="V606" s="546" t="s">
        <v>107</v>
      </c>
      <c r="W606" s="547"/>
      <c r="X606" s="547"/>
      <c r="Y606" s="547"/>
      <c r="Z606" s="548"/>
      <c r="AA606" s="623" t="s">
        <v>108</v>
      </c>
      <c r="AB606" s="624"/>
      <c r="AC606" s="625"/>
      <c r="AD606" s="415">
        <v>3</v>
      </c>
      <c r="AE606" s="415">
        <v>0</v>
      </c>
      <c r="AF606" s="541"/>
      <c r="AG606" s="542"/>
      <c r="AH606" s="549"/>
      <c r="AI606" s="550"/>
      <c r="AJ606" s="551"/>
      <c r="AK606" s="332"/>
      <c r="AL606" s="38"/>
      <c r="AM606" s="54"/>
      <c r="AN606" s="13" t="str">
        <f t="shared" si="28"/>
        <v>■</v>
      </c>
    </row>
    <row r="607" spans="1:40" s="13" customFormat="1">
      <c r="A607" s="20" t="str">
        <f t="shared" si="27"/>
        <v>NI</v>
      </c>
      <c r="B607" s="20"/>
      <c r="C607" s="541">
        <v>37</v>
      </c>
      <c r="D607" s="542"/>
      <c r="E607" s="543" t="s">
        <v>409</v>
      </c>
      <c r="F607" s="544"/>
      <c r="G607" s="544"/>
      <c r="H607" s="544"/>
      <c r="I607" s="544"/>
      <c r="J607" s="544"/>
      <c r="K607" s="544"/>
      <c r="L607" s="544"/>
      <c r="M607" s="544"/>
      <c r="N607" s="544"/>
      <c r="O607" s="544"/>
      <c r="P607" s="544"/>
      <c r="Q607" s="544"/>
      <c r="R607" s="544"/>
      <c r="S607" s="544"/>
      <c r="T607" s="545"/>
      <c r="U607" s="221" t="s">
        <v>453</v>
      </c>
      <c r="V607" s="546" t="s">
        <v>107</v>
      </c>
      <c r="W607" s="547"/>
      <c r="X607" s="547"/>
      <c r="Y607" s="547"/>
      <c r="Z607" s="548"/>
      <c r="AA607" s="623" t="s">
        <v>102</v>
      </c>
      <c r="AB607" s="624"/>
      <c r="AC607" s="625"/>
      <c r="AD607" s="415">
        <v>6</v>
      </c>
      <c r="AE607" s="415" t="s">
        <v>103</v>
      </c>
      <c r="AF607" s="541"/>
      <c r="AG607" s="542"/>
      <c r="AH607" s="549"/>
      <c r="AI607" s="550"/>
      <c r="AJ607" s="551"/>
      <c r="AK607" s="332"/>
      <c r="AL607" s="48"/>
      <c r="AM607" s="54"/>
      <c r="AN607" s="13" t="str">
        <f t="shared" si="28"/>
        <v>■</v>
      </c>
    </row>
    <row r="608" spans="1:40" s="13" customFormat="1">
      <c r="A608" s="20" t="str">
        <f t="shared" si="27"/>
        <v>NI</v>
      </c>
      <c r="B608" s="20"/>
      <c r="C608" s="541">
        <v>38</v>
      </c>
      <c r="D608" s="542"/>
      <c r="E608" s="543" t="s">
        <v>411</v>
      </c>
      <c r="F608" s="544"/>
      <c r="G608" s="544"/>
      <c r="H608" s="544"/>
      <c r="I608" s="544"/>
      <c r="J608" s="544"/>
      <c r="K608" s="544"/>
      <c r="L608" s="544"/>
      <c r="M608" s="544"/>
      <c r="N608" s="544"/>
      <c r="O608" s="544"/>
      <c r="P608" s="544"/>
      <c r="Q608" s="544"/>
      <c r="R608" s="544"/>
      <c r="S608" s="544"/>
      <c r="T608" s="545"/>
      <c r="U608" s="221" t="s">
        <v>516</v>
      </c>
      <c r="V608" s="546" t="s">
        <v>107</v>
      </c>
      <c r="W608" s="547"/>
      <c r="X608" s="547"/>
      <c r="Y608" s="547"/>
      <c r="Z608" s="548"/>
      <c r="AA608" s="623" t="s">
        <v>102</v>
      </c>
      <c r="AB608" s="624"/>
      <c r="AC608" s="625"/>
      <c r="AD608" s="415">
        <v>6</v>
      </c>
      <c r="AE608" s="415" t="s">
        <v>103</v>
      </c>
      <c r="AF608" s="541"/>
      <c r="AG608" s="542"/>
      <c r="AH608" s="549"/>
      <c r="AI608" s="550"/>
      <c r="AJ608" s="551"/>
      <c r="AK608" s="332"/>
      <c r="AL608" s="37"/>
      <c r="AM608" s="54"/>
      <c r="AN608" s="13" t="str">
        <f t="shared" si="28"/>
        <v>■</v>
      </c>
    </row>
    <row r="609" spans="1:40" s="13" customFormat="1" ht="13.4" customHeight="1">
      <c r="A609" s="20" t="str">
        <f t="shared" si="27"/>
        <v>NI</v>
      </c>
      <c r="B609" s="20"/>
      <c r="C609" s="73"/>
      <c r="D609" s="73"/>
      <c r="E609" s="74"/>
      <c r="F609" s="74"/>
      <c r="G609" s="74"/>
      <c r="H609" s="74"/>
      <c r="I609" s="74"/>
      <c r="J609" s="74"/>
      <c r="K609" s="74"/>
      <c r="L609" s="74"/>
      <c r="M609" s="74"/>
      <c r="N609" s="74"/>
      <c r="O609" s="74"/>
      <c r="P609" s="74"/>
      <c r="Q609" s="74"/>
      <c r="R609" s="74"/>
      <c r="S609" s="74"/>
      <c r="T609" s="74"/>
      <c r="U609" s="228"/>
      <c r="V609" s="413"/>
      <c r="W609" s="413"/>
      <c r="X609" s="413"/>
      <c r="Y609" s="413"/>
      <c r="Z609" s="413"/>
      <c r="AA609" s="619"/>
      <c r="AB609" s="619"/>
      <c r="AC609" s="619"/>
      <c r="AD609" s="120"/>
      <c r="AE609" s="120"/>
      <c r="AF609" s="124"/>
      <c r="AG609" s="347"/>
      <c r="AH609" s="124"/>
      <c r="AI609" s="124"/>
      <c r="AJ609" s="238"/>
      <c r="AK609" s="26"/>
      <c r="AL609" s="29"/>
      <c r="AM609" s="16"/>
      <c r="AN609" s="3"/>
    </row>
    <row r="610" spans="1:40" s="1" customFormat="1" ht="13.4" customHeight="1">
      <c r="A610" s="20" t="str">
        <f t="shared" si="27"/>
        <v>TI</v>
      </c>
      <c r="B610" s="20"/>
      <c r="C610" s="52" t="s">
        <v>380</v>
      </c>
      <c r="D610" s="53"/>
      <c r="E610" s="26"/>
      <c r="F610" s="26"/>
      <c r="G610" s="26"/>
      <c r="H610" s="26"/>
      <c r="I610" s="26"/>
      <c r="J610" s="26" t="s">
        <v>740</v>
      </c>
      <c r="K610" s="71"/>
      <c r="L610" s="26"/>
      <c r="M610" s="71"/>
      <c r="N610" s="26"/>
      <c r="O610" s="26"/>
      <c r="P610" s="26"/>
      <c r="Q610" s="26"/>
      <c r="R610" s="26"/>
      <c r="S610" s="26"/>
      <c r="T610" s="26"/>
      <c r="U610" s="26" t="s">
        <v>1101</v>
      </c>
      <c r="V610" s="122"/>
      <c r="W610" s="122"/>
      <c r="X610" s="122"/>
      <c r="Y610" s="122"/>
      <c r="Z610" s="122"/>
      <c r="AA610" s="630"/>
      <c r="AB610" s="630"/>
      <c r="AC610" s="630"/>
      <c r="AD610" s="122"/>
      <c r="AE610" s="122"/>
      <c r="AF610" s="122"/>
      <c r="AG610" s="348"/>
      <c r="AH610" s="122"/>
      <c r="AI610" s="122"/>
      <c r="AJ610" s="238"/>
      <c r="AK610" s="26"/>
      <c r="AL610" s="29"/>
      <c r="AM610" s="16"/>
      <c r="AN610" s="3"/>
    </row>
    <row r="611" spans="1:40" ht="13.5" customHeight="1">
      <c r="A611" s="20" t="str">
        <f t="shared" ref="A611:A674" si="29">IF(LEN(J611)&gt;0,MID(J611,FIND("（",J611,1)+1,2),A610)</f>
        <v>TI</v>
      </c>
      <c r="B611" s="51"/>
      <c r="C611" s="583" t="s">
        <v>73</v>
      </c>
      <c r="D611" s="573"/>
      <c r="E611" s="583" t="s">
        <v>94</v>
      </c>
      <c r="F611" s="583"/>
      <c r="G611" s="583"/>
      <c r="H611" s="583"/>
      <c r="I611" s="583"/>
      <c r="J611" s="583"/>
      <c r="K611" s="583"/>
      <c r="L611" s="583"/>
      <c r="M611" s="583"/>
      <c r="N611" s="583"/>
      <c r="O611" s="583"/>
      <c r="P611" s="583"/>
      <c r="Q611" s="583"/>
      <c r="R611" s="583"/>
      <c r="S611" s="583"/>
      <c r="T611" s="583"/>
      <c r="U611" s="226" t="s">
        <v>383</v>
      </c>
      <c r="V611" s="572" t="s">
        <v>138</v>
      </c>
      <c r="W611" s="572"/>
      <c r="X611" s="572"/>
      <c r="Y611" s="572"/>
      <c r="Z611" s="572"/>
      <c r="AA611" s="575" t="s">
        <v>959</v>
      </c>
      <c r="AB611" s="576"/>
      <c r="AC611" s="577"/>
      <c r="AD611" s="572" t="s">
        <v>97</v>
      </c>
      <c r="AE611" s="572"/>
      <c r="AF611" s="572" t="s">
        <v>98</v>
      </c>
      <c r="AG611" s="572"/>
      <c r="AH611" s="583" t="s">
        <v>75</v>
      </c>
      <c r="AI611" s="583"/>
      <c r="AJ611" s="583"/>
      <c r="AK611" s="621" t="s">
        <v>159</v>
      </c>
      <c r="AL611" s="38"/>
      <c r="AM611" s="16"/>
    </row>
    <row r="612" spans="1:40" ht="13.4" customHeight="1">
      <c r="A612" s="20" t="str">
        <f t="shared" si="29"/>
        <v>TI</v>
      </c>
      <c r="B612" s="51"/>
      <c r="C612" s="573"/>
      <c r="D612" s="573"/>
      <c r="E612" s="583"/>
      <c r="F612" s="583"/>
      <c r="G612" s="583"/>
      <c r="H612" s="583"/>
      <c r="I612" s="583"/>
      <c r="J612" s="583"/>
      <c r="K612" s="583"/>
      <c r="L612" s="583"/>
      <c r="M612" s="583"/>
      <c r="N612" s="583"/>
      <c r="O612" s="583"/>
      <c r="P612" s="583"/>
      <c r="Q612" s="583"/>
      <c r="R612" s="583"/>
      <c r="S612" s="583"/>
      <c r="T612" s="583"/>
      <c r="U612" s="227"/>
      <c r="V612" s="572"/>
      <c r="W612" s="572"/>
      <c r="X612" s="572"/>
      <c r="Y612" s="572"/>
      <c r="Z612" s="572"/>
      <c r="AA612" s="578"/>
      <c r="AB612" s="579"/>
      <c r="AC612" s="580"/>
      <c r="AD612" s="572"/>
      <c r="AE612" s="572"/>
      <c r="AF612" s="572"/>
      <c r="AG612" s="572"/>
      <c r="AH612" s="583"/>
      <c r="AI612" s="583"/>
      <c r="AJ612" s="583"/>
      <c r="AK612" s="622"/>
      <c r="AL612" s="38"/>
      <c r="AM612" s="16"/>
    </row>
    <row r="613" spans="1:40" s="13" customFormat="1" ht="13.4" customHeight="1">
      <c r="A613" s="20" t="str">
        <f t="shared" si="29"/>
        <v>TI</v>
      </c>
      <c r="B613" s="20"/>
      <c r="C613" s="541">
        <v>1</v>
      </c>
      <c r="D613" s="542"/>
      <c r="E613" s="563" t="s">
        <v>440</v>
      </c>
      <c r="F613" s="564"/>
      <c r="G613" s="564"/>
      <c r="H613" s="564"/>
      <c r="I613" s="564"/>
      <c r="J613" s="564"/>
      <c r="K613" s="564"/>
      <c r="L613" s="564"/>
      <c r="M613" s="564"/>
      <c r="N613" s="564"/>
      <c r="O613" s="564"/>
      <c r="P613" s="564"/>
      <c r="Q613" s="564"/>
      <c r="R613" s="564"/>
      <c r="S613" s="564"/>
      <c r="T613" s="565"/>
      <c r="U613" s="219" t="s">
        <v>441</v>
      </c>
      <c r="V613" s="546" t="s">
        <v>101</v>
      </c>
      <c r="W613" s="547"/>
      <c r="X613" s="547"/>
      <c r="Y613" s="547"/>
      <c r="Z613" s="548"/>
      <c r="AA613" s="623" t="s">
        <v>102</v>
      </c>
      <c r="AB613" s="624"/>
      <c r="AC613" s="625"/>
      <c r="AD613" s="415">
        <v>10</v>
      </c>
      <c r="AE613" s="415" t="s">
        <v>103</v>
      </c>
      <c r="AF613" s="541"/>
      <c r="AG613" s="542"/>
      <c r="AH613" s="549"/>
      <c r="AI613" s="550"/>
      <c r="AJ613" s="551"/>
      <c r="AK613" s="265"/>
      <c r="AL613" s="38"/>
      <c r="AM613" s="54"/>
      <c r="AN613" s="13" t="str">
        <f>$G$22</f>
        <v>■</v>
      </c>
    </row>
    <row r="614" spans="1:40" s="13" customFormat="1" ht="13.4" customHeight="1">
      <c r="A614" s="20" t="str">
        <f t="shared" si="29"/>
        <v>TI</v>
      </c>
      <c r="B614" s="20"/>
      <c r="C614" s="541">
        <v>2</v>
      </c>
      <c r="D614" s="542"/>
      <c r="E614" s="563" t="s">
        <v>442</v>
      </c>
      <c r="F614" s="564"/>
      <c r="G614" s="564"/>
      <c r="H614" s="564"/>
      <c r="I614" s="564"/>
      <c r="J614" s="564"/>
      <c r="K614" s="564"/>
      <c r="L614" s="564"/>
      <c r="M614" s="564"/>
      <c r="N614" s="564"/>
      <c r="O614" s="564"/>
      <c r="P614" s="564"/>
      <c r="Q614" s="564"/>
      <c r="R614" s="564"/>
      <c r="S614" s="564"/>
      <c r="T614" s="565"/>
      <c r="U614" s="219" t="s">
        <v>443</v>
      </c>
      <c r="V614" s="546" t="s">
        <v>101</v>
      </c>
      <c r="W614" s="547"/>
      <c r="X614" s="547"/>
      <c r="Y614" s="547"/>
      <c r="Z614" s="548"/>
      <c r="AA614" s="623" t="s">
        <v>102</v>
      </c>
      <c r="AB614" s="624"/>
      <c r="AC614" s="625"/>
      <c r="AD614" s="415">
        <v>51</v>
      </c>
      <c r="AE614" s="415" t="s">
        <v>103</v>
      </c>
      <c r="AF614" s="541"/>
      <c r="AG614" s="542"/>
      <c r="AH614" s="549"/>
      <c r="AI614" s="550"/>
      <c r="AJ614" s="551"/>
      <c r="AK614" s="265"/>
      <c r="AL614" s="38"/>
      <c r="AM614" s="54"/>
      <c r="AN614" s="13" t="str">
        <f t="shared" ref="AN614:AN628" si="30">$G$22</f>
        <v>■</v>
      </c>
    </row>
    <row r="615" spans="1:40" s="13" customFormat="1" ht="13.4" customHeight="1">
      <c r="A615" s="20" t="str">
        <f t="shared" si="29"/>
        <v>TI</v>
      </c>
      <c r="B615" s="20"/>
      <c r="C615" s="552">
        <v>3</v>
      </c>
      <c r="D615" s="553"/>
      <c r="E615" s="566" t="s">
        <v>106</v>
      </c>
      <c r="F615" s="567"/>
      <c r="G615" s="567"/>
      <c r="H615" s="567"/>
      <c r="I615" s="567"/>
      <c r="J615" s="567"/>
      <c r="K615" s="567"/>
      <c r="L615" s="567"/>
      <c r="M615" s="567"/>
      <c r="N615" s="567"/>
      <c r="O615" s="567"/>
      <c r="P615" s="567"/>
      <c r="Q615" s="567"/>
      <c r="R615" s="567"/>
      <c r="S615" s="567"/>
      <c r="T615" s="568"/>
      <c r="U615" s="220" t="s">
        <v>444</v>
      </c>
      <c r="V615" s="557" t="s">
        <v>107</v>
      </c>
      <c r="W615" s="558"/>
      <c r="X615" s="558"/>
      <c r="Y615" s="558"/>
      <c r="Z615" s="559"/>
      <c r="AA615" s="626" t="s">
        <v>108</v>
      </c>
      <c r="AB615" s="627"/>
      <c r="AC615" s="628"/>
      <c r="AD615" s="419">
        <v>1</v>
      </c>
      <c r="AE615" s="419">
        <v>0</v>
      </c>
      <c r="AF615" s="552" t="s">
        <v>109</v>
      </c>
      <c r="AG615" s="553"/>
      <c r="AH615" s="560"/>
      <c r="AI615" s="561"/>
      <c r="AJ615" s="562"/>
      <c r="AK615" s="321" t="s">
        <v>391</v>
      </c>
      <c r="AL615" s="38"/>
      <c r="AM615" s="54"/>
      <c r="AN615" s="13" t="str">
        <f t="shared" si="30"/>
        <v>■</v>
      </c>
    </row>
    <row r="616" spans="1:40" s="13" customFormat="1" ht="13.4" customHeight="1">
      <c r="A616" s="20" t="str">
        <f t="shared" si="29"/>
        <v>TI</v>
      </c>
      <c r="B616" s="20"/>
      <c r="C616" s="541">
        <v>4</v>
      </c>
      <c r="D616" s="542"/>
      <c r="E616" s="563" t="s">
        <v>110</v>
      </c>
      <c r="F616" s="564"/>
      <c r="G616" s="564"/>
      <c r="H616" s="564"/>
      <c r="I616" s="564"/>
      <c r="J616" s="564"/>
      <c r="K616" s="564"/>
      <c r="L616" s="564"/>
      <c r="M616" s="564"/>
      <c r="N616" s="564"/>
      <c r="O616" s="564"/>
      <c r="P616" s="564"/>
      <c r="Q616" s="564"/>
      <c r="R616" s="564"/>
      <c r="S616" s="564"/>
      <c r="T616" s="565"/>
      <c r="U616" s="221" t="s">
        <v>445</v>
      </c>
      <c r="V616" s="546" t="s">
        <v>107</v>
      </c>
      <c r="W616" s="547"/>
      <c r="X616" s="547"/>
      <c r="Y616" s="547"/>
      <c r="Z616" s="548"/>
      <c r="AA616" s="623" t="s">
        <v>108</v>
      </c>
      <c r="AB616" s="624"/>
      <c r="AC616" s="625"/>
      <c r="AD616" s="415">
        <v>1</v>
      </c>
      <c r="AE616" s="415">
        <v>0</v>
      </c>
      <c r="AF616" s="541"/>
      <c r="AG616" s="542"/>
      <c r="AH616" s="549"/>
      <c r="AI616" s="550"/>
      <c r="AJ616" s="551"/>
      <c r="AK616" s="265"/>
      <c r="AL616" s="38"/>
      <c r="AM616" s="54"/>
      <c r="AN616" s="13" t="str">
        <f t="shared" si="30"/>
        <v>■</v>
      </c>
    </row>
    <row r="617" spans="1:40" s="13" customFormat="1">
      <c r="A617" s="20" t="str">
        <f t="shared" si="29"/>
        <v>TI</v>
      </c>
      <c r="B617" s="20"/>
      <c r="C617" s="541">
        <v>5</v>
      </c>
      <c r="D617" s="542"/>
      <c r="E617" s="543" t="s">
        <v>80</v>
      </c>
      <c r="F617" s="544"/>
      <c r="G617" s="544"/>
      <c r="H617" s="544"/>
      <c r="I617" s="544"/>
      <c r="J617" s="544"/>
      <c r="K617" s="544"/>
      <c r="L617" s="544"/>
      <c r="M617" s="544"/>
      <c r="N617" s="544"/>
      <c r="O617" s="544"/>
      <c r="P617" s="544"/>
      <c r="Q617" s="544"/>
      <c r="R617" s="544"/>
      <c r="S617" s="544"/>
      <c r="T617" s="545"/>
      <c r="U617" s="221" t="s">
        <v>446</v>
      </c>
      <c r="V617" s="546" t="s">
        <v>101</v>
      </c>
      <c r="W617" s="547"/>
      <c r="X617" s="547"/>
      <c r="Y617" s="547"/>
      <c r="Z617" s="548"/>
      <c r="AA617" s="623" t="s">
        <v>102</v>
      </c>
      <c r="AB617" s="624"/>
      <c r="AC617" s="625"/>
      <c r="AD617" s="415">
        <v>2</v>
      </c>
      <c r="AE617" s="415" t="s">
        <v>103</v>
      </c>
      <c r="AF617" s="541"/>
      <c r="AG617" s="542"/>
      <c r="AH617" s="549"/>
      <c r="AI617" s="550"/>
      <c r="AJ617" s="551"/>
      <c r="AK617" s="265"/>
      <c r="AL617" s="38"/>
      <c r="AM617" s="54"/>
      <c r="AN617" s="13" t="str">
        <f t="shared" si="30"/>
        <v>■</v>
      </c>
    </row>
    <row r="618" spans="1:40" s="13" customFormat="1">
      <c r="A618" s="20" t="str">
        <f t="shared" si="29"/>
        <v>TI</v>
      </c>
      <c r="B618" s="20"/>
      <c r="C618" s="541">
        <v>6</v>
      </c>
      <c r="D618" s="542"/>
      <c r="E618" s="543" t="s">
        <v>742</v>
      </c>
      <c r="F618" s="544"/>
      <c r="G618" s="544"/>
      <c r="H618" s="544"/>
      <c r="I618" s="544"/>
      <c r="J618" s="544"/>
      <c r="K618" s="544"/>
      <c r="L618" s="544"/>
      <c r="M618" s="544"/>
      <c r="N618" s="544"/>
      <c r="O618" s="544"/>
      <c r="P618" s="544"/>
      <c r="Q618" s="544"/>
      <c r="R618" s="544"/>
      <c r="S618" s="544"/>
      <c r="T618" s="545"/>
      <c r="U618" s="221" t="s">
        <v>743</v>
      </c>
      <c r="V618" s="546" t="s">
        <v>107</v>
      </c>
      <c r="W618" s="547"/>
      <c r="X618" s="547"/>
      <c r="Y618" s="547"/>
      <c r="Z618" s="548"/>
      <c r="AA618" s="623" t="s">
        <v>102</v>
      </c>
      <c r="AB618" s="624"/>
      <c r="AC618" s="625"/>
      <c r="AD618" s="415">
        <v>1</v>
      </c>
      <c r="AE618" s="415" t="s">
        <v>103</v>
      </c>
      <c r="AF618" s="541"/>
      <c r="AG618" s="542"/>
      <c r="AH618" s="549"/>
      <c r="AI618" s="550"/>
      <c r="AJ618" s="551"/>
      <c r="AK618" s="265"/>
      <c r="AL618" s="38"/>
      <c r="AM618" s="54"/>
      <c r="AN618" s="13" t="str">
        <f t="shared" si="30"/>
        <v>■</v>
      </c>
    </row>
    <row r="619" spans="1:40" s="13" customFormat="1">
      <c r="A619" s="20" t="str">
        <f t="shared" si="29"/>
        <v>TI</v>
      </c>
      <c r="B619" s="20"/>
      <c r="C619" s="541">
        <v>7</v>
      </c>
      <c r="D619" s="542"/>
      <c r="E619" s="543" t="s">
        <v>744</v>
      </c>
      <c r="F619" s="544"/>
      <c r="G619" s="544"/>
      <c r="H619" s="544"/>
      <c r="I619" s="544"/>
      <c r="J619" s="544"/>
      <c r="K619" s="544"/>
      <c r="L619" s="544"/>
      <c r="M619" s="544"/>
      <c r="N619" s="544"/>
      <c r="O619" s="544"/>
      <c r="P619" s="544"/>
      <c r="Q619" s="544"/>
      <c r="R619" s="544"/>
      <c r="S619" s="544"/>
      <c r="T619" s="545"/>
      <c r="U619" s="221" t="s">
        <v>745</v>
      </c>
      <c r="V619" s="546" t="s">
        <v>107</v>
      </c>
      <c r="W619" s="547"/>
      <c r="X619" s="547"/>
      <c r="Y619" s="547"/>
      <c r="Z619" s="548"/>
      <c r="AA619" s="623" t="s">
        <v>102</v>
      </c>
      <c r="AB619" s="624"/>
      <c r="AC619" s="625"/>
      <c r="AD619" s="415">
        <v>1</v>
      </c>
      <c r="AE619" s="415" t="s">
        <v>103</v>
      </c>
      <c r="AF619" s="541"/>
      <c r="AG619" s="542"/>
      <c r="AH619" s="549"/>
      <c r="AI619" s="550"/>
      <c r="AJ619" s="551"/>
      <c r="AK619" s="265"/>
      <c r="AL619" s="38"/>
      <c r="AM619" s="54"/>
      <c r="AN619" s="13" t="str">
        <f t="shared" si="30"/>
        <v>■</v>
      </c>
    </row>
    <row r="620" spans="1:40" s="13" customFormat="1">
      <c r="A620" s="20" t="str">
        <f t="shared" si="29"/>
        <v>TI</v>
      </c>
      <c r="B620" s="20"/>
      <c r="C620" s="541">
        <v>8</v>
      </c>
      <c r="D620" s="542"/>
      <c r="E620" s="543" t="s">
        <v>420</v>
      </c>
      <c r="F620" s="544"/>
      <c r="G620" s="544"/>
      <c r="H620" s="544"/>
      <c r="I620" s="544"/>
      <c r="J620" s="544"/>
      <c r="K620" s="544"/>
      <c r="L620" s="544"/>
      <c r="M620" s="544"/>
      <c r="N620" s="544"/>
      <c r="O620" s="544"/>
      <c r="P620" s="544"/>
      <c r="Q620" s="544"/>
      <c r="R620" s="544"/>
      <c r="S620" s="544"/>
      <c r="T620" s="545"/>
      <c r="U620" s="221" t="s">
        <v>746</v>
      </c>
      <c r="V620" s="546" t="s">
        <v>107</v>
      </c>
      <c r="W620" s="547"/>
      <c r="X620" s="547"/>
      <c r="Y620" s="547"/>
      <c r="Z620" s="548"/>
      <c r="AA620" s="623" t="s">
        <v>102</v>
      </c>
      <c r="AB620" s="624"/>
      <c r="AC620" s="625"/>
      <c r="AD620" s="415">
        <v>2</v>
      </c>
      <c r="AE620" s="415" t="s">
        <v>103</v>
      </c>
      <c r="AF620" s="541"/>
      <c r="AG620" s="542"/>
      <c r="AH620" s="549"/>
      <c r="AI620" s="550"/>
      <c r="AJ620" s="551"/>
      <c r="AK620" s="265"/>
      <c r="AL620" s="38"/>
      <c r="AM620" s="54"/>
      <c r="AN620" s="13" t="str">
        <f t="shared" si="30"/>
        <v>■</v>
      </c>
    </row>
    <row r="621" spans="1:40" s="13" customFormat="1">
      <c r="A621" s="20" t="str">
        <f t="shared" si="29"/>
        <v>TI</v>
      </c>
      <c r="B621" s="20"/>
      <c r="C621" s="541">
        <v>9</v>
      </c>
      <c r="D621" s="542"/>
      <c r="E621" s="543" t="s">
        <v>422</v>
      </c>
      <c r="F621" s="544"/>
      <c r="G621" s="544"/>
      <c r="H621" s="544"/>
      <c r="I621" s="544"/>
      <c r="J621" s="544"/>
      <c r="K621" s="544"/>
      <c r="L621" s="544"/>
      <c r="M621" s="544"/>
      <c r="N621" s="544"/>
      <c r="O621" s="544"/>
      <c r="P621" s="544"/>
      <c r="Q621" s="544"/>
      <c r="R621" s="544"/>
      <c r="S621" s="544"/>
      <c r="T621" s="545"/>
      <c r="U621" s="221" t="s">
        <v>747</v>
      </c>
      <c r="V621" s="546" t="s">
        <v>107</v>
      </c>
      <c r="W621" s="547"/>
      <c r="X621" s="547"/>
      <c r="Y621" s="547"/>
      <c r="Z621" s="548"/>
      <c r="AA621" s="623" t="s">
        <v>102</v>
      </c>
      <c r="AB621" s="624"/>
      <c r="AC621" s="625"/>
      <c r="AD621" s="415">
        <v>1</v>
      </c>
      <c r="AE621" s="415" t="s">
        <v>103</v>
      </c>
      <c r="AF621" s="541"/>
      <c r="AG621" s="542"/>
      <c r="AH621" s="549"/>
      <c r="AI621" s="550"/>
      <c r="AJ621" s="551"/>
      <c r="AK621" s="265"/>
      <c r="AL621" s="38"/>
      <c r="AM621" s="54"/>
      <c r="AN621" s="13" t="str">
        <f t="shared" si="30"/>
        <v>■</v>
      </c>
    </row>
    <row r="622" spans="1:40" s="13" customFormat="1">
      <c r="A622" s="20" t="str">
        <f t="shared" si="29"/>
        <v>TI</v>
      </c>
      <c r="B622" s="20"/>
      <c r="C622" s="552">
        <v>10</v>
      </c>
      <c r="D622" s="553"/>
      <c r="E622" s="554" t="s">
        <v>424</v>
      </c>
      <c r="F622" s="555"/>
      <c r="G622" s="555"/>
      <c r="H622" s="555"/>
      <c r="I622" s="555"/>
      <c r="J622" s="555"/>
      <c r="K622" s="555"/>
      <c r="L622" s="555"/>
      <c r="M622" s="555"/>
      <c r="N622" s="555"/>
      <c r="O622" s="555"/>
      <c r="P622" s="555"/>
      <c r="Q622" s="555"/>
      <c r="R622" s="555"/>
      <c r="S622" s="555"/>
      <c r="T622" s="556"/>
      <c r="U622" s="259" t="s">
        <v>748</v>
      </c>
      <c r="V622" s="557" t="s">
        <v>107</v>
      </c>
      <c r="W622" s="558"/>
      <c r="X622" s="558"/>
      <c r="Y622" s="558"/>
      <c r="Z622" s="559"/>
      <c r="AA622" s="626" t="s">
        <v>102</v>
      </c>
      <c r="AB622" s="627"/>
      <c r="AC622" s="628"/>
      <c r="AD622" s="419">
        <v>7</v>
      </c>
      <c r="AE622" s="419" t="s">
        <v>103</v>
      </c>
      <c r="AF622" s="552" t="s">
        <v>109</v>
      </c>
      <c r="AG622" s="553"/>
      <c r="AH622" s="560"/>
      <c r="AI622" s="561"/>
      <c r="AJ622" s="562"/>
      <c r="AK622" s="321" t="s">
        <v>391</v>
      </c>
      <c r="AL622" s="38"/>
      <c r="AM622" s="54"/>
      <c r="AN622" s="13" t="str">
        <f t="shared" si="30"/>
        <v>■</v>
      </c>
    </row>
    <row r="623" spans="1:40" s="13" customFormat="1">
      <c r="A623" s="20" t="str">
        <f t="shared" si="29"/>
        <v>TI</v>
      </c>
      <c r="B623" s="20"/>
      <c r="C623" s="541">
        <v>11</v>
      </c>
      <c r="D623" s="542"/>
      <c r="E623" s="543" t="s">
        <v>426</v>
      </c>
      <c r="F623" s="544"/>
      <c r="G623" s="544"/>
      <c r="H623" s="544"/>
      <c r="I623" s="544"/>
      <c r="J623" s="544"/>
      <c r="K623" s="544"/>
      <c r="L623" s="544"/>
      <c r="M623" s="544"/>
      <c r="N623" s="544"/>
      <c r="O623" s="544"/>
      <c r="P623" s="544"/>
      <c r="Q623" s="544"/>
      <c r="R623" s="544"/>
      <c r="S623" s="544"/>
      <c r="T623" s="545"/>
      <c r="U623" s="221" t="s">
        <v>749</v>
      </c>
      <c r="V623" s="546" t="s">
        <v>107</v>
      </c>
      <c r="W623" s="547"/>
      <c r="X623" s="547"/>
      <c r="Y623" s="547"/>
      <c r="Z623" s="548"/>
      <c r="AA623" s="623" t="s">
        <v>102</v>
      </c>
      <c r="AB623" s="624"/>
      <c r="AC623" s="625"/>
      <c r="AD623" s="415">
        <v>7</v>
      </c>
      <c r="AE623" s="415" t="s">
        <v>103</v>
      </c>
      <c r="AF623" s="541"/>
      <c r="AG623" s="542"/>
      <c r="AH623" s="549"/>
      <c r="AI623" s="550"/>
      <c r="AJ623" s="551"/>
      <c r="AK623" s="265" t="s">
        <v>3020</v>
      </c>
      <c r="AL623" s="38"/>
      <c r="AM623" s="54"/>
      <c r="AN623" s="13" t="str">
        <f t="shared" si="30"/>
        <v>■</v>
      </c>
    </row>
    <row r="624" spans="1:40" s="13" customFormat="1">
      <c r="A624" s="20" t="str">
        <f t="shared" si="29"/>
        <v>TI</v>
      </c>
      <c r="B624" s="20"/>
      <c r="C624" s="552">
        <v>12</v>
      </c>
      <c r="D624" s="553"/>
      <c r="E624" s="554" t="s">
        <v>750</v>
      </c>
      <c r="F624" s="555"/>
      <c r="G624" s="555"/>
      <c r="H624" s="555"/>
      <c r="I624" s="555"/>
      <c r="J624" s="555"/>
      <c r="K624" s="555"/>
      <c r="L624" s="555"/>
      <c r="M624" s="555"/>
      <c r="N624" s="555"/>
      <c r="O624" s="555"/>
      <c r="P624" s="555"/>
      <c r="Q624" s="555"/>
      <c r="R624" s="555"/>
      <c r="S624" s="555"/>
      <c r="T624" s="556"/>
      <c r="U624" s="259" t="s">
        <v>751</v>
      </c>
      <c r="V624" s="557" t="s">
        <v>107</v>
      </c>
      <c r="W624" s="558"/>
      <c r="X624" s="558"/>
      <c r="Y624" s="558"/>
      <c r="Z624" s="559"/>
      <c r="AA624" s="626" t="s">
        <v>102</v>
      </c>
      <c r="AB624" s="627"/>
      <c r="AC624" s="628"/>
      <c r="AD624" s="419">
        <v>2</v>
      </c>
      <c r="AE624" s="419" t="s">
        <v>103</v>
      </c>
      <c r="AF624" s="552" t="s">
        <v>109</v>
      </c>
      <c r="AG624" s="553"/>
      <c r="AH624" s="560"/>
      <c r="AI624" s="561"/>
      <c r="AJ624" s="562"/>
      <c r="AK624" s="321" t="s">
        <v>416</v>
      </c>
      <c r="AL624" s="38"/>
      <c r="AM624" s="54"/>
      <c r="AN624" s="13" t="str">
        <f t="shared" si="30"/>
        <v>■</v>
      </c>
    </row>
    <row r="625" spans="1:40" s="13" customFormat="1">
      <c r="A625" s="20" t="str">
        <f t="shared" si="29"/>
        <v>TI</v>
      </c>
      <c r="B625" s="20"/>
      <c r="C625" s="541">
        <v>13</v>
      </c>
      <c r="D625" s="542"/>
      <c r="E625" s="543" t="s">
        <v>409</v>
      </c>
      <c r="F625" s="544"/>
      <c r="G625" s="544"/>
      <c r="H625" s="544"/>
      <c r="I625" s="544"/>
      <c r="J625" s="544"/>
      <c r="K625" s="544"/>
      <c r="L625" s="544"/>
      <c r="M625" s="544"/>
      <c r="N625" s="544"/>
      <c r="O625" s="544"/>
      <c r="P625" s="544"/>
      <c r="Q625" s="544"/>
      <c r="R625" s="544"/>
      <c r="S625" s="544"/>
      <c r="T625" s="545"/>
      <c r="U625" s="221" t="s">
        <v>453</v>
      </c>
      <c r="V625" s="546" t="s">
        <v>107</v>
      </c>
      <c r="W625" s="547"/>
      <c r="X625" s="547"/>
      <c r="Y625" s="547"/>
      <c r="Z625" s="548"/>
      <c r="AA625" s="623" t="s">
        <v>102</v>
      </c>
      <c r="AB625" s="624"/>
      <c r="AC625" s="625"/>
      <c r="AD625" s="415">
        <v>6</v>
      </c>
      <c r="AE625" s="415" t="s">
        <v>103</v>
      </c>
      <c r="AF625" s="541"/>
      <c r="AG625" s="542"/>
      <c r="AH625" s="549"/>
      <c r="AI625" s="550"/>
      <c r="AJ625" s="551"/>
      <c r="AK625" s="265"/>
      <c r="AL625" s="38"/>
      <c r="AM625" s="54"/>
      <c r="AN625" s="13" t="str">
        <f t="shared" si="30"/>
        <v>■</v>
      </c>
    </row>
    <row r="626" spans="1:40" s="13" customFormat="1">
      <c r="A626" s="20" t="str">
        <f t="shared" si="29"/>
        <v>TI</v>
      </c>
      <c r="B626" s="20"/>
      <c r="C626" s="541">
        <v>14</v>
      </c>
      <c r="D626" s="542"/>
      <c r="E626" s="543" t="s">
        <v>411</v>
      </c>
      <c r="F626" s="544"/>
      <c r="G626" s="544"/>
      <c r="H626" s="544"/>
      <c r="I626" s="544"/>
      <c r="J626" s="544"/>
      <c r="K626" s="544"/>
      <c r="L626" s="544"/>
      <c r="M626" s="544"/>
      <c r="N626" s="544"/>
      <c r="O626" s="544"/>
      <c r="P626" s="544"/>
      <c r="Q626" s="544"/>
      <c r="R626" s="544"/>
      <c r="S626" s="544"/>
      <c r="T626" s="545"/>
      <c r="U626" s="221" t="s">
        <v>516</v>
      </c>
      <c r="V626" s="546" t="s">
        <v>107</v>
      </c>
      <c r="W626" s="547"/>
      <c r="X626" s="547"/>
      <c r="Y626" s="547"/>
      <c r="Z626" s="548"/>
      <c r="AA626" s="623" t="s">
        <v>102</v>
      </c>
      <c r="AB626" s="624"/>
      <c r="AC626" s="625"/>
      <c r="AD626" s="415">
        <v>6</v>
      </c>
      <c r="AE626" s="415" t="s">
        <v>103</v>
      </c>
      <c r="AF626" s="541"/>
      <c r="AG626" s="542"/>
      <c r="AH626" s="549"/>
      <c r="AI626" s="550"/>
      <c r="AJ626" s="551"/>
      <c r="AK626" s="265"/>
      <c r="AL626" s="29"/>
      <c r="AM626" s="54"/>
      <c r="AN626" s="13" t="str">
        <f t="shared" si="30"/>
        <v>■</v>
      </c>
    </row>
    <row r="627" spans="1:40" s="13" customFormat="1" ht="13.4" customHeight="1">
      <c r="A627" s="20" t="str">
        <f t="shared" si="29"/>
        <v>TI</v>
      </c>
      <c r="B627" s="20"/>
      <c r="C627" s="541">
        <v>15</v>
      </c>
      <c r="D627" s="542"/>
      <c r="E627" s="563" t="s">
        <v>970</v>
      </c>
      <c r="F627" s="564"/>
      <c r="G627" s="564"/>
      <c r="H627" s="564"/>
      <c r="I627" s="564"/>
      <c r="J627" s="564"/>
      <c r="K627" s="564"/>
      <c r="L627" s="564"/>
      <c r="M627" s="564"/>
      <c r="N627" s="564"/>
      <c r="O627" s="564"/>
      <c r="P627" s="564"/>
      <c r="Q627" s="564"/>
      <c r="R627" s="564"/>
      <c r="S627" s="564"/>
      <c r="T627" s="565"/>
      <c r="U627" s="221" t="s">
        <v>971</v>
      </c>
      <c r="V627" s="546" t="s">
        <v>107</v>
      </c>
      <c r="W627" s="547"/>
      <c r="X627" s="547"/>
      <c r="Y627" s="547"/>
      <c r="Z627" s="548"/>
      <c r="AA627" s="623" t="s">
        <v>102</v>
      </c>
      <c r="AB627" s="624"/>
      <c r="AC627" s="625"/>
      <c r="AD627" s="415">
        <v>1</v>
      </c>
      <c r="AE627" s="415" t="s">
        <v>103</v>
      </c>
      <c r="AF627" s="541"/>
      <c r="AG627" s="542"/>
      <c r="AH627" s="549"/>
      <c r="AI627" s="550"/>
      <c r="AJ627" s="551"/>
      <c r="AK627" s="265"/>
      <c r="AL627" s="48"/>
      <c r="AM627" s="54"/>
      <c r="AN627" s="13" t="str">
        <f t="shared" si="30"/>
        <v>■</v>
      </c>
    </row>
    <row r="628" spans="1:40" s="13" customFormat="1">
      <c r="A628" s="20" t="str">
        <f t="shared" si="29"/>
        <v>TI</v>
      </c>
      <c r="B628" s="20"/>
      <c r="C628" s="541">
        <v>16</v>
      </c>
      <c r="D628" s="542"/>
      <c r="E628" s="543" t="s">
        <v>976</v>
      </c>
      <c r="F628" s="544"/>
      <c r="G628" s="544"/>
      <c r="H628" s="544"/>
      <c r="I628" s="544"/>
      <c r="J628" s="544"/>
      <c r="K628" s="544"/>
      <c r="L628" s="544"/>
      <c r="M628" s="544"/>
      <c r="N628" s="544"/>
      <c r="O628" s="544"/>
      <c r="P628" s="544"/>
      <c r="Q628" s="544"/>
      <c r="R628" s="544"/>
      <c r="S628" s="544"/>
      <c r="T628" s="545"/>
      <c r="U628" s="221" t="s">
        <v>977</v>
      </c>
      <c r="V628" s="546" t="s">
        <v>107</v>
      </c>
      <c r="W628" s="547"/>
      <c r="X628" s="547"/>
      <c r="Y628" s="547"/>
      <c r="Z628" s="548"/>
      <c r="AA628" s="623" t="s">
        <v>108</v>
      </c>
      <c r="AB628" s="624"/>
      <c r="AC628" s="625"/>
      <c r="AD628" s="415">
        <v>2</v>
      </c>
      <c r="AE628" s="415">
        <v>0</v>
      </c>
      <c r="AF628" s="541"/>
      <c r="AG628" s="542"/>
      <c r="AH628" s="549"/>
      <c r="AI628" s="550"/>
      <c r="AJ628" s="551"/>
      <c r="AK628" s="265"/>
      <c r="AL628" s="37"/>
      <c r="AM628" s="54"/>
      <c r="AN628" s="13" t="str">
        <f t="shared" si="30"/>
        <v>■</v>
      </c>
    </row>
    <row r="629" spans="1:40" ht="13.4" customHeight="1">
      <c r="A629" s="20" t="str">
        <f t="shared" si="29"/>
        <v>TI</v>
      </c>
      <c r="B629" s="25"/>
      <c r="V629" s="238"/>
      <c r="W629" s="238"/>
      <c r="X629" s="238"/>
      <c r="Y629" s="238"/>
      <c r="Z629" s="238"/>
      <c r="AA629" s="629"/>
      <c r="AB629" s="629"/>
      <c r="AC629" s="629"/>
      <c r="AD629" s="238"/>
      <c r="AE629" s="238"/>
      <c r="AF629" s="238"/>
      <c r="AG629" s="238"/>
      <c r="AH629" s="238"/>
      <c r="AI629" s="238"/>
      <c r="AJ629" s="238"/>
      <c r="AK629" s="55"/>
      <c r="AL629" s="37"/>
      <c r="AM629" s="16"/>
    </row>
    <row r="630" spans="1:40" s="1" customFormat="1" ht="13.4" customHeight="1">
      <c r="A630" s="20" t="str">
        <f t="shared" si="29"/>
        <v>TR</v>
      </c>
      <c r="B630" s="20"/>
      <c r="C630" s="52" t="s">
        <v>380</v>
      </c>
      <c r="D630" s="53"/>
      <c r="E630" s="26"/>
      <c r="F630" s="26"/>
      <c r="G630" s="26"/>
      <c r="H630" s="26"/>
      <c r="I630" s="26"/>
      <c r="J630" s="26" t="s">
        <v>752</v>
      </c>
      <c r="K630" s="71"/>
      <c r="L630" s="26"/>
      <c r="M630" s="71"/>
      <c r="N630" s="26"/>
      <c r="O630" s="26"/>
      <c r="P630" s="26"/>
      <c r="Q630" s="26"/>
      <c r="R630" s="26"/>
      <c r="S630" s="26"/>
      <c r="T630" s="26"/>
      <c r="U630" s="26" t="s">
        <v>1102</v>
      </c>
      <c r="V630" s="122"/>
      <c r="W630" s="122"/>
      <c r="X630" s="122"/>
      <c r="Y630" s="122"/>
      <c r="Z630" s="122"/>
      <c r="AA630" s="630"/>
      <c r="AB630" s="630"/>
      <c r="AC630" s="630"/>
      <c r="AD630" s="122"/>
      <c r="AE630" s="122"/>
      <c r="AF630" s="122"/>
      <c r="AG630" s="122"/>
      <c r="AH630" s="122"/>
      <c r="AI630" s="122"/>
      <c r="AJ630" s="122"/>
      <c r="AK630" s="26"/>
      <c r="AL630" s="38"/>
      <c r="AM630" s="26"/>
    </row>
    <row r="631" spans="1:40" ht="13.5" customHeight="1">
      <c r="A631" s="20" t="str">
        <f t="shared" si="29"/>
        <v>TR</v>
      </c>
      <c r="B631" s="51"/>
      <c r="C631" s="583" t="s">
        <v>73</v>
      </c>
      <c r="D631" s="573"/>
      <c r="E631" s="583" t="s">
        <v>94</v>
      </c>
      <c r="F631" s="583"/>
      <c r="G631" s="583"/>
      <c r="H631" s="583"/>
      <c r="I631" s="583"/>
      <c r="J631" s="583"/>
      <c r="K631" s="583"/>
      <c r="L631" s="583"/>
      <c r="M631" s="583"/>
      <c r="N631" s="583"/>
      <c r="O631" s="583"/>
      <c r="P631" s="583"/>
      <c r="Q631" s="583"/>
      <c r="R631" s="583"/>
      <c r="S631" s="583"/>
      <c r="T631" s="583"/>
      <c r="U631" s="226" t="s">
        <v>383</v>
      </c>
      <c r="V631" s="572" t="s">
        <v>138</v>
      </c>
      <c r="W631" s="572"/>
      <c r="X631" s="572"/>
      <c r="Y631" s="572"/>
      <c r="Z631" s="572"/>
      <c r="AA631" s="575" t="s">
        <v>959</v>
      </c>
      <c r="AB631" s="576"/>
      <c r="AC631" s="577"/>
      <c r="AD631" s="572" t="s">
        <v>97</v>
      </c>
      <c r="AE631" s="572"/>
      <c r="AF631" s="572" t="s">
        <v>98</v>
      </c>
      <c r="AG631" s="572"/>
      <c r="AH631" s="583" t="s">
        <v>75</v>
      </c>
      <c r="AI631" s="583"/>
      <c r="AJ631" s="583"/>
      <c r="AK631" s="621" t="s">
        <v>159</v>
      </c>
      <c r="AL631" s="38"/>
      <c r="AM631" s="16"/>
    </row>
    <row r="632" spans="1:40" ht="13.4" customHeight="1">
      <c r="A632" s="20" t="str">
        <f t="shared" si="29"/>
        <v>TR</v>
      </c>
      <c r="B632" s="51"/>
      <c r="C632" s="573"/>
      <c r="D632" s="573"/>
      <c r="E632" s="583"/>
      <c r="F632" s="583"/>
      <c r="G632" s="583"/>
      <c r="H632" s="583"/>
      <c r="I632" s="583"/>
      <c r="J632" s="583"/>
      <c r="K632" s="583"/>
      <c r="L632" s="583"/>
      <c r="M632" s="583"/>
      <c r="N632" s="583"/>
      <c r="O632" s="583"/>
      <c r="P632" s="583"/>
      <c r="Q632" s="583"/>
      <c r="R632" s="583"/>
      <c r="S632" s="583"/>
      <c r="T632" s="583"/>
      <c r="U632" s="227"/>
      <c r="V632" s="572"/>
      <c r="W632" s="572"/>
      <c r="X632" s="572"/>
      <c r="Y632" s="572"/>
      <c r="Z632" s="572"/>
      <c r="AA632" s="578"/>
      <c r="AB632" s="579"/>
      <c r="AC632" s="580"/>
      <c r="AD632" s="572"/>
      <c r="AE632" s="572"/>
      <c r="AF632" s="572"/>
      <c r="AG632" s="572"/>
      <c r="AH632" s="583"/>
      <c r="AI632" s="583"/>
      <c r="AJ632" s="583"/>
      <c r="AK632" s="622"/>
      <c r="AL632" s="38"/>
      <c r="AM632" s="16"/>
    </row>
    <row r="633" spans="1:40" s="13" customFormat="1" ht="13.4" customHeight="1">
      <c r="A633" s="20" t="str">
        <f t="shared" si="29"/>
        <v>TR</v>
      </c>
      <c r="B633" s="20"/>
      <c r="C633" s="541">
        <v>1</v>
      </c>
      <c r="D633" s="542"/>
      <c r="E633" s="563" t="s">
        <v>440</v>
      </c>
      <c r="F633" s="564"/>
      <c r="G633" s="564"/>
      <c r="H633" s="564"/>
      <c r="I633" s="564"/>
      <c r="J633" s="564"/>
      <c r="K633" s="564"/>
      <c r="L633" s="564"/>
      <c r="M633" s="564"/>
      <c r="N633" s="564"/>
      <c r="O633" s="564"/>
      <c r="P633" s="564"/>
      <c r="Q633" s="564"/>
      <c r="R633" s="564"/>
      <c r="S633" s="564"/>
      <c r="T633" s="565"/>
      <c r="U633" s="219" t="s">
        <v>441</v>
      </c>
      <c r="V633" s="546" t="s">
        <v>101</v>
      </c>
      <c r="W633" s="547"/>
      <c r="X633" s="547"/>
      <c r="Y633" s="547"/>
      <c r="Z633" s="548"/>
      <c r="AA633" s="623" t="s">
        <v>102</v>
      </c>
      <c r="AB633" s="624"/>
      <c r="AC633" s="625"/>
      <c r="AD633" s="415">
        <v>10</v>
      </c>
      <c r="AE633" s="415" t="s">
        <v>103</v>
      </c>
      <c r="AF633" s="541"/>
      <c r="AG633" s="542"/>
      <c r="AH633" s="549"/>
      <c r="AI633" s="550"/>
      <c r="AJ633" s="551"/>
      <c r="AK633" s="265"/>
      <c r="AL633" s="38"/>
      <c r="AM633" s="54"/>
      <c r="AN633" s="13" t="str">
        <f>$J$22</f>
        <v>■</v>
      </c>
    </row>
    <row r="634" spans="1:40" s="13" customFormat="1" ht="13.4" customHeight="1">
      <c r="A634" s="20" t="str">
        <f t="shared" si="29"/>
        <v>TR</v>
      </c>
      <c r="B634" s="20"/>
      <c r="C634" s="541">
        <v>2</v>
      </c>
      <c r="D634" s="542"/>
      <c r="E634" s="563" t="s">
        <v>442</v>
      </c>
      <c r="F634" s="564"/>
      <c r="G634" s="564"/>
      <c r="H634" s="564"/>
      <c r="I634" s="564"/>
      <c r="J634" s="564"/>
      <c r="K634" s="564"/>
      <c r="L634" s="564"/>
      <c r="M634" s="564"/>
      <c r="N634" s="564"/>
      <c r="O634" s="564"/>
      <c r="P634" s="564"/>
      <c r="Q634" s="564"/>
      <c r="R634" s="564"/>
      <c r="S634" s="564"/>
      <c r="T634" s="565"/>
      <c r="U634" s="219" t="s">
        <v>443</v>
      </c>
      <c r="V634" s="546" t="s">
        <v>101</v>
      </c>
      <c r="W634" s="547"/>
      <c r="X634" s="547"/>
      <c r="Y634" s="547"/>
      <c r="Z634" s="548"/>
      <c r="AA634" s="623" t="s">
        <v>102</v>
      </c>
      <c r="AB634" s="624"/>
      <c r="AC634" s="625"/>
      <c r="AD634" s="415">
        <v>51</v>
      </c>
      <c r="AE634" s="415" t="s">
        <v>103</v>
      </c>
      <c r="AF634" s="541"/>
      <c r="AG634" s="542"/>
      <c r="AH634" s="549"/>
      <c r="AI634" s="550"/>
      <c r="AJ634" s="551"/>
      <c r="AK634" s="265"/>
      <c r="AL634" s="38"/>
      <c r="AM634" s="54"/>
      <c r="AN634" s="13" t="str">
        <f t="shared" ref="AN634:AN657" si="31">$J$22</f>
        <v>■</v>
      </c>
    </row>
    <row r="635" spans="1:40" s="13" customFormat="1" ht="13.4" customHeight="1">
      <c r="A635" s="20" t="str">
        <f t="shared" si="29"/>
        <v>TR</v>
      </c>
      <c r="B635" s="20"/>
      <c r="C635" s="552">
        <v>3</v>
      </c>
      <c r="D635" s="553"/>
      <c r="E635" s="566" t="s">
        <v>106</v>
      </c>
      <c r="F635" s="567"/>
      <c r="G635" s="567"/>
      <c r="H635" s="567"/>
      <c r="I635" s="567"/>
      <c r="J635" s="567"/>
      <c r="K635" s="567"/>
      <c r="L635" s="567"/>
      <c r="M635" s="567"/>
      <c r="N635" s="567"/>
      <c r="O635" s="567"/>
      <c r="P635" s="567"/>
      <c r="Q635" s="567"/>
      <c r="R635" s="567"/>
      <c r="S635" s="567"/>
      <c r="T635" s="568"/>
      <c r="U635" s="220" t="s">
        <v>444</v>
      </c>
      <c r="V635" s="557" t="s">
        <v>107</v>
      </c>
      <c r="W635" s="558"/>
      <c r="X635" s="558"/>
      <c r="Y635" s="558"/>
      <c r="Z635" s="559"/>
      <c r="AA635" s="626" t="s">
        <v>108</v>
      </c>
      <c r="AB635" s="627"/>
      <c r="AC635" s="628"/>
      <c r="AD635" s="419">
        <v>1</v>
      </c>
      <c r="AE635" s="419">
        <v>0</v>
      </c>
      <c r="AF635" s="552" t="s">
        <v>109</v>
      </c>
      <c r="AG635" s="553"/>
      <c r="AH635" s="560"/>
      <c r="AI635" s="561"/>
      <c r="AJ635" s="562"/>
      <c r="AK635" s="321" t="s">
        <v>391</v>
      </c>
      <c r="AL635" s="38"/>
      <c r="AM635" s="54"/>
      <c r="AN635" s="13" t="str">
        <f t="shared" si="31"/>
        <v>■</v>
      </c>
    </row>
    <row r="636" spans="1:40" s="13" customFormat="1" ht="13.4" customHeight="1">
      <c r="A636" s="20" t="str">
        <f t="shared" si="29"/>
        <v>TR</v>
      </c>
      <c r="B636" s="20"/>
      <c r="C636" s="541">
        <v>4</v>
      </c>
      <c r="D636" s="542"/>
      <c r="E636" s="563" t="s">
        <v>110</v>
      </c>
      <c r="F636" s="564"/>
      <c r="G636" s="564"/>
      <c r="H636" s="564"/>
      <c r="I636" s="564"/>
      <c r="J636" s="564"/>
      <c r="K636" s="564"/>
      <c r="L636" s="564"/>
      <c r="M636" s="564"/>
      <c r="N636" s="564"/>
      <c r="O636" s="564"/>
      <c r="P636" s="564"/>
      <c r="Q636" s="564"/>
      <c r="R636" s="564"/>
      <c r="S636" s="564"/>
      <c r="T636" s="565"/>
      <c r="U636" s="221" t="s">
        <v>445</v>
      </c>
      <c r="V636" s="546" t="s">
        <v>107</v>
      </c>
      <c r="W636" s="547"/>
      <c r="X636" s="547"/>
      <c r="Y636" s="547"/>
      <c r="Z636" s="548"/>
      <c r="AA636" s="623" t="s">
        <v>108</v>
      </c>
      <c r="AB636" s="624"/>
      <c r="AC636" s="625"/>
      <c r="AD636" s="415">
        <v>1</v>
      </c>
      <c r="AE636" s="415">
        <v>0</v>
      </c>
      <c r="AF636" s="541"/>
      <c r="AG636" s="542"/>
      <c r="AH636" s="549"/>
      <c r="AI636" s="550"/>
      <c r="AJ636" s="551"/>
      <c r="AK636" s="265"/>
      <c r="AL636" s="38"/>
      <c r="AM636" s="54"/>
      <c r="AN636" s="13" t="str">
        <f t="shared" si="31"/>
        <v>■</v>
      </c>
    </row>
    <row r="637" spans="1:40" s="13" customFormat="1">
      <c r="A637" s="20" t="str">
        <f t="shared" si="29"/>
        <v>TR</v>
      </c>
      <c r="B637" s="20"/>
      <c r="C637" s="541">
        <v>5</v>
      </c>
      <c r="D637" s="542"/>
      <c r="E637" s="543" t="s">
        <v>80</v>
      </c>
      <c r="F637" s="544"/>
      <c r="G637" s="544"/>
      <c r="H637" s="544"/>
      <c r="I637" s="544"/>
      <c r="J637" s="544"/>
      <c r="K637" s="544"/>
      <c r="L637" s="544"/>
      <c r="M637" s="544"/>
      <c r="N637" s="544"/>
      <c r="O637" s="544"/>
      <c r="P637" s="544"/>
      <c r="Q637" s="544"/>
      <c r="R637" s="544"/>
      <c r="S637" s="544"/>
      <c r="T637" s="545"/>
      <c r="U637" s="221" t="s">
        <v>446</v>
      </c>
      <c r="V637" s="546" t="s">
        <v>101</v>
      </c>
      <c r="W637" s="547"/>
      <c r="X637" s="547"/>
      <c r="Y637" s="547"/>
      <c r="Z637" s="548"/>
      <c r="AA637" s="623" t="s">
        <v>102</v>
      </c>
      <c r="AB637" s="624"/>
      <c r="AC637" s="625"/>
      <c r="AD637" s="415">
        <v>2</v>
      </c>
      <c r="AE637" s="415" t="s">
        <v>103</v>
      </c>
      <c r="AF637" s="541"/>
      <c r="AG637" s="542"/>
      <c r="AH637" s="549"/>
      <c r="AI637" s="550"/>
      <c r="AJ637" s="551"/>
      <c r="AK637" s="265"/>
      <c r="AL637" s="38"/>
      <c r="AM637" s="54"/>
      <c r="AN637" s="13" t="str">
        <f t="shared" si="31"/>
        <v>■</v>
      </c>
    </row>
    <row r="638" spans="1:40" s="13" customFormat="1">
      <c r="A638" s="20" t="str">
        <f t="shared" si="29"/>
        <v>TR</v>
      </c>
      <c r="B638" s="20"/>
      <c r="C638" s="541">
        <v>6</v>
      </c>
      <c r="D638" s="542"/>
      <c r="E638" s="543" t="s">
        <v>115</v>
      </c>
      <c r="F638" s="544"/>
      <c r="G638" s="544"/>
      <c r="H638" s="544"/>
      <c r="I638" s="544"/>
      <c r="J638" s="544"/>
      <c r="K638" s="544"/>
      <c r="L638" s="544"/>
      <c r="M638" s="544"/>
      <c r="N638" s="544"/>
      <c r="O638" s="544"/>
      <c r="P638" s="544"/>
      <c r="Q638" s="544"/>
      <c r="R638" s="544"/>
      <c r="S638" s="544"/>
      <c r="T638" s="545"/>
      <c r="U638" s="221" t="s">
        <v>451</v>
      </c>
      <c r="V638" s="546" t="s">
        <v>107</v>
      </c>
      <c r="W638" s="547"/>
      <c r="X638" s="547"/>
      <c r="Y638" s="547"/>
      <c r="Z638" s="548"/>
      <c r="AA638" s="623" t="s">
        <v>108</v>
      </c>
      <c r="AB638" s="624"/>
      <c r="AC638" s="625"/>
      <c r="AD638" s="415">
        <v>6</v>
      </c>
      <c r="AE638" s="415">
        <v>0</v>
      </c>
      <c r="AF638" s="541"/>
      <c r="AG638" s="542"/>
      <c r="AH638" s="549"/>
      <c r="AI638" s="550"/>
      <c r="AJ638" s="551"/>
      <c r="AK638" s="265"/>
      <c r="AL638" s="38"/>
      <c r="AM638" s="54"/>
      <c r="AN638" s="13" t="str">
        <f t="shared" si="31"/>
        <v>■</v>
      </c>
    </row>
    <row r="639" spans="1:40" s="13" customFormat="1">
      <c r="A639" s="20" t="str">
        <f t="shared" si="29"/>
        <v>TR</v>
      </c>
      <c r="B639" s="20"/>
      <c r="C639" s="541">
        <v>7</v>
      </c>
      <c r="D639" s="542"/>
      <c r="E639" s="543" t="s">
        <v>1103</v>
      </c>
      <c r="F639" s="544"/>
      <c r="G639" s="544"/>
      <c r="H639" s="544"/>
      <c r="I639" s="544"/>
      <c r="J639" s="544"/>
      <c r="K639" s="544"/>
      <c r="L639" s="544"/>
      <c r="M639" s="544"/>
      <c r="N639" s="544"/>
      <c r="O639" s="544"/>
      <c r="P639" s="544"/>
      <c r="Q639" s="544"/>
      <c r="R639" s="544"/>
      <c r="S639" s="544"/>
      <c r="T639" s="545"/>
      <c r="U639" s="221" t="s">
        <v>755</v>
      </c>
      <c r="V639" s="546" t="s">
        <v>107</v>
      </c>
      <c r="W639" s="547"/>
      <c r="X639" s="547"/>
      <c r="Y639" s="547"/>
      <c r="Z639" s="548"/>
      <c r="AA639" s="623" t="s">
        <v>102</v>
      </c>
      <c r="AB639" s="624"/>
      <c r="AC639" s="625"/>
      <c r="AD639" s="415">
        <v>4</v>
      </c>
      <c r="AE639" s="415" t="s">
        <v>103</v>
      </c>
      <c r="AF639" s="541"/>
      <c r="AG639" s="542"/>
      <c r="AH639" s="549"/>
      <c r="AI639" s="550"/>
      <c r="AJ639" s="551"/>
      <c r="AK639" s="265"/>
      <c r="AL639" s="38"/>
      <c r="AM639" s="54"/>
      <c r="AN639" s="13" t="str">
        <f t="shared" si="31"/>
        <v>■</v>
      </c>
    </row>
    <row r="640" spans="1:40" s="13" customFormat="1">
      <c r="A640" s="20" t="str">
        <f t="shared" si="29"/>
        <v>TR</v>
      </c>
      <c r="B640" s="20"/>
      <c r="C640" s="541">
        <v>8</v>
      </c>
      <c r="D640" s="542"/>
      <c r="E640" s="543" t="s">
        <v>756</v>
      </c>
      <c r="F640" s="544"/>
      <c r="G640" s="544"/>
      <c r="H640" s="544"/>
      <c r="I640" s="544"/>
      <c r="J640" s="544"/>
      <c r="K640" s="544"/>
      <c r="L640" s="544"/>
      <c r="M640" s="544"/>
      <c r="N640" s="544"/>
      <c r="O640" s="544"/>
      <c r="P640" s="544"/>
      <c r="Q640" s="544"/>
      <c r="R640" s="544"/>
      <c r="S640" s="544"/>
      <c r="T640" s="545"/>
      <c r="U640" s="221" t="s">
        <v>757</v>
      </c>
      <c r="V640" s="546" t="s">
        <v>107</v>
      </c>
      <c r="W640" s="547"/>
      <c r="X640" s="547"/>
      <c r="Y640" s="547"/>
      <c r="Z640" s="548"/>
      <c r="AA640" s="623" t="s">
        <v>102</v>
      </c>
      <c r="AB640" s="624"/>
      <c r="AC640" s="625"/>
      <c r="AD640" s="415">
        <v>6</v>
      </c>
      <c r="AE640" s="415" t="s">
        <v>103</v>
      </c>
      <c r="AF640" s="541"/>
      <c r="AG640" s="542"/>
      <c r="AH640" s="549"/>
      <c r="AI640" s="550"/>
      <c r="AJ640" s="551"/>
      <c r="AK640" s="265"/>
      <c r="AL640" s="38"/>
      <c r="AM640" s="54"/>
      <c r="AN640" s="13" t="str">
        <f t="shared" si="31"/>
        <v>■</v>
      </c>
    </row>
    <row r="641" spans="1:40" s="13" customFormat="1">
      <c r="A641" s="20" t="str">
        <f t="shared" si="29"/>
        <v>TR</v>
      </c>
      <c r="B641" s="51"/>
      <c r="C641" s="541">
        <v>9</v>
      </c>
      <c r="D641" s="542"/>
      <c r="E641" s="543" t="s">
        <v>758</v>
      </c>
      <c r="F641" s="544"/>
      <c r="G641" s="544"/>
      <c r="H641" s="544"/>
      <c r="I641" s="544"/>
      <c r="J641" s="544"/>
      <c r="K641" s="544"/>
      <c r="L641" s="544"/>
      <c r="M641" s="544"/>
      <c r="N641" s="544"/>
      <c r="O641" s="544"/>
      <c r="P641" s="544"/>
      <c r="Q641" s="544"/>
      <c r="R641" s="544"/>
      <c r="S641" s="544"/>
      <c r="T641" s="545"/>
      <c r="U641" s="221" t="s">
        <v>759</v>
      </c>
      <c r="V641" s="546" t="s">
        <v>101</v>
      </c>
      <c r="W641" s="547"/>
      <c r="X641" s="547"/>
      <c r="Y641" s="547"/>
      <c r="Z641" s="548"/>
      <c r="AA641" s="623" t="s">
        <v>102</v>
      </c>
      <c r="AB641" s="624"/>
      <c r="AC641" s="625"/>
      <c r="AD641" s="415">
        <v>64</v>
      </c>
      <c r="AE641" s="415" t="s">
        <v>103</v>
      </c>
      <c r="AF641" s="541"/>
      <c r="AG641" s="542"/>
      <c r="AH641" s="549"/>
      <c r="AI641" s="550"/>
      <c r="AJ641" s="551"/>
      <c r="AK641" s="265"/>
      <c r="AL641" s="38"/>
      <c r="AM641" s="54"/>
      <c r="AN641" s="13" t="str">
        <f t="shared" si="31"/>
        <v>■</v>
      </c>
    </row>
    <row r="642" spans="1:40" s="13" customFormat="1">
      <c r="A642" s="20" t="str">
        <f t="shared" si="29"/>
        <v>TR</v>
      </c>
      <c r="B642" s="20"/>
      <c r="C642" s="541">
        <v>10</v>
      </c>
      <c r="D642" s="542"/>
      <c r="E642" s="543" t="s">
        <v>454</v>
      </c>
      <c r="F642" s="544"/>
      <c r="G642" s="544"/>
      <c r="H642" s="544"/>
      <c r="I642" s="544"/>
      <c r="J642" s="544"/>
      <c r="K642" s="544"/>
      <c r="L642" s="544"/>
      <c r="M642" s="544"/>
      <c r="N642" s="544"/>
      <c r="O642" s="544"/>
      <c r="P642" s="544"/>
      <c r="Q642" s="544"/>
      <c r="R642" s="544"/>
      <c r="S642" s="544"/>
      <c r="T642" s="545"/>
      <c r="U642" s="221" t="s">
        <v>455</v>
      </c>
      <c r="V642" s="546" t="s">
        <v>107</v>
      </c>
      <c r="W642" s="547"/>
      <c r="X642" s="547"/>
      <c r="Y642" s="547"/>
      <c r="Z642" s="548"/>
      <c r="AA642" s="623" t="s">
        <v>102</v>
      </c>
      <c r="AB642" s="624"/>
      <c r="AC642" s="625"/>
      <c r="AD642" s="415">
        <v>1</v>
      </c>
      <c r="AE642" s="415" t="s">
        <v>103</v>
      </c>
      <c r="AF642" s="541"/>
      <c r="AG642" s="542"/>
      <c r="AH642" s="549"/>
      <c r="AI642" s="550"/>
      <c r="AJ642" s="551"/>
      <c r="AK642" s="265"/>
      <c r="AL642" s="38"/>
      <c r="AM642" s="54"/>
      <c r="AN642" s="13" t="str">
        <f t="shared" si="31"/>
        <v>■</v>
      </c>
    </row>
    <row r="643" spans="1:40" s="13" customFormat="1">
      <c r="A643" s="20" t="str">
        <f t="shared" si="29"/>
        <v>TR</v>
      </c>
      <c r="B643" s="20"/>
      <c r="C643" s="552">
        <v>11</v>
      </c>
      <c r="D643" s="553"/>
      <c r="E643" s="554" t="s">
        <v>760</v>
      </c>
      <c r="F643" s="555"/>
      <c r="G643" s="555"/>
      <c r="H643" s="555"/>
      <c r="I643" s="555"/>
      <c r="J643" s="555"/>
      <c r="K643" s="555"/>
      <c r="L643" s="555"/>
      <c r="M643" s="555"/>
      <c r="N643" s="555"/>
      <c r="O643" s="555"/>
      <c r="P643" s="555"/>
      <c r="Q643" s="555"/>
      <c r="R643" s="555"/>
      <c r="S643" s="555"/>
      <c r="T643" s="556"/>
      <c r="U643" s="259" t="s">
        <v>457</v>
      </c>
      <c r="V643" s="557" t="s">
        <v>107</v>
      </c>
      <c r="W643" s="558"/>
      <c r="X643" s="558"/>
      <c r="Y643" s="558"/>
      <c r="Z643" s="559"/>
      <c r="AA643" s="626" t="s">
        <v>102</v>
      </c>
      <c r="AB643" s="627"/>
      <c r="AC643" s="628"/>
      <c r="AD643" s="419">
        <v>6</v>
      </c>
      <c r="AE643" s="419" t="s">
        <v>103</v>
      </c>
      <c r="AF643" s="552" t="s">
        <v>109</v>
      </c>
      <c r="AG643" s="553"/>
      <c r="AH643" s="560"/>
      <c r="AI643" s="561"/>
      <c r="AJ643" s="562"/>
      <c r="AK643" s="321" t="s">
        <v>391</v>
      </c>
      <c r="AL643" s="38"/>
      <c r="AM643" s="54"/>
      <c r="AN643" s="13" t="str">
        <f t="shared" si="31"/>
        <v>■</v>
      </c>
    </row>
    <row r="644" spans="1:40" s="13" customFormat="1">
      <c r="A644" s="20" t="str">
        <f t="shared" si="29"/>
        <v>TR</v>
      </c>
      <c r="B644" s="20"/>
      <c r="C644" s="552">
        <v>12</v>
      </c>
      <c r="D644" s="553"/>
      <c r="E644" s="554" t="s">
        <v>761</v>
      </c>
      <c r="F644" s="555"/>
      <c r="G644" s="555"/>
      <c r="H644" s="555"/>
      <c r="I644" s="555"/>
      <c r="J644" s="555"/>
      <c r="K644" s="555"/>
      <c r="L644" s="555"/>
      <c r="M644" s="555"/>
      <c r="N644" s="555"/>
      <c r="O644" s="555"/>
      <c r="P644" s="555"/>
      <c r="Q644" s="555"/>
      <c r="R644" s="555"/>
      <c r="S644" s="555"/>
      <c r="T644" s="556"/>
      <c r="U644" s="259" t="s">
        <v>762</v>
      </c>
      <c r="V644" s="557" t="s">
        <v>107</v>
      </c>
      <c r="W644" s="558"/>
      <c r="X644" s="558"/>
      <c r="Y644" s="558"/>
      <c r="Z644" s="559"/>
      <c r="AA644" s="626" t="s">
        <v>102</v>
      </c>
      <c r="AB644" s="627"/>
      <c r="AC644" s="628"/>
      <c r="AD644" s="419">
        <v>3</v>
      </c>
      <c r="AE644" s="419" t="s">
        <v>103</v>
      </c>
      <c r="AF644" s="552" t="s">
        <v>109</v>
      </c>
      <c r="AG644" s="553"/>
      <c r="AH644" s="560"/>
      <c r="AI644" s="561"/>
      <c r="AJ644" s="562"/>
      <c r="AK644" s="321" t="s">
        <v>416</v>
      </c>
      <c r="AL644" s="38"/>
      <c r="AM644" s="54"/>
      <c r="AN644" s="13" t="str">
        <f t="shared" si="31"/>
        <v>■</v>
      </c>
    </row>
    <row r="645" spans="1:40" s="13" customFormat="1">
      <c r="A645" s="20" t="str">
        <f t="shared" si="29"/>
        <v>TR</v>
      </c>
      <c r="B645" s="20"/>
      <c r="C645" s="541">
        <v>13</v>
      </c>
      <c r="D645" s="542"/>
      <c r="E645" s="543" t="s">
        <v>460</v>
      </c>
      <c r="F645" s="544"/>
      <c r="G645" s="544"/>
      <c r="H645" s="544"/>
      <c r="I645" s="544"/>
      <c r="J645" s="544"/>
      <c r="K645" s="544"/>
      <c r="L645" s="544"/>
      <c r="M645" s="544"/>
      <c r="N645" s="544"/>
      <c r="O645" s="544"/>
      <c r="P645" s="544"/>
      <c r="Q645" s="544"/>
      <c r="R645" s="544"/>
      <c r="S645" s="544"/>
      <c r="T645" s="545"/>
      <c r="U645" s="221" t="s">
        <v>461</v>
      </c>
      <c r="V645" s="546" t="s">
        <v>107</v>
      </c>
      <c r="W645" s="547"/>
      <c r="X645" s="547"/>
      <c r="Y645" s="547"/>
      <c r="Z645" s="548"/>
      <c r="AA645" s="623" t="s">
        <v>102</v>
      </c>
      <c r="AB645" s="624"/>
      <c r="AC645" s="625"/>
      <c r="AD645" s="415">
        <v>8</v>
      </c>
      <c r="AE645" s="415" t="s">
        <v>103</v>
      </c>
      <c r="AF645" s="541"/>
      <c r="AG645" s="542"/>
      <c r="AH645" s="549"/>
      <c r="AI645" s="550"/>
      <c r="AJ645" s="551"/>
      <c r="AK645" s="265"/>
      <c r="AL645" s="38"/>
      <c r="AM645" s="54"/>
      <c r="AN645" s="13" t="str">
        <f t="shared" si="31"/>
        <v>■</v>
      </c>
    </row>
    <row r="646" spans="1:40" s="13" customFormat="1">
      <c r="A646" s="20" t="str">
        <f t="shared" si="29"/>
        <v>TR</v>
      </c>
      <c r="B646" s="20"/>
      <c r="C646" s="541">
        <v>14</v>
      </c>
      <c r="D646" s="542"/>
      <c r="E646" s="543" t="s">
        <v>462</v>
      </c>
      <c r="F646" s="544"/>
      <c r="G646" s="544"/>
      <c r="H646" s="544"/>
      <c r="I646" s="544"/>
      <c r="J646" s="544"/>
      <c r="K646" s="544"/>
      <c r="L646" s="544"/>
      <c r="M646" s="544"/>
      <c r="N646" s="544"/>
      <c r="O646" s="544"/>
      <c r="P646" s="544"/>
      <c r="Q646" s="544"/>
      <c r="R646" s="544"/>
      <c r="S646" s="544"/>
      <c r="T646" s="545"/>
      <c r="U646" s="221" t="s">
        <v>463</v>
      </c>
      <c r="V646" s="546" t="s">
        <v>101</v>
      </c>
      <c r="W646" s="547"/>
      <c r="X646" s="547"/>
      <c r="Y646" s="547"/>
      <c r="Z646" s="548"/>
      <c r="AA646" s="623" t="s">
        <v>102</v>
      </c>
      <c r="AB646" s="624"/>
      <c r="AC646" s="625"/>
      <c r="AD646" s="415">
        <v>8</v>
      </c>
      <c r="AE646" s="415" t="s">
        <v>103</v>
      </c>
      <c r="AF646" s="541"/>
      <c r="AG646" s="542"/>
      <c r="AH646" s="549"/>
      <c r="AI646" s="550"/>
      <c r="AJ646" s="551"/>
      <c r="AK646" s="265"/>
      <c r="AL646" s="38"/>
      <c r="AM646" s="54"/>
      <c r="AN646" s="13" t="str">
        <f t="shared" si="31"/>
        <v>■</v>
      </c>
    </row>
    <row r="647" spans="1:40" s="13" customFormat="1">
      <c r="A647" s="20" t="str">
        <f t="shared" si="29"/>
        <v>TR</v>
      </c>
      <c r="B647" s="20"/>
      <c r="C647" s="552">
        <v>15</v>
      </c>
      <c r="D647" s="553"/>
      <c r="E647" s="554" t="s">
        <v>400</v>
      </c>
      <c r="F647" s="555"/>
      <c r="G647" s="555"/>
      <c r="H647" s="555"/>
      <c r="I647" s="555"/>
      <c r="J647" s="555"/>
      <c r="K647" s="555"/>
      <c r="L647" s="555"/>
      <c r="M647" s="555"/>
      <c r="N647" s="555"/>
      <c r="O647" s="555"/>
      <c r="P647" s="555"/>
      <c r="Q647" s="555"/>
      <c r="R647" s="555"/>
      <c r="S647" s="555"/>
      <c r="T647" s="556"/>
      <c r="U647" s="259" t="s">
        <v>474</v>
      </c>
      <c r="V647" s="557" t="s">
        <v>107</v>
      </c>
      <c r="W647" s="558"/>
      <c r="X647" s="558"/>
      <c r="Y647" s="558"/>
      <c r="Z647" s="559"/>
      <c r="AA647" s="626" t="s">
        <v>102</v>
      </c>
      <c r="AB647" s="627"/>
      <c r="AC647" s="628"/>
      <c r="AD647" s="419">
        <v>1</v>
      </c>
      <c r="AE647" s="419" t="s">
        <v>103</v>
      </c>
      <c r="AF647" s="552" t="s">
        <v>109</v>
      </c>
      <c r="AG647" s="553"/>
      <c r="AH647" s="560"/>
      <c r="AI647" s="561"/>
      <c r="AJ647" s="562"/>
      <c r="AK647" s="333" t="s">
        <v>399</v>
      </c>
      <c r="AL647" s="38"/>
      <c r="AM647" s="54"/>
      <c r="AN647" s="13" t="str">
        <f t="shared" si="31"/>
        <v>■</v>
      </c>
    </row>
    <row r="648" spans="1:40" s="13" customFormat="1">
      <c r="A648" s="20" t="str">
        <f t="shared" si="29"/>
        <v>TR</v>
      </c>
      <c r="B648" s="20"/>
      <c r="C648" s="541">
        <v>16</v>
      </c>
      <c r="D648" s="542"/>
      <c r="E648" s="543" t="s">
        <v>466</v>
      </c>
      <c r="F648" s="544"/>
      <c r="G648" s="544"/>
      <c r="H648" s="544"/>
      <c r="I648" s="544"/>
      <c r="J648" s="544"/>
      <c r="K648" s="544"/>
      <c r="L648" s="544"/>
      <c r="M648" s="544"/>
      <c r="N648" s="544"/>
      <c r="O648" s="544"/>
      <c r="P648" s="544"/>
      <c r="Q648" s="544"/>
      <c r="R648" s="544"/>
      <c r="S648" s="544"/>
      <c r="T648" s="545"/>
      <c r="U648" s="221" t="s">
        <v>467</v>
      </c>
      <c r="V648" s="546" t="s">
        <v>101</v>
      </c>
      <c r="W648" s="547"/>
      <c r="X648" s="547"/>
      <c r="Y648" s="547"/>
      <c r="Z648" s="548"/>
      <c r="AA648" s="623" t="s">
        <v>102</v>
      </c>
      <c r="AB648" s="624"/>
      <c r="AC648" s="625"/>
      <c r="AD648" s="415">
        <v>10</v>
      </c>
      <c r="AE648" s="415" t="s">
        <v>103</v>
      </c>
      <c r="AF648" s="541"/>
      <c r="AG648" s="542"/>
      <c r="AH648" s="549"/>
      <c r="AI648" s="550"/>
      <c r="AJ648" s="551"/>
      <c r="AK648" s="265"/>
      <c r="AL648" s="38"/>
      <c r="AM648" s="54"/>
      <c r="AN648" s="13" t="str">
        <f t="shared" si="31"/>
        <v>■</v>
      </c>
    </row>
    <row r="649" spans="1:40" s="13" customFormat="1">
      <c r="A649" s="20" t="str">
        <f t="shared" si="29"/>
        <v>TR</v>
      </c>
      <c r="B649" s="20"/>
      <c r="C649" s="552">
        <v>17</v>
      </c>
      <c r="D649" s="553"/>
      <c r="E649" s="554" t="s">
        <v>402</v>
      </c>
      <c r="F649" s="555"/>
      <c r="G649" s="555"/>
      <c r="H649" s="555"/>
      <c r="I649" s="555"/>
      <c r="J649" s="555"/>
      <c r="K649" s="555"/>
      <c r="L649" s="555"/>
      <c r="M649" s="555"/>
      <c r="N649" s="555"/>
      <c r="O649" s="555"/>
      <c r="P649" s="555"/>
      <c r="Q649" s="555"/>
      <c r="R649" s="555"/>
      <c r="S649" s="555"/>
      <c r="T649" s="556"/>
      <c r="U649" s="259" t="s">
        <v>475</v>
      </c>
      <c r="V649" s="557" t="s">
        <v>107</v>
      </c>
      <c r="W649" s="558"/>
      <c r="X649" s="558"/>
      <c r="Y649" s="558"/>
      <c r="Z649" s="559"/>
      <c r="AA649" s="626" t="s">
        <v>102</v>
      </c>
      <c r="AB649" s="627"/>
      <c r="AC649" s="628"/>
      <c r="AD649" s="419">
        <v>4</v>
      </c>
      <c r="AE649" s="419" t="s">
        <v>103</v>
      </c>
      <c r="AF649" s="552" t="s">
        <v>109</v>
      </c>
      <c r="AG649" s="553"/>
      <c r="AH649" s="560"/>
      <c r="AI649" s="561"/>
      <c r="AJ649" s="562"/>
      <c r="AK649" s="333" t="s">
        <v>399</v>
      </c>
      <c r="AL649" s="38"/>
      <c r="AM649" s="54"/>
      <c r="AN649" s="13" t="str">
        <f t="shared" si="31"/>
        <v>■</v>
      </c>
    </row>
    <row r="650" spans="1:40" s="13" customFormat="1">
      <c r="A650" s="20" t="str">
        <f t="shared" si="29"/>
        <v>TR</v>
      </c>
      <c r="B650" s="20"/>
      <c r="C650" s="541">
        <v>18</v>
      </c>
      <c r="D650" s="542"/>
      <c r="E650" s="543" t="s">
        <v>472</v>
      </c>
      <c r="F650" s="544"/>
      <c r="G650" s="544"/>
      <c r="H650" s="544"/>
      <c r="I650" s="544"/>
      <c r="J650" s="544"/>
      <c r="K650" s="544"/>
      <c r="L650" s="544"/>
      <c r="M650" s="544"/>
      <c r="N650" s="544"/>
      <c r="O650" s="544"/>
      <c r="P650" s="544"/>
      <c r="Q650" s="544"/>
      <c r="R650" s="544"/>
      <c r="S650" s="544"/>
      <c r="T650" s="545"/>
      <c r="U650" s="221" t="s">
        <v>473</v>
      </c>
      <c r="V650" s="546" t="s">
        <v>107</v>
      </c>
      <c r="W650" s="547"/>
      <c r="X650" s="547"/>
      <c r="Y650" s="547"/>
      <c r="Z650" s="548"/>
      <c r="AA650" s="623" t="s">
        <v>108</v>
      </c>
      <c r="AB650" s="624"/>
      <c r="AC650" s="625"/>
      <c r="AD650" s="415">
        <v>2</v>
      </c>
      <c r="AE650" s="415">
        <v>0</v>
      </c>
      <c r="AF650" s="541"/>
      <c r="AG650" s="542"/>
      <c r="AH650" s="549"/>
      <c r="AI650" s="550"/>
      <c r="AJ650" s="551"/>
      <c r="AK650" s="265"/>
      <c r="AL650" s="38"/>
      <c r="AM650" s="54"/>
      <c r="AN650" s="13" t="str">
        <f t="shared" si="31"/>
        <v>■</v>
      </c>
    </row>
    <row r="651" spans="1:40" s="13" customFormat="1">
      <c r="A651" s="20" t="str">
        <f t="shared" si="29"/>
        <v>TR</v>
      </c>
      <c r="B651" s="20"/>
      <c r="C651" s="552">
        <v>19</v>
      </c>
      <c r="D651" s="553"/>
      <c r="E651" s="554" t="s">
        <v>404</v>
      </c>
      <c r="F651" s="555"/>
      <c r="G651" s="555"/>
      <c r="H651" s="555"/>
      <c r="I651" s="555"/>
      <c r="J651" s="555"/>
      <c r="K651" s="555"/>
      <c r="L651" s="555"/>
      <c r="M651" s="555"/>
      <c r="N651" s="555"/>
      <c r="O651" s="555"/>
      <c r="P651" s="555"/>
      <c r="Q651" s="555"/>
      <c r="R651" s="555"/>
      <c r="S651" s="555"/>
      <c r="T651" s="556"/>
      <c r="U651" s="259" t="s">
        <v>765</v>
      </c>
      <c r="V651" s="557" t="s">
        <v>107</v>
      </c>
      <c r="W651" s="558"/>
      <c r="X651" s="558"/>
      <c r="Y651" s="558"/>
      <c r="Z651" s="559"/>
      <c r="AA651" s="626" t="s">
        <v>102</v>
      </c>
      <c r="AB651" s="627"/>
      <c r="AC651" s="628"/>
      <c r="AD651" s="419">
        <v>1</v>
      </c>
      <c r="AE651" s="419" t="s">
        <v>103</v>
      </c>
      <c r="AF651" s="552" t="s">
        <v>109</v>
      </c>
      <c r="AG651" s="553"/>
      <c r="AH651" s="560"/>
      <c r="AI651" s="561"/>
      <c r="AJ651" s="562"/>
      <c r="AK651" s="333" t="s">
        <v>399</v>
      </c>
      <c r="AL651" s="38"/>
      <c r="AM651" s="54"/>
      <c r="AN651" s="13" t="str">
        <f t="shared" si="31"/>
        <v>■</v>
      </c>
    </row>
    <row r="652" spans="1:40" s="13" customFormat="1">
      <c r="A652" s="20" t="str">
        <f t="shared" si="29"/>
        <v>TR</v>
      </c>
      <c r="B652" s="20"/>
      <c r="C652" s="552">
        <v>20</v>
      </c>
      <c r="D652" s="553"/>
      <c r="E652" s="554" t="s">
        <v>406</v>
      </c>
      <c r="F652" s="555"/>
      <c r="G652" s="555"/>
      <c r="H652" s="555"/>
      <c r="I652" s="555"/>
      <c r="J652" s="555"/>
      <c r="K652" s="555"/>
      <c r="L652" s="555"/>
      <c r="M652" s="555"/>
      <c r="N652" s="555"/>
      <c r="O652" s="555"/>
      <c r="P652" s="555"/>
      <c r="Q652" s="555"/>
      <c r="R652" s="555"/>
      <c r="S652" s="555"/>
      <c r="T652" s="556"/>
      <c r="U652" s="259" t="s">
        <v>766</v>
      </c>
      <c r="V652" s="557" t="s">
        <v>107</v>
      </c>
      <c r="W652" s="558"/>
      <c r="X652" s="558"/>
      <c r="Y652" s="558"/>
      <c r="Z652" s="559"/>
      <c r="AA652" s="626" t="s">
        <v>102</v>
      </c>
      <c r="AB652" s="627"/>
      <c r="AC652" s="628"/>
      <c r="AD652" s="419">
        <v>1</v>
      </c>
      <c r="AE652" s="419" t="s">
        <v>103</v>
      </c>
      <c r="AF652" s="552" t="s">
        <v>109</v>
      </c>
      <c r="AG652" s="553"/>
      <c r="AH652" s="560"/>
      <c r="AI652" s="561"/>
      <c r="AJ652" s="562"/>
      <c r="AK652" s="333" t="s">
        <v>399</v>
      </c>
      <c r="AL652" s="38"/>
      <c r="AM652" s="54"/>
      <c r="AN652" s="13" t="str">
        <f t="shared" si="31"/>
        <v>■</v>
      </c>
    </row>
    <row r="653" spans="1:40" s="13" customFormat="1">
      <c r="A653" s="20" t="str">
        <f t="shared" si="29"/>
        <v>TR</v>
      </c>
      <c r="B653" s="20"/>
      <c r="C653" s="552">
        <v>21</v>
      </c>
      <c r="D653" s="553"/>
      <c r="E653" s="554" t="s">
        <v>767</v>
      </c>
      <c r="F653" s="555"/>
      <c r="G653" s="555"/>
      <c r="H653" s="555"/>
      <c r="I653" s="555"/>
      <c r="J653" s="555"/>
      <c r="K653" s="555"/>
      <c r="L653" s="555"/>
      <c r="M653" s="555"/>
      <c r="N653" s="555"/>
      <c r="O653" s="555"/>
      <c r="P653" s="555"/>
      <c r="Q653" s="555"/>
      <c r="R653" s="555"/>
      <c r="S653" s="555"/>
      <c r="T653" s="556"/>
      <c r="U653" s="259" t="s">
        <v>768</v>
      </c>
      <c r="V653" s="557" t="s">
        <v>107</v>
      </c>
      <c r="W653" s="558"/>
      <c r="X653" s="558"/>
      <c r="Y653" s="558"/>
      <c r="Z653" s="559"/>
      <c r="AA653" s="626" t="s">
        <v>102</v>
      </c>
      <c r="AB653" s="627"/>
      <c r="AC653" s="628"/>
      <c r="AD653" s="419">
        <v>2</v>
      </c>
      <c r="AE653" s="419" t="s">
        <v>103</v>
      </c>
      <c r="AF653" s="552" t="s">
        <v>109</v>
      </c>
      <c r="AG653" s="553"/>
      <c r="AH653" s="560"/>
      <c r="AI653" s="561"/>
      <c r="AJ653" s="562"/>
      <c r="AK653" s="333" t="s">
        <v>399</v>
      </c>
      <c r="AL653" s="38"/>
      <c r="AM653" s="54"/>
      <c r="AN653" s="13" t="str">
        <f t="shared" si="31"/>
        <v>■</v>
      </c>
    </row>
    <row r="654" spans="1:40" s="13" customFormat="1">
      <c r="A654" s="20" t="str">
        <f t="shared" si="29"/>
        <v>TR</v>
      </c>
      <c r="B654" s="20"/>
      <c r="C654" s="541">
        <v>22</v>
      </c>
      <c r="D654" s="542"/>
      <c r="E654" s="543" t="s">
        <v>409</v>
      </c>
      <c r="F654" s="544"/>
      <c r="G654" s="544"/>
      <c r="H654" s="544"/>
      <c r="I654" s="544"/>
      <c r="J654" s="544"/>
      <c r="K654" s="544"/>
      <c r="L654" s="544"/>
      <c r="M654" s="544"/>
      <c r="N654" s="544"/>
      <c r="O654" s="544"/>
      <c r="P654" s="544"/>
      <c r="Q654" s="544"/>
      <c r="R654" s="544"/>
      <c r="S654" s="544"/>
      <c r="T654" s="545"/>
      <c r="U654" s="221" t="s">
        <v>453</v>
      </c>
      <c r="V654" s="546" t="s">
        <v>107</v>
      </c>
      <c r="W654" s="547"/>
      <c r="X654" s="547"/>
      <c r="Y654" s="547"/>
      <c r="Z654" s="548"/>
      <c r="AA654" s="623" t="s">
        <v>102</v>
      </c>
      <c r="AB654" s="624"/>
      <c r="AC654" s="625"/>
      <c r="AD654" s="415">
        <v>6</v>
      </c>
      <c r="AE654" s="415" t="s">
        <v>103</v>
      </c>
      <c r="AF654" s="541"/>
      <c r="AG654" s="542"/>
      <c r="AH654" s="549"/>
      <c r="AI654" s="550"/>
      <c r="AJ654" s="551"/>
      <c r="AK654" s="265"/>
      <c r="AL654" s="38"/>
      <c r="AM654" s="54"/>
      <c r="AN654" s="13" t="str">
        <f t="shared" si="31"/>
        <v>■</v>
      </c>
    </row>
    <row r="655" spans="1:40" s="13" customFormat="1">
      <c r="A655" s="20" t="str">
        <f t="shared" si="29"/>
        <v>TR</v>
      </c>
      <c r="B655" s="20"/>
      <c r="C655" s="541">
        <v>23</v>
      </c>
      <c r="D655" s="542"/>
      <c r="E655" s="543" t="s">
        <v>411</v>
      </c>
      <c r="F655" s="544"/>
      <c r="G655" s="544"/>
      <c r="H655" s="544"/>
      <c r="I655" s="544"/>
      <c r="J655" s="544"/>
      <c r="K655" s="544"/>
      <c r="L655" s="544"/>
      <c r="M655" s="544"/>
      <c r="N655" s="544"/>
      <c r="O655" s="544"/>
      <c r="P655" s="544"/>
      <c r="Q655" s="544"/>
      <c r="R655" s="544"/>
      <c r="S655" s="544"/>
      <c r="T655" s="545"/>
      <c r="U655" s="221" t="s">
        <v>516</v>
      </c>
      <c r="V655" s="546" t="s">
        <v>107</v>
      </c>
      <c r="W655" s="547"/>
      <c r="X655" s="547"/>
      <c r="Y655" s="547"/>
      <c r="Z655" s="548"/>
      <c r="AA655" s="623" t="s">
        <v>102</v>
      </c>
      <c r="AB655" s="624"/>
      <c r="AC655" s="625"/>
      <c r="AD655" s="415">
        <v>6</v>
      </c>
      <c r="AE655" s="415" t="s">
        <v>103</v>
      </c>
      <c r="AF655" s="541"/>
      <c r="AG655" s="542"/>
      <c r="AH655" s="549"/>
      <c r="AI655" s="550"/>
      <c r="AJ655" s="551"/>
      <c r="AK655" s="265"/>
      <c r="AL655" s="29"/>
      <c r="AM655" s="54"/>
      <c r="AN655" s="13" t="str">
        <f t="shared" si="31"/>
        <v>■</v>
      </c>
    </row>
    <row r="656" spans="1:40" s="13" customFormat="1">
      <c r="A656" s="20" t="str">
        <f t="shared" si="29"/>
        <v>TR</v>
      </c>
      <c r="B656" s="20"/>
      <c r="C656" s="541">
        <v>24</v>
      </c>
      <c r="D656" s="542"/>
      <c r="E656" s="543" t="s">
        <v>970</v>
      </c>
      <c r="F656" s="544"/>
      <c r="G656" s="544"/>
      <c r="H656" s="544"/>
      <c r="I656" s="544"/>
      <c r="J656" s="544"/>
      <c r="K656" s="544"/>
      <c r="L656" s="544"/>
      <c r="M656" s="544"/>
      <c r="N656" s="544"/>
      <c r="O656" s="544"/>
      <c r="P656" s="544"/>
      <c r="Q656" s="544"/>
      <c r="R656" s="544"/>
      <c r="S656" s="544"/>
      <c r="T656" s="545"/>
      <c r="U656" s="221" t="s">
        <v>971</v>
      </c>
      <c r="V656" s="546" t="s">
        <v>107</v>
      </c>
      <c r="W656" s="547"/>
      <c r="X656" s="547"/>
      <c r="Y656" s="547"/>
      <c r="Z656" s="548"/>
      <c r="AA656" s="623" t="s">
        <v>102</v>
      </c>
      <c r="AB656" s="624"/>
      <c r="AC656" s="625"/>
      <c r="AD656" s="415">
        <v>1</v>
      </c>
      <c r="AE656" s="415" t="s">
        <v>103</v>
      </c>
      <c r="AF656" s="541"/>
      <c r="AG656" s="542"/>
      <c r="AH656" s="549"/>
      <c r="AI656" s="550"/>
      <c r="AJ656" s="551"/>
      <c r="AK656" s="265"/>
      <c r="AL656" s="48"/>
      <c r="AM656" s="54"/>
      <c r="AN656" s="13" t="str">
        <f t="shared" si="31"/>
        <v>■</v>
      </c>
    </row>
    <row r="657" spans="1:40" s="13" customFormat="1">
      <c r="A657" s="20" t="str">
        <f t="shared" si="29"/>
        <v>TR</v>
      </c>
      <c r="B657" s="20"/>
      <c r="C657" s="541">
        <v>25</v>
      </c>
      <c r="D657" s="542"/>
      <c r="E657" s="543" t="s">
        <v>976</v>
      </c>
      <c r="F657" s="544"/>
      <c r="G657" s="544"/>
      <c r="H657" s="544"/>
      <c r="I657" s="544"/>
      <c r="J657" s="544"/>
      <c r="K657" s="544"/>
      <c r="L657" s="544"/>
      <c r="M657" s="544"/>
      <c r="N657" s="544"/>
      <c r="O657" s="544"/>
      <c r="P657" s="544"/>
      <c r="Q657" s="544"/>
      <c r="R657" s="544"/>
      <c r="S657" s="544"/>
      <c r="T657" s="545"/>
      <c r="U657" s="221" t="s">
        <v>977</v>
      </c>
      <c r="V657" s="546" t="s">
        <v>107</v>
      </c>
      <c r="W657" s="547"/>
      <c r="X657" s="547"/>
      <c r="Y657" s="547"/>
      <c r="Z657" s="548"/>
      <c r="AA657" s="623" t="s">
        <v>108</v>
      </c>
      <c r="AB657" s="624"/>
      <c r="AC657" s="625"/>
      <c r="AD657" s="415">
        <v>2</v>
      </c>
      <c r="AE657" s="415">
        <v>0</v>
      </c>
      <c r="AF657" s="541"/>
      <c r="AG657" s="542"/>
      <c r="AH657" s="549"/>
      <c r="AI657" s="550"/>
      <c r="AJ657" s="551"/>
      <c r="AK657" s="265"/>
      <c r="AL657" s="37"/>
      <c r="AM657" s="54"/>
      <c r="AN657" s="13" t="str">
        <f t="shared" si="31"/>
        <v>■</v>
      </c>
    </row>
    <row r="658" spans="1:40" ht="13.4" customHeight="1">
      <c r="A658" s="20" t="str">
        <f t="shared" si="29"/>
        <v>TR</v>
      </c>
      <c r="B658" s="25"/>
      <c r="V658" s="238"/>
      <c r="W658" s="238"/>
      <c r="X658" s="238"/>
      <c r="Y658" s="238"/>
      <c r="Z658" s="238"/>
      <c r="AA658" s="629"/>
      <c r="AB658" s="629"/>
      <c r="AC658" s="629"/>
      <c r="AD658" s="238"/>
      <c r="AE658" s="238"/>
      <c r="AF658" s="238"/>
      <c r="AG658" s="238"/>
      <c r="AH658" s="238"/>
      <c r="AI658" s="238"/>
      <c r="AJ658" s="238"/>
      <c r="AK658" s="55"/>
      <c r="AL658" s="37"/>
      <c r="AM658" s="16"/>
    </row>
    <row r="659" spans="1:40" s="1" customFormat="1" ht="13.4" customHeight="1">
      <c r="A659" s="20" t="str">
        <f t="shared" si="29"/>
        <v>TS</v>
      </c>
      <c r="B659" s="20"/>
      <c r="C659" s="52" t="s">
        <v>380</v>
      </c>
      <c r="D659" s="53"/>
      <c r="E659" s="26"/>
      <c r="F659" s="26"/>
      <c r="G659" s="26"/>
      <c r="H659" s="26"/>
      <c r="I659" s="26"/>
      <c r="J659" s="26" t="s">
        <v>769</v>
      </c>
      <c r="K659" s="71"/>
      <c r="L659" s="26"/>
      <c r="M659" s="71"/>
      <c r="N659" s="26"/>
      <c r="O659" s="26"/>
      <c r="P659" s="26"/>
      <c r="Q659" s="26"/>
      <c r="R659" s="26"/>
      <c r="S659" s="26"/>
      <c r="T659" s="26"/>
      <c r="U659" s="26" t="s">
        <v>1104</v>
      </c>
      <c r="V659" s="122"/>
      <c r="W659" s="122"/>
      <c r="X659" s="122"/>
      <c r="Y659" s="122"/>
      <c r="Z659" s="122"/>
      <c r="AA659" s="630"/>
      <c r="AB659" s="630"/>
      <c r="AC659" s="630"/>
      <c r="AD659" s="122"/>
      <c r="AE659" s="122"/>
      <c r="AF659" s="122"/>
      <c r="AG659" s="122"/>
      <c r="AH659" s="122"/>
      <c r="AI659" s="122"/>
      <c r="AJ659" s="122"/>
      <c r="AK659" s="26"/>
      <c r="AL659" s="38"/>
      <c r="AM659" s="26"/>
    </row>
    <row r="660" spans="1:40" ht="13.5" customHeight="1">
      <c r="A660" s="20" t="str">
        <f t="shared" si="29"/>
        <v>TS</v>
      </c>
      <c r="B660" s="51"/>
      <c r="C660" s="583" t="s">
        <v>73</v>
      </c>
      <c r="D660" s="573"/>
      <c r="E660" s="583" t="s">
        <v>94</v>
      </c>
      <c r="F660" s="583"/>
      <c r="G660" s="583"/>
      <c r="H660" s="583"/>
      <c r="I660" s="583"/>
      <c r="J660" s="583"/>
      <c r="K660" s="583"/>
      <c r="L660" s="583"/>
      <c r="M660" s="583"/>
      <c r="N660" s="583"/>
      <c r="O660" s="583"/>
      <c r="P660" s="583"/>
      <c r="Q660" s="583"/>
      <c r="R660" s="583"/>
      <c r="S660" s="583"/>
      <c r="T660" s="583"/>
      <c r="U660" s="226" t="s">
        <v>383</v>
      </c>
      <c r="V660" s="572" t="s">
        <v>138</v>
      </c>
      <c r="W660" s="572"/>
      <c r="X660" s="572"/>
      <c r="Y660" s="572"/>
      <c r="Z660" s="572"/>
      <c r="AA660" s="575" t="s">
        <v>959</v>
      </c>
      <c r="AB660" s="576"/>
      <c r="AC660" s="577"/>
      <c r="AD660" s="572" t="s">
        <v>97</v>
      </c>
      <c r="AE660" s="572"/>
      <c r="AF660" s="572" t="s">
        <v>98</v>
      </c>
      <c r="AG660" s="572"/>
      <c r="AH660" s="583" t="s">
        <v>75</v>
      </c>
      <c r="AI660" s="583"/>
      <c r="AJ660" s="583"/>
      <c r="AK660" s="572" t="s">
        <v>159</v>
      </c>
      <c r="AL660" s="38"/>
      <c r="AM660" s="16"/>
    </row>
    <row r="661" spans="1:40" ht="13.4" customHeight="1">
      <c r="A661" s="20" t="str">
        <f t="shared" si="29"/>
        <v>TS</v>
      </c>
      <c r="B661" s="51"/>
      <c r="C661" s="573"/>
      <c r="D661" s="573"/>
      <c r="E661" s="583"/>
      <c r="F661" s="583"/>
      <c r="G661" s="583"/>
      <c r="H661" s="583"/>
      <c r="I661" s="583"/>
      <c r="J661" s="583"/>
      <c r="K661" s="583"/>
      <c r="L661" s="583"/>
      <c r="M661" s="583"/>
      <c r="N661" s="583"/>
      <c r="O661" s="583"/>
      <c r="P661" s="583"/>
      <c r="Q661" s="583"/>
      <c r="R661" s="583"/>
      <c r="S661" s="583"/>
      <c r="T661" s="583"/>
      <c r="U661" s="227"/>
      <c r="V661" s="572"/>
      <c r="W661" s="572"/>
      <c r="X661" s="572"/>
      <c r="Y661" s="572"/>
      <c r="Z661" s="572"/>
      <c r="AA661" s="578"/>
      <c r="AB661" s="579"/>
      <c r="AC661" s="580"/>
      <c r="AD661" s="572"/>
      <c r="AE661" s="572"/>
      <c r="AF661" s="572"/>
      <c r="AG661" s="572"/>
      <c r="AH661" s="583"/>
      <c r="AI661" s="583"/>
      <c r="AJ661" s="583"/>
      <c r="AK661" s="572"/>
      <c r="AL661" s="38"/>
      <c r="AM661" s="16"/>
    </row>
    <row r="662" spans="1:40" s="13" customFormat="1" ht="13.4" customHeight="1">
      <c r="A662" s="20" t="str">
        <f t="shared" si="29"/>
        <v>TS</v>
      </c>
      <c r="B662" s="20"/>
      <c r="C662" s="541">
        <v>1</v>
      </c>
      <c r="D662" s="542"/>
      <c r="E662" s="563" t="s">
        <v>440</v>
      </c>
      <c r="F662" s="564"/>
      <c r="G662" s="564"/>
      <c r="H662" s="564"/>
      <c r="I662" s="564"/>
      <c r="J662" s="564"/>
      <c r="K662" s="564"/>
      <c r="L662" s="564"/>
      <c r="M662" s="564"/>
      <c r="N662" s="564"/>
      <c r="O662" s="564"/>
      <c r="P662" s="564"/>
      <c r="Q662" s="564"/>
      <c r="R662" s="564"/>
      <c r="S662" s="564"/>
      <c r="T662" s="565"/>
      <c r="U662" s="219" t="s">
        <v>441</v>
      </c>
      <c r="V662" s="546" t="s">
        <v>101</v>
      </c>
      <c r="W662" s="547"/>
      <c r="X662" s="547"/>
      <c r="Y662" s="547"/>
      <c r="Z662" s="548"/>
      <c r="AA662" s="623" t="s">
        <v>102</v>
      </c>
      <c r="AB662" s="624"/>
      <c r="AC662" s="625"/>
      <c r="AD662" s="415">
        <v>10</v>
      </c>
      <c r="AE662" s="415" t="s">
        <v>103</v>
      </c>
      <c r="AF662" s="541"/>
      <c r="AG662" s="542"/>
      <c r="AH662" s="549"/>
      <c r="AI662" s="550"/>
      <c r="AJ662" s="551"/>
      <c r="AK662" s="332"/>
      <c r="AL662" s="38"/>
      <c r="AM662" s="54"/>
      <c r="AN662" s="13" t="str">
        <f>$M$22</f>
        <v>■</v>
      </c>
    </row>
    <row r="663" spans="1:40" s="13" customFormat="1" ht="13.4" customHeight="1">
      <c r="A663" s="20" t="str">
        <f t="shared" si="29"/>
        <v>TS</v>
      </c>
      <c r="B663" s="20"/>
      <c r="C663" s="541">
        <v>2</v>
      </c>
      <c r="D663" s="542"/>
      <c r="E663" s="563" t="s">
        <v>442</v>
      </c>
      <c r="F663" s="564"/>
      <c r="G663" s="564"/>
      <c r="H663" s="564"/>
      <c r="I663" s="564"/>
      <c r="J663" s="564"/>
      <c r="K663" s="564"/>
      <c r="L663" s="564"/>
      <c r="M663" s="564"/>
      <c r="N663" s="564"/>
      <c r="O663" s="564"/>
      <c r="P663" s="564"/>
      <c r="Q663" s="564"/>
      <c r="R663" s="564"/>
      <c r="S663" s="564"/>
      <c r="T663" s="565"/>
      <c r="U663" s="219" t="s">
        <v>443</v>
      </c>
      <c r="V663" s="546" t="s">
        <v>101</v>
      </c>
      <c r="W663" s="547"/>
      <c r="X663" s="547"/>
      <c r="Y663" s="547"/>
      <c r="Z663" s="548"/>
      <c r="AA663" s="623" t="s">
        <v>102</v>
      </c>
      <c r="AB663" s="624"/>
      <c r="AC663" s="625"/>
      <c r="AD663" s="415">
        <v>51</v>
      </c>
      <c r="AE663" s="415" t="s">
        <v>103</v>
      </c>
      <c r="AF663" s="541"/>
      <c r="AG663" s="542"/>
      <c r="AH663" s="549"/>
      <c r="AI663" s="550"/>
      <c r="AJ663" s="551"/>
      <c r="AK663" s="332"/>
      <c r="AL663" s="38"/>
      <c r="AM663" s="54"/>
      <c r="AN663" s="13" t="str">
        <f t="shared" ref="AN663:AN674" si="32">$M$22</f>
        <v>■</v>
      </c>
    </row>
    <row r="664" spans="1:40" s="13" customFormat="1" ht="13.4" customHeight="1">
      <c r="A664" s="20" t="str">
        <f t="shared" si="29"/>
        <v>TS</v>
      </c>
      <c r="B664" s="20"/>
      <c r="C664" s="552">
        <v>3</v>
      </c>
      <c r="D664" s="553"/>
      <c r="E664" s="566" t="s">
        <v>106</v>
      </c>
      <c r="F664" s="567"/>
      <c r="G664" s="567"/>
      <c r="H664" s="567"/>
      <c r="I664" s="567"/>
      <c r="J664" s="567"/>
      <c r="K664" s="567"/>
      <c r="L664" s="567"/>
      <c r="M664" s="567"/>
      <c r="N664" s="567"/>
      <c r="O664" s="567"/>
      <c r="P664" s="567"/>
      <c r="Q664" s="567"/>
      <c r="R664" s="567"/>
      <c r="S664" s="567"/>
      <c r="T664" s="568"/>
      <c r="U664" s="220" t="s">
        <v>444</v>
      </c>
      <c r="V664" s="557" t="s">
        <v>107</v>
      </c>
      <c r="W664" s="558"/>
      <c r="X664" s="558"/>
      <c r="Y664" s="558"/>
      <c r="Z664" s="559"/>
      <c r="AA664" s="626" t="s">
        <v>108</v>
      </c>
      <c r="AB664" s="627"/>
      <c r="AC664" s="628"/>
      <c r="AD664" s="419">
        <v>1</v>
      </c>
      <c r="AE664" s="419">
        <v>0</v>
      </c>
      <c r="AF664" s="552" t="s">
        <v>109</v>
      </c>
      <c r="AG664" s="553"/>
      <c r="AH664" s="560"/>
      <c r="AI664" s="561"/>
      <c r="AJ664" s="562"/>
      <c r="AK664" s="333" t="s">
        <v>416</v>
      </c>
      <c r="AL664" s="38"/>
      <c r="AM664" s="54"/>
      <c r="AN664" s="13" t="str">
        <f t="shared" si="32"/>
        <v>■</v>
      </c>
    </row>
    <row r="665" spans="1:40" s="13" customFormat="1" ht="13.4" customHeight="1">
      <c r="A665" s="20" t="str">
        <f t="shared" si="29"/>
        <v>TS</v>
      </c>
      <c r="B665" s="20"/>
      <c r="C665" s="541">
        <v>4</v>
      </c>
      <c r="D665" s="542"/>
      <c r="E665" s="563" t="s">
        <v>110</v>
      </c>
      <c r="F665" s="564"/>
      <c r="G665" s="564"/>
      <c r="H665" s="564"/>
      <c r="I665" s="564"/>
      <c r="J665" s="564"/>
      <c r="K665" s="564"/>
      <c r="L665" s="564"/>
      <c r="M665" s="564"/>
      <c r="N665" s="564"/>
      <c r="O665" s="564"/>
      <c r="P665" s="564"/>
      <c r="Q665" s="564"/>
      <c r="R665" s="564"/>
      <c r="S665" s="564"/>
      <c r="T665" s="565"/>
      <c r="U665" s="221" t="s">
        <v>445</v>
      </c>
      <c r="V665" s="546" t="s">
        <v>107</v>
      </c>
      <c r="W665" s="547"/>
      <c r="X665" s="547"/>
      <c r="Y665" s="547"/>
      <c r="Z665" s="548"/>
      <c r="AA665" s="623" t="s">
        <v>108</v>
      </c>
      <c r="AB665" s="624"/>
      <c r="AC665" s="625"/>
      <c r="AD665" s="415">
        <v>1</v>
      </c>
      <c r="AE665" s="415">
        <v>0</v>
      </c>
      <c r="AF665" s="541"/>
      <c r="AG665" s="542"/>
      <c r="AH665" s="549"/>
      <c r="AI665" s="550"/>
      <c r="AJ665" s="551"/>
      <c r="AK665" s="332"/>
      <c r="AL665" s="38"/>
      <c r="AM665" s="54"/>
      <c r="AN665" s="13" t="str">
        <f t="shared" si="32"/>
        <v>■</v>
      </c>
    </row>
    <row r="666" spans="1:40" s="13" customFormat="1" ht="13.4" customHeight="1">
      <c r="A666" s="20" t="str">
        <f t="shared" si="29"/>
        <v>TS</v>
      </c>
      <c r="B666" s="20"/>
      <c r="C666" s="541">
        <v>5</v>
      </c>
      <c r="D666" s="542"/>
      <c r="E666" s="543" t="s">
        <v>80</v>
      </c>
      <c r="F666" s="544"/>
      <c r="G666" s="544"/>
      <c r="H666" s="544"/>
      <c r="I666" s="544"/>
      <c r="J666" s="544"/>
      <c r="K666" s="544"/>
      <c r="L666" s="544"/>
      <c r="M666" s="544"/>
      <c r="N666" s="544"/>
      <c r="O666" s="544"/>
      <c r="P666" s="544"/>
      <c r="Q666" s="544"/>
      <c r="R666" s="544"/>
      <c r="S666" s="544"/>
      <c r="T666" s="545"/>
      <c r="U666" s="221" t="s">
        <v>446</v>
      </c>
      <c r="V666" s="546" t="s">
        <v>101</v>
      </c>
      <c r="W666" s="547"/>
      <c r="X666" s="547"/>
      <c r="Y666" s="547"/>
      <c r="Z666" s="548"/>
      <c r="AA666" s="623" t="s">
        <v>102</v>
      </c>
      <c r="AB666" s="624"/>
      <c r="AC666" s="625"/>
      <c r="AD666" s="415">
        <v>2</v>
      </c>
      <c r="AE666" s="415" t="s">
        <v>103</v>
      </c>
      <c r="AF666" s="541"/>
      <c r="AG666" s="542"/>
      <c r="AH666" s="549"/>
      <c r="AI666" s="550"/>
      <c r="AJ666" s="551"/>
      <c r="AK666" s="332"/>
      <c r="AL666" s="38"/>
      <c r="AM666" s="54"/>
      <c r="AN666" s="13" t="str">
        <f t="shared" si="32"/>
        <v>■</v>
      </c>
    </row>
    <row r="667" spans="1:40" s="13" customFormat="1" ht="13.4" customHeight="1">
      <c r="A667" s="20" t="str">
        <f t="shared" si="29"/>
        <v>TS</v>
      </c>
      <c r="B667" s="20"/>
      <c r="C667" s="541">
        <v>6</v>
      </c>
      <c r="D667" s="542"/>
      <c r="E667" s="543" t="s">
        <v>551</v>
      </c>
      <c r="F667" s="544"/>
      <c r="G667" s="544"/>
      <c r="H667" s="544"/>
      <c r="I667" s="544"/>
      <c r="J667" s="544"/>
      <c r="K667" s="544"/>
      <c r="L667" s="544"/>
      <c r="M667" s="544"/>
      <c r="N667" s="544"/>
      <c r="O667" s="544"/>
      <c r="P667" s="544"/>
      <c r="Q667" s="544"/>
      <c r="R667" s="544"/>
      <c r="S667" s="544"/>
      <c r="T667" s="545"/>
      <c r="U667" s="221" t="s">
        <v>552</v>
      </c>
      <c r="V667" s="546" t="s">
        <v>107</v>
      </c>
      <c r="W667" s="547"/>
      <c r="X667" s="547"/>
      <c r="Y667" s="547"/>
      <c r="Z667" s="548"/>
      <c r="AA667" s="623" t="s">
        <v>108</v>
      </c>
      <c r="AB667" s="624"/>
      <c r="AC667" s="625"/>
      <c r="AD667" s="415">
        <v>2</v>
      </c>
      <c r="AE667" s="415">
        <v>0</v>
      </c>
      <c r="AF667" s="541"/>
      <c r="AG667" s="542"/>
      <c r="AH667" s="549"/>
      <c r="AI667" s="550"/>
      <c r="AJ667" s="551"/>
      <c r="AK667" s="332"/>
      <c r="AL667" s="38"/>
      <c r="AM667" s="54"/>
      <c r="AN667" s="13" t="str">
        <f t="shared" si="32"/>
        <v>■</v>
      </c>
    </row>
    <row r="668" spans="1:40" s="13" customFormat="1" ht="13.4" customHeight="1">
      <c r="A668" s="20" t="str">
        <f t="shared" si="29"/>
        <v>TS</v>
      </c>
      <c r="B668" s="20"/>
      <c r="C668" s="541">
        <v>7</v>
      </c>
      <c r="D668" s="542"/>
      <c r="E668" s="543" t="s">
        <v>553</v>
      </c>
      <c r="F668" s="544"/>
      <c r="G668" s="544"/>
      <c r="H668" s="544"/>
      <c r="I668" s="544"/>
      <c r="J668" s="544"/>
      <c r="K668" s="544"/>
      <c r="L668" s="544"/>
      <c r="M668" s="544"/>
      <c r="N668" s="544"/>
      <c r="O668" s="544"/>
      <c r="P668" s="544"/>
      <c r="Q668" s="544"/>
      <c r="R668" s="544"/>
      <c r="S668" s="544"/>
      <c r="T668" s="545"/>
      <c r="U668" s="221" t="s">
        <v>554</v>
      </c>
      <c r="V668" s="546" t="s">
        <v>107</v>
      </c>
      <c r="W668" s="547"/>
      <c r="X668" s="547"/>
      <c r="Y668" s="547"/>
      <c r="Z668" s="548"/>
      <c r="AA668" s="623" t="s">
        <v>108</v>
      </c>
      <c r="AB668" s="624"/>
      <c r="AC668" s="625"/>
      <c r="AD668" s="415">
        <v>8</v>
      </c>
      <c r="AE668" s="415">
        <v>0</v>
      </c>
      <c r="AF668" s="541"/>
      <c r="AG668" s="542"/>
      <c r="AH668" s="549"/>
      <c r="AI668" s="550"/>
      <c r="AJ668" s="551"/>
      <c r="AK668" s="332"/>
      <c r="AL668" s="38"/>
      <c r="AM668" s="54"/>
      <c r="AN668" s="13" t="str">
        <f t="shared" si="32"/>
        <v>■</v>
      </c>
    </row>
    <row r="669" spans="1:40" s="13" customFormat="1" ht="13.4" customHeight="1">
      <c r="A669" s="20" t="str">
        <f t="shared" si="29"/>
        <v>TS</v>
      </c>
      <c r="B669" s="20"/>
      <c r="C669" s="541">
        <v>8</v>
      </c>
      <c r="D669" s="542"/>
      <c r="E669" s="543" t="s">
        <v>556</v>
      </c>
      <c r="F669" s="544"/>
      <c r="G669" s="544"/>
      <c r="H669" s="544"/>
      <c r="I669" s="544"/>
      <c r="J669" s="544"/>
      <c r="K669" s="544"/>
      <c r="L669" s="544"/>
      <c r="M669" s="544"/>
      <c r="N669" s="544"/>
      <c r="O669" s="544"/>
      <c r="P669" s="544"/>
      <c r="Q669" s="544"/>
      <c r="R669" s="544"/>
      <c r="S669" s="544"/>
      <c r="T669" s="545"/>
      <c r="U669" s="221" t="s">
        <v>557</v>
      </c>
      <c r="V669" s="546" t="s">
        <v>107</v>
      </c>
      <c r="W669" s="547"/>
      <c r="X669" s="547"/>
      <c r="Y669" s="547"/>
      <c r="Z669" s="548"/>
      <c r="AA669" s="623" t="s">
        <v>108</v>
      </c>
      <c r="AB669" s="624"/>
      <c r="AC669" s="625"/>
      <c r="AD669" s="415">
        <v>2</v>
      </c>
      <c r="AE669" s="415">
        <v>0</v>
      </c>
      <c r="AF669" s="541"/>
      <c r="AG669" s="542"/>
      <c r="AH669" s="549"/>
      <c r="AI669" s="550"/>
      <c r="AJ669" s="551"/>
      <c r="AK669" s="332"/>
      <c r="AL669" s="38"/>
      <c r="AM669" s="54"/>
      <c r="AN669" s="13" t="str">
        <f t="shared" si="32"/>
        <v>■</v>
      </c>
    </row>
    <row r="670" spans="1:40" s="13" customFormat="1" ht="13.4" customHeight="1">
      <c r="A670" s="20" t="str">
        <f t="shared" si="29"/>
        <v>TS</v>
      </c>
      <c r="B670" s="20"/>
      <c r="C670" s="541">
        <v>9</v>
      </c>
      <c r="D670" s="542"/>
      <c r="E670" s="543" t="s">
        <v>558</v>
      </c>
      <c r="F670" s="544"/>
      <c r="G670" s="544"/>
      <c r="H670" s="544"/>
      <c r="I670" s="544"/>
      <c r="J670" s="544"/>
      <c r="K670" s="544"/>
      <c r="L670" s="544"/>
      <c r="M670" s="544"/>
      <c r="N670" s="544"/>
      <c r="O670" s="544"/>
      <c r="P670" s="544"/>
      <c r="Q670" s="544"/>
      <c r="R670" s="544"/>
      <c r="S670" s="544"/>
      <c r="T670" s="545"/>
      <c r="U670" s="221" t="s">
        <v>559</v>
      </c>
      <c r="V670" s="546" t="s">
        <v>107</v>
      </c>
      <c r="W670" s="547"/>
      <c r="X670" s="547"/>
      <c r="Y670" s="547"/>
      <c r="Z670" s="548"/>
      <c r="AA670" s="623" t="s">
        <v>108</v>
      </c>
      <c r="AB670" s="624"/>
      <c r="AC670" s="625"/>
      <c r="AD670" s="415">
        <v>8</v>
      </c>
      <c r="AE670" s="415">
        <v>0</v>
      </c>
      <c r="AF670" s="541"/>
      <c r="AG670" s="542"/>
      <c r="AH670" s="549"/>
      <c r="AI670" s="550"/>
      <c r="AJ670" s="551"/>
      <c r="AK670" s="332"/>
      <c r="AL670" s="38"/>
      <c r="AM670" s="54"/>
      <c r="AN670" s="13" t="str">
        <f t="shared" si="32"/>
        <v>■</v>
      </c>
    </row>
    <row r="671" spans="1:40" s="13" customFormat="1" ht="13.4" customHeight="1">
      <c r="A671" s="20" t="str">
        <f t="shared" si="29"/>
        <v>TS</v>
      </c>
      <c r="B671" s="20"/>
      <c r="C671" s="541">
        <v>10</v>
      </c>
      <c r="D671" s="542"/>
      <c r="E671" s="543" t="s">
        <v>409</v>
      </c>
      <c r="F671" s="544"/>
      <c r="G671" s="544"/>
      <c r="H671" s="544"/>
      <c r="I671" s="544"/>
      <c r="J671" s="544"/>
      <c r="K671" s="544"/>
      <c r="L671" s="544"/>
      <c r="M671" s="544"/>
      <c r="N671" s="544"/>
      <c r="O671" s="544"/>
      <c r="P671" s="544"/>
      <c r="Q671" s="544"/>
      <c r="R671" s="544"/>
      <c r="S671" s="544"/>
      <c r="T671" s="545"/>
      <c r="U671" s="225" t="s">
        <v>453</v>
      </c>
      <c r="V671" s="546" t="s">
        <v>107</v>
      </c>
      <c r="W671" s="547"/>
      <c r="X671" s="547"/>
      <c r="Y671" s="547"/>
      <c r="Z671" s="548"/>
      <c r="AA671" s="623" t="s">
        <v>102</v>
      </c>
      <c r="AB671" s="624"/>
      <c r="AC671" s="625"/>
      <c r="AD671" s="415">
        <v>6</v>
      </c>
      <c r="AE671" s="415" t="s">
        <v>103</v>
      </c>
      <c r="AF671" s="541"/>
      <c r="AG671" s="542"/>
      <c r="AH671" s="549"/>
      <c r="AI671" s="550"/>
      <c r="AJ671" s="551"/>
      <c r="AK671" s="332"/>
      <c r="AL671" s="38"/>
      <c r="AM671" s="54"/>
      <c r="AN671" s="13" t="str">
        <f t="shared" si="32"/>
        <v>■</v>
      </c>
    </row>
    <row r="672" spans="1:40" s="13" customFormat="1" ht="13.4" customHeight="1">
      <c r="A672" s="20" t="str">
        <f t="shared" si="29"/>
        <v>TS</v>
      </c>
      <c r="B672" s="20"/>
      <c r="C672" s="541">
        <v>11</v>
      </c>
      <c r="D672" s="542"/>
      <c r="E672" s="543" t="s">
        <v>411</v>
      </c>
      <c r="F672" s="544"/>
      <c r="G672" s="544"/>
      <c r="H672" s="544"/>
      <c r="I672" s="544"/>
      <c r="J672" s="544"/>
      <c r="K672" s="544"/>
      <c r="L672" s="544"/>
      <c r="M672" s="544"/>
      <c r="N672" s="544"/>
      <c r="O672" s="544"/>
      <c r="P672" s="544"/>
      <c r="Q672" s="544"/>
      <c r="R672" s="544"/>
      <c r="S672" s="544"/>
      <c r="T672" s="545"/>
      <c r="U672" s="221" t="s">
        <v>516</v>
      </c>
      <c r="V672" s="546" t="s">
        <v>107</v>
      </c>
      <c r="W672" s="547"/>
      <c r="X672" s="547"/>
      <c r="Y672" s="547"/>
      <c r="Z672" s="548"/>
      <c r="AA672" s="623" t="s">
        <v>102</v>
      </c>
      <c r="AB672" s="624"/>
      <c r="AC672" s="625"/>
      <c r="AD672" s="415">
        <v>6</v>
      </c>
      <c r="AE672" s="415" t="s">
        <v>103</v>
      </c>
      <c r="AF672" s="541"/>
      <c r="AG672" s="542"/>
      <c r="AH672" s="549"/>
      <c r="AI672" s="550"/>
      <c r="AJ672" s="551"/>
      <c r="AK672" s="332"/>
      <c r="AL672" s="29"/>
      <c r="AM672" s="54"/>
      <c r="AN672" s="13" t="str">
        <f t="shared" si="32"/>
        <v>■</v>
      </c>
    </row>
    <row r="673" spans="1:40" s="13" customFormat="1" ht="13.4" customHeight="1">
      <c r="A673" s="20" t="str">
        <f t="shared" si="29"/>
        <v>TS</v>
      </c>
      <c r="B673" s="20"/>
      <c r="C673" s="541">
        <v>12</v>
      </c>
      <c r="D673" s="542"/>
      <c r="E673" s="543" t="s">
        <v>970</v>
      </c>
      <c r="F673" s="544"/>
      <c r="G673" s="544"/>
      <c r="H673" s="544"/>
      <c r="I673" s="544"/>
      <c r="J673" s="544"/>
      <c r="K673" s="544"/>
      <c r="L673" s="544"/>
      <c r="M673" s="544"/>
      <c r="N673" s="544"/>
      <c r="O673" s="544"/>
      <c r="P673" s="544"/>
      <c r="Q673" s="544"/>
      <c r="R673" s="544"/>
      <c r="S673" s="544"/>
      <c r="T673" s="545"/>
      <c r="U673" s="221" t="s">
        <v>971</v>
      </c>
      <c r="V673" s="546" t="s">
        <v>107</v>
      </c>
      <c r="W673" s="547"/>
      <c r="X673" s="547"/>
      <c r="Y673" s="547"/>
      <c r="Z673" s="548"/>
      <c r="AA673" s="623" t="s">
        <v>102</v>
      </c>
      <c r="AB673" s="624"/>
      <c r="AC673" s="625"/>
      <c r="AD673" s="415">
        <v>1</v>
      </c>
      <c r="AE673" s="415" t="s">
        <v>103</v>
      </c>
      <c r="AF673" s="541"/>
      <c r="AG673" s="542"/>
      <c r="AH673" s="549"/>
      <c r="AI673" s="550"/>
      <c r="AJ673" s="551"/>
      <c r="AK673" s="332"/>
      <c r="AL673" s="48"/>
      <c r="AM673" s="54"/>
      <c r="AN673" s="13" t="str">
        <f t="shared" si="32"/>
        <v>■</v>
      </c>
    </row>
    <row r="674" spans="1:40" s="13" customFormat="1" ht="13.4" customHeight="1">
      <c r="A674" s="20" t="str">
        <f t="shared" si="29"/>
        <v>TS</v>
      </c>
      <c r="B674" s="20"/>
      <c r="C674" s="541">
        <v>13</v>
      </c>
      <c r="D674" s="542"/>
      <c r="E674" s="543" t="s">
        <v>976</v>
      </c>
      <c r="F674" s="544"/>
      <c r="G674" s="544"/>
      <c r="H674" s="544"/>
      <c r="I674" s="544"/>
      <c r="J674" s="544"/>
      <c r="K674" s="544"/>
      <c r="L674" s="544"/>
      <c r="M674" s="544"/>
      <c r="N674" s="544"/>
      <c r="O674" s="544"/>
      <c r="P674" s="544"/>
      <c r="Q674" s="544"/>
      <c r="R674" s="544"/>
      <c r="S674" s="544"/>
      <c r="T674" s="545"/>
      <c r="U674" s="221" t="s">
        <v>977</v>
      </c>
      <c r="V674" s="546" t="s">
        <v>107</v>
      </c>
      <c r="W674" s="547"/>
      <c r="X674" s="547"/>
      <c r="Y674" s="547"/>
      <c r="Z674" s="548"/>
      <c r="AA674" s="623" t="s">
        <v>108</v>
      </c>
      <c r="AB674" s="624"/>
      <c r="AC674" s="625"/>
      <c r="AD674" s="415">
        <v>2</v>
      </c>
      <c r="AE674" s="415">
        <v>0</v>
      </c>
      <c r="AF674" s="541"/>
      <c r="AG674" s="542"/>
      <c r="AH674" s="549"/>
      <c r="AI674" s="550"/>
      <c r="AJ674" s="551"/>
      <c r="AK674" s="332"/>
      <c r="AL674" s="37"/>
      <c r="AM674" s="54"/>
      <c r="AN674" s="13" t="str">
        <f t="shared" si="32"/>
        <v>■</v>
      </c>
    </row>
    <row r="675" spans="1:40" ht="13.4" customHeight="1">
      <c r="A675" s="20" t="str">
        <f t="shared" ref="A675:A738" si="33">IF(LEN(J675)&gt;0,MID(J675,FIND("（",J675,1)+1,2),A674)</f>
        <v>TS</v>
      </c>
      <c r="B675" s="25"/>
      <c r="V675" s="238"/>
      <c r="W675" s="238"/>
      <c r="X675" s="238"/>
      <c r="Y675" s="238"/>
      <c r="Z675" s="238"/>
      <c r="AA675" s="629"/>
      <c r="AB675" s="629"/>
      <c r="AC675" s="629"/>
      <c r="AD675" s="238"/>
      <c r="AE675" s="238"/>
      <c r="AF675" s="238"/>
      <c r="AG675" s="238"/>
      <c r="AH675" s="238"/>
      <c r="AI675" s="238"/>
      <c r="AJ675" s="238"/>
      <c r="AK675" s="55"/>
      <c r="AL675" s="37"/>
      <c r="AM675" s="16"/>
    </row>
    <row r="676" spans="1:40" s="1" customFormat="1" ht="13.4" customHeight="1">
      <c r="A676" s="20" t="str">
        <f t="shared" si="33"/>
        <v>CD</v>
      </c>
      <c r="B676" s="20"/>
      <c r="C676" s="52" t="s">
        <v>380</v>
      </c>
      <c r="D676" s="53"/>
      <c r="E676" s="26"/>
      <c r="F676" s="26"/>
      <c r="G676" s="26"/>
      <c r="H676" s="26"/>
      <c r="I676" s="26"/>
      <c r="J676" s="26" t="s">
        <v>1105</v>
      </c>
      <c r="K676" s="71"/>
      <c r="L676" s="26"/>
      <c r="M676" s="71"/>
      <c r="N676" s="26"/>
      <c r="O676" s="26"/>
      <c r="P676" s="26"/>
      <c r="Q676" s="26"/>
      <c r="R676" s="26"/>
      <c r="S676" s="26"/>
      <c r="T676" s="26"/>
      <c r="U676" s="26" t="s">
        <v>1106</v>
      </c>
      <c r="V676" s="122"/>
      <c r="W676" s="122"/>
      <c r="X676" s="122"/>
      <c r="Y676" s="122"/>
      <c r="Z676" s="122"/>
      <c r="AA676" s="630"/>
      <c r="AB676" s="630"/>
      <c r="AC676" s="630"/>
      <c r="AD676" s="122"/>
      <c r="AE676" s="122"/>
      <c r="AF676" s="122"/>
      <c r="AG676" s="122"/>
      <c r="AH676" s="122"/>
      <c r="AI676" s="122"/>
      <c r="AJ676" s="122"/>
      <c r="AK676" s="26"/>
      <c r="AL676" s="38"/>
      <c r="AM676" s="26"/>
    </row>
    <row r="677" spans="1:40" ht="13.5" customHeight="1">
      <c r="A677" s="20" t="str">
        <f t="shared" si="33"/>
        <v>CD</v>
      </c>
      <c r="B677" s="51"/>
      <c r="C677" s="583" t="s">
        <v>73</v>
      </c>
      <c r="D677" s="573"/>
      <c r="E677" s="583" t="s">
        <v>94</v>
      </c>
      <c r="F677" s="583"/>
      <c r="G677" s="583"/>
      <c r="H677" s="583"/>
      <c r="I677" s="583"/>
      <c r="J677" s="583"/>
      <c r="K677" s="583"/>
      <c r="L677" s="583"/>
      <c r="M677" s="583"/>
      <c r="N677" s="583"/>
      <c r="O677" s="583"/>
      <c r="P677" s="583"/>
      <c r="Q677" s="583"/>
      <c r="R677" s="583"/>
      <c r="S677" s="583"/>
      <c r="T677" s="583"/>
      <c r="U677" s="226" t="s">
        <v>383</v>
      </c>
      <c r="V677" s="572" t="s">
        <v>138</v>
      </c>
      <c r="W677" s="572"/>
      <c r="X677" s="572"/>
      <c r="Y677" s="572"/>
      <c r="Z677" s="572"/>
      <c r="AA677" s="575" t="s">
        <v>959</v>
      </c>
      <c r="AB677" s="576"/>
      <c r="AC677" s="577"/>
      <c r="AD677" s="572" t="s">
        <v>97</v>
      </c>
      <c r="AE677" s="572"/>
      <c r="AF677" s="572" t="s">
        <v>98</v>
      </c>
      <c r="AG677" s="572"/>
      <c r="AH677" s="583" t="s">
        <v>75</v>
      </c>
      <c r="AI677" s="583"/>
      <c r="AJ677" s="583"/>
      <c r="AK677" s="621" t="s">
        <v>159</v>
      </c>
      <c r="AL677" s="38"/>
      <c r="AM677" s="16"/>
    </row>
    <row r="678" spans="1:40" ht="13.4" customHeight="1">
      <c r="A678" s="20" t="str">
        <f t="shared" si="33"/>
        <v>CD</v>
      </c>
      <c r="B678" s="51"/>
      <c r="C678" s="573"/>
      <c r="D678" s="573"/>
      <c r="E678" s="583"/>
      <c r="F678" s="583"/>
      <c r="G678" s="583"/>
      <c r="H678" s="583"/>
      <c r="I678" s="583"/>
      <c r="J678" s="583"/>
      <c r="K678" s="583"/>
      <c r="L678" s="583"/>
      <c r="M678" s="583"/>
      <c r="N678" s="583"/>
      <c r="O678" s="583"/>
      <c r="P678" s="583"/>
      <c r="Q678" s="583"/>
      <c r="R678" s="583"/>
      <c r="S678" s="583"/>
      <c r="T678" s="583"/>
      <c r="U678" s="227"/>
      <c r="V678" s="572"/>
      <c r="W678" s="572"/>
      <c r="X678" s="572"/>
      <c r="Y678" s="572"/>
      <c r="Z678" s="572"/>
      <c r="AA678" s="578"/>
      <c r="AB678" s="579"/>
      <c r="AC678" s="580"/>
      <c r="AD678" s="572"/>
      <c r="AE678" s="572"/>
      <c r="AF678" s="572"/>
      <c r="AG678" s="572"/>
      <c r="AH678" s="583"/>
      <c r="AI678" s="583"/>
      <c r="AJ678" s="583"/>
      <c r="AK678" s="622"/>
      <c r="AL678" s="38"/>
      <c r="AM678" s="16"/>
    </row>
    <row r="679" spans="1:40" s="13" customFormat="1" ht="13.4" customHeight="1">
      <c r="A679" s="20" t="str">
        <f t="shared" si="33"/>
        <v>CD</v>
      </c>
      <c r="B679" s="20"/>
      <c r="C679" s="541">
        <v>1</v>
      </c>
      <c r="D679" s="542"/>
      <c r="E679" s="563" t="s">
        <v>440</v>
      </c>
      <c r="F679" s="564"/>
      <c r="G679" s="564"/>
      <c r="H679" s="564"/>
      <c r="I679" s="564"/>
      <c r="J679" s="564"/>
      <c r="K679" s="564"/>
      <c r="L679" s="564"/>
      <c r="M679" s="564"/>
      <c r="N679" s="564"/>
      <c r="O679" s="564"/>
      <c r="P679" s="564"/>
      <c r="Q679" s="564"/>
      <c r="R679" s="564"/>
      <c r="S679" s="564"/>
      <c r="T679" s="565"/>
      <c r="U679" s="219" t="s">
        <v>441</v>
      </c>
      <c r="V679" s="546" t="s">
        <v>101</v>
      </c>
      <c r="W679" s="547"/>
      <c r="X679" s="547"/>
      <c r="Y679" s="547"/>
      <c r="Z679" s="548"/>
      <c r="AA679" s="623" t="s">
        <v>102</v>
      </c>
      <c r="AB679" s="624"/>
      <c r="AC679" s="625"/>
      <c r="AD679" s="415">
        <v>10</v>
      </c>
      <c r="AE679" s="415" t="s">
        <v>103</v>
      </c>
      <c r="AF679" s="541"/>
      <c r="AG679" s="542"/>
      <c r="AH679" s="549"/>
      <c r="AI679" s="550"/>
      <c r="AJ679" s="551"/>
      <c r="AK679" s="343"/>
      <c r="AL679" s="38"/>
      <c r="AM679" s="54"/>
      <c r="AN679" s="13" t="str">
        <f>$P$22</f>
        <v>■</v>
      </c>
    </row>
    <row r="680" spans="1:40" s="13" customFormat="1" ht="13.4" customHeight="1">
      <c r="A680" s="20" t="str">
        <f t="shared" si="33"/>
        <v>CD</v>
      </c>
      <c r="B680" s="20"/>
      <c r="C680" s="541">
        <v>2</v>
      </c>
      <c r="D680" s="542"/>
      <c r="E680" s="563" t="s">
        <v>442</v>
      </c>
      <c r="F680" s="564"/>
      <c r="G680" s="564"/>
      <c r="H680" s="564"/>
      <c r="I680" s="564"/>
      <c r="J680" s="564"/>
      <c r="K680" s="564"/>
      <c r="L680" s="564"/>
      <c r="M680" s="564"/>
      <c r="N680" s="564"/>
      <c r="O680" s="564"/>
      <c r="P680" s="564"/>
      <c r="Q680" s="564"/>
      <c r="R680" s="564"/>
      <c r="S680" s="564"/>
      <c r="T680" s="565"/>
      <c r="U680" s="219" t="s">
        <v>443</v>
      </c>
      <c r="V680" s="546" t="s">
        <v>101</v>
      </c>
      <c r="W680" s="547"/>
      <c r="X680" s="547"/>
      <c r="Y680" s="547"/>
      <c r="Z680" s="548"/>
      <c r="AA680" s="623" t="s">
        <v>102</v>
      </c>
      <c r="AB680" s="624"/>
      <c r="AC680" s="625"/>
      <c r="AD680" s="415">
        <v>51</v>
      </c>
      <c r="AE680" s="415" t="s">
        <v>103</v>
      </c>
      <c r="AF680" s="541"/>
      <c r="AG680" s="542"/>
      <c r="AH680" s="549"/>
      <c r="AI680" s="550"/>
      <c r="AJ680" s="551"/>
      <c r="AK680" s="343"/>
      <c r="AL680" s="38"/>
      <c r="AM680" s="54"/>
      <c r="AN680" s="13" t="str">
        <f t="shared" ref="AN680:AN698" si="34">$P$22</f>
        <v>■</v>
      </c>
    </row>
    <row r="681" spans="1:40" s="13" customFormat="1" ht="13.4" customHeight="1">
      <c r="A681" s="20" t="str">
        <f t="shared" si="33"/>
        <v>CD</v>
      </c>
      <c r="B681" s="20"/>
      <c r="C681" s="552">
        <v>3</v>
      </c>
      <c r="D681" s="553"/>
      <c r="E681" s="566" t="s">
        <v>106</v>
      </c>
      <c r="F681" s="567"/>
      <c r="G681" s="567"/>
      <c r="H681" s="567"/>
      <c r="I681" s="567"/>
      <c r="J681" s="567"/>
      <c r="K681" s="567"/>
      <c r="L681" s="567"/>
      <c r="M681" s="567"/>
      <c r="N681" s="567"/>
      <c r="O681" s="567"/>
      <c r="P681" s="567"/>
      <c r="Q681" s="567"/>
      <c r="R681" s="567"/>
      <c r="S681" s="567"/>
      <c r="T681" s="568"/>
      <c r="U681" s="220" t="s">
        <v>444</v>
      </c>
      <c r="V681" s="557" t="s">
        <v>107</v>
      </c>
      <c r="W681" s="558"/>
      <c r="X681" s="558"/>
      <c r="Y681" s="558"/>
      <c r="Z681" s="559"/>
      <c r="AA681" s="626" t="s">
        <v>108</v>
      </c>
      <c r="AB681" s="627"/>
      <c r="AC681" s="628"/>
      <c r="AD681" s="419">
        <v>1</v>
      </c>
      <c r="AE681" s="419">
        <v>0</v>
      </c>
      <c r="AF681" s="552" t="s">
        <v>109</v>
      </c>
      <c r="AG681" s="553"/>
      <c r="AH681" s="560"/>
      <c r="AI681" s="561"/>
      <c r="AJ681" s="562"/>
      <c r="AK681" s="321" t="s">
        <v>391</v>
      </c>
      <c r="AL681" s="38"/>
      <c r="AM681" s="54"/>
      <c r="AN681" s="13" t="str">
        <f t="shared" si="34"/>
        <v>■</v>
      </c>
    </row>
    <row r="682" spans="1:40" s="13" customFormat="1" ht="13.4" customHeight="1">
      <c r="A682" s="20" t="str">
        <f t="shared" si="33"/>
        <v>CD</v>
      </c>
      <c r="B682" s="20"/>
      <c r="C682" s="541">
        <v>4</v>
      </c>
      <c r="D682" s="542"/>
      <c r="E682" s="563" t="s">
        <v>110</v>
      </c>
      <c r="F682" s="564"/>
      <c r="G682" s="564"/>
      <c r="H682" s="564"/>
      <c r="I682" s="564"/>
      <c r="J682" s="564"/>
      <c r="K682" s="564"/>
      <c r="L682" s="564"/>
      <c r="M682" s="564"/>
      <c r="N682" s="564"/>
      <c r="O682" s="564"/>
      <c r="P682" s="564"/>
      <c r="Q682" s="564"/>
      <c r="R682" s="564"/>
      <c r="S682" s="564"/>
      <c r="T682" s="565"/>
      <c r="U682" s="221" t="s">
        <v>445</v>
      </c>
      <c r="V682" s="546" t="s">
        <v>107</v>
      </c>
      <c r="W682" s="547"/>
      <c r="X682" s="547"/>
      <c r="Y682" s="547"/>
      <c r="Z682" s="548"/>
      <c r="AA682" s="623" t="s">
        <v>108</v>
      </c>
      <c r="AB682" s="624"/>
      <c r="AC682" s="625"/>
      <c r="AD682" s="415">
        <v>1</v>
      </c>
      <c r="AE682" s="415">
        <v>0</v>
      </c>
      <c r="AF682" s="541"/>
      <c r="AG682" s="542"/>
      <c r="AH682" s="549"/>
      <c r="AI682" s="550"/>
      <c r="AJ682" s="551"/>
      <c r="AK682" s="265"/>
      <c r="AL682" s="38"/>
      <c r="AM682" s="54"/>
      <c r="AN682" s="13" t="str">
        <f t="shared" si="34"/>
        <v>■</v>
      </c>
    </row>
    <row r="683" spans="1:40" s="13" customFormat="1">
      <c r="A683" s="20" t="str">
        <f t="shared" si="33"/>
        <v>CD</v>
      </c>
      <c r="B683" s="20"/>
      <c r="C683" s="541">
        <v>5</v>
      </c>
      <c r="D683" s="542"/>
      <c r="E683" s="543" t="s">
        <v>80</v>
      </c>
      <c r="F683" s="544"/>
      <c r="G683" s="544"/>
      <c r="H683" s="544"/>
      <c r="I683" s="544"/>
      <c r="J683" s="544"/>
      <c r="K683" s="544"/>
      <c r="L683" s="544"/>
      <c r="M683" s="544"/>
      <c r="N683" s="544"/>
      <c r="O683" s="544"/>
      <c r="P683" s="544"/>
      <c r="Q683" s="544"/>
      <c r="R683" s="544"/>
      <c r="S683" s="544"/>
      <c r="T683" s="545"/>
      <c r="U683" s="221" t="s">
        <v>446</v>
      </c>
      <c r="V683" s="546" t="s">
        <v>101</v>
      </c>
      <c r="W683" s="547"/>
      <c r="X683" s="547"/>
      <c r="Y683" s="547"/>
      <c r="Z683" s="548"/>
      <c r="AA683" s="623" t="s">
        <v>102</v>
      </c>
      <c r="AB683" s="624"/>
      <c r="AC683" s="625"/>
      <c r="AD683" s="415">
        <v>2</v>
      </c>
      <c r="AE683" s="415" t="s">
        <v>103</v>
      </c>
      <c r="AF683" s="541"/>
      <c r="AG683" s="542"/>
      <c r="AH683" s="549"/>
      <c r="AI683" s="550"/>
      <c r="AJ683" s="551"/>
      <c r="AK683" s="265"/>
      <c r="AL683" s="38"/>
      <c r="AM683" s="54"/>
      <c r="AN683" s="13" t="str">
        <f t="shared" si="34"/>
        <v>■</v>
      </c>
    </row>
    <row r="684" spans="1:40" s="13" customFormat="1">
      <c r="A684" s="20" t="str">
        <f t="shared" si="33"/>
        <v>CD</v>
      </c>
      <c r="B684" s="20"/>
      <c r="C684" s="541">
        <v>6</v>
      </c>
      <c r="D684" s="542"/>
      <c r="E684" s="543" t="s">
        <v>1107</v>
      </c>
      <c r="F684" s="544"/>
      <c r="G684" s="544"/>
      <c r="H684" s="544"/>
      <c r="I684" s="544"/>
      <c r="J684" s="544"/>
      <c r="K684" s="544"/>
      <c r="L684" s="544"/>
      <c r="M684" s="544"/>
      <c r="N684" s="544"/>
      <c r="O684" s="544"/>
      <c r="P684" s="544"/>
      <c r="Q684" s="544"/>
      <c r="R684" s="544"/>
      <c r="S684" s="544"/>
      <c r="T684" s="545"/>
      <c r="U684" s="221" t="s">
        <v>1108</v>
      </c>
      <c r="V684" s="546" t="s">
        <v>107</v>
      </c>
      <c r="W684" s="547"/>
      <c r="X684" s="547"/>
      <c r="Y684" s="547"/>
      <c r="Z684" s="548"/>
      <c r="AA684" s="623" t="s">
        <v>102</v>
      </c>
      <c r="AB684" s="624"/>
      <c r="AC684" s="625"/>
      <c r="AD684" s="415">
        <v>8</v>
      </c>
      <c r="AE684" s="415" t="s">
        <v>103</v>
      </c>
      <c r="AF684" s="541"/>
      <c r="AG684" s="542"/>
      <c r="AH684" s="549"/>
      <c r="AI684" s="550"/>
      <c r="AJ684" s="551"/>
      <c r="AK684" s="265"/>
      <c r="AL684" s="38"/>
      <c r="AM684" s="54"/>
      <c r="AN684" s="13" t="str">
        <f t="shared" si="34"/>
        <v>■</v>
      </c>
    </row>
    <row r="685" spans="1:40" s="13" customFormat="1">
      <c r="A685" s="20" t="str">
        <f t="shared" si="33"/>
        <v>CD</v>
      </c>
      <c r="B685" s="51"/>
      <c r="C685" s="541">
        <v>7</v>
      </c>
      <c r="D685" s="542"/>
      <c r="E685" s="543" t="s">
        <v>172</v>
      </c>
      <c r="F685" s="544"/>
      <c r="G685" s="544"/>
      <c r="H685" s="544"/>
      <c r="I685" s="544"/>
      <c r="J685" s="544"/>
      <c r="K685" s="544"/>
      <c r="L685" s="544"/>
      <c r="M685" s="544"/>
      <c r="N685" s="544"/>
      <c r="O685" s="544"/>
      <c r="P685" s="544"/>
      <c r="Q685" s="544"/>
      <c r="R685" s="544"/>
      <c r="S685" s="544"/>
      <c r="T685" s="545"/>
      <c r="U685" s="221" t="s">
        <v>605</v>
      </c>
      <c r="V685" s="546" t="s">
        <v>107</v>
      </c>
      <c r="W685" s="547"/>
      <c r="X685" s="547"/>
      <c r="Y685" s="547"/>
      <c r="Z685" s="548"/>
      <c r="AA685" s="623" t="s">
        <v>102</v>
      </c>
      <c r="AB685" s="624"/>
      <c r="AC685" s="625"/>
      <c r="AD685" s="415">
        <v>2</v>
      </c>
      <c r="AE685" s="415" t="s">
        <v>103</v>
      </c>
      <c r="AF685" s="541"/>
      <c r="AG685" s="542"/>
      <c r="AH685" s="549"/>
      <c r="AI685" s="550"/>
      <c r="AJ685" s="551"/>
      <c r="AK685" s="265"/>
      <c r="AL685" s="38"/>
      <c r="AM685" s="54"/>
      <c r="AN685" s="13" t="str">
        <f t="shared" si="34"/>
        <v>■</v>
      </c>
    </row>
    <row r="686" spans="1:40" s="13" customFormat="1">
      <c r="A686" s="20" t="str">
        <f t="shared" si="33"/>
        <v>CD</v>
      </c>
      <c r="B686" s="20"/>
      <c r="C686" s="541">
        <v>8</v>
      </c>
      <c r="D686" s="542"/>
      <c r="E686" s="543" t="s">
        <v>1109</v>
      </c>
      <c r="F686" s="544"/>
      <c r="G686" s="544"/>
      <c r="H686" s="544"/>
      <c r="I686" s="544"/>
      <c r="J686" s="544"/>
      <c r="K686" s="544"/>
      <c r="L686" s="544"/>
      <c r="M686" s="544"/>
      <c r="N686" s="544"/>
      <c r="O686" s="544"/>
      <c r="P686" s="544"/>
      <c r="Q686" s="544"/>
      <c r="R686" s="544"/>
      <c r="S686" s="544"/>
      <c r="T686" s="545"/>
      <c r="U686" s="221" t="s">
        <v>1110</v>
      </c>
      <c r="V686" s="546" t="s">
        <v>107</v>
      </c>
      <c r="W686" s="547"/>
      <c r="X686" s="547"/>
      <c r="Y686" s="547"/>
      <c r="Z686" s="548"/>
      <c r="AA686" s="623" t="s">
        <v>108</v>
      </c>
      <c r="AB686" s="624"/>
      <c r="AC686" s="625"/>
      <c r="AD686" s="415">
        <v>4</v>
      </c>
      <c r="AE686" s="415">
        <v>0</v>
      </c>
      <c r="AF686" s="541"/>
      <c r="AG686" s="542"/>
      <c r="AH686" s="549"/>
      <c r="AI686" s="550"/>
      <c r="AJ686" s="551"/>
      <c r="AK686" s="265"/>
      <c r="AL686" s="38"/>
      <c r="AM686" s="54"/>
      <c r="AN686" s="13" t="str">
        <f t="shared" si="34"/>
        <v>■</v>
      </c>
    </row>
    <row r="687" spans="1:40" s="13" customFormat="1">
      <c r="A687" s="20" t="str">
        <f t="shared" si="33"/>
        <v>CD</v>
      </c>
      <c r="B687" s="20"/>
      <c r="C687" s="541">
        <v>9</v>
      </c>
      <c r="D687" s="542"/>
      <c r="E687" s="543" t="s">
        <v>1111</v>
      </c>
      <c r="F687" s="544"/>
      <c r="G687" s="544"/>
      <c r="H687" s="544"/>
      <c r="I687" s="544"/>
      <c r="J687" s="544"/>
      <c r="K687" s="544"/>
      <c r="L687" s="544"/>
      <c r="M687" s="544"/>
      <c r="N687" s="544"/>
      <c r="O687" s="544"/>
      <c r="P687" s="544"/>
      <c r="Q687" s="544"/>
      <c r="R687" s="544"/>
      <c r="S687" s="544"/>
      <c r="T687" s="545"/>
      <c r="U687" s="221" t="s">
        <v>1112</v>
      </c>
      <c r="V687" s="546" t="s">
        <v>107</v>
      </c>
      <c r="W687" s="547"/>
      <c r="X687" s="547"/>
      <c r="Y687" s="547"/>
      <c r="Z687" s="548"/>
      <c r="AA687" s="623" t="s">
        <v>108</v>
      </c>
      <c r="AB687" s="624"/>
      <c r="AC687" s="625"/>
      <c r="AD687" s="415">
        <v>3</v>
      </c>
      <c r="AE687" s="415">
        <v>0</v>
      </c>
      <c r="AF687" s="541"/>
      <c r="AG687" s="542"/>
      <c r="AH687" s="549"/>
      <c r="AI687" s="550"/>
      <c r="AJ687" s="551"/>
      <c r="AK687" s="265"/>
      <c r="AL687" s="38"/>
      <c r="AM687" s="54"/>
      <c r="AN687" s="13" t="str">
        <f t="shared" si="34"/>
        <v>■</v>
      </c>
    </row>
    <row r="688" spans="1:40" s="13" customFormat="1" ht="13.4" customHeight="1">
      <c r="A688" s="20" t="str">
        <f t="shared" si="33"/>
        <v>CD</v>
      </c>
      <c r="B688" s="20"/>
      <c r="C688" s="541">
        <v>10</v>
      </c>
      <c r="D688" s="542"/>
      <c r="E688" s="543" t="s">
        <v>1113</v>
      </c>
      <c r="F688" s="544"/>
      <c r="G688" s="544"/>
      <c r="H688" s="544"/>
      <c r="I688" s="544"/>
      <c r="J688" s="544"/>
      <c r="K688" s="544"/>
      <c r="L688" s="544"/>
      <c r="M688" s="544"/>
      <c r="N688" s="544"/>
      <c r="O688" s="544"/>
      <c r="P688" s="544"/>
      <c r="Q688" s="544"/>
      <c r="R688" s="544"/>
      <c r="S688" s="544"/>
      <c r="T688" s="545"/>
      <c r="U688" s="221" t="s">
        <v>1114</v>
      </c>
      <c r="V688" s="546" t="s">
        <v>107</v>
      </c>
      <c r="W688" s="547"/>
      <c r="X688" s="547"/>
      <c r="Y688" s="547"/>
      <c r="Z688" s="548"/>
      <c r="AA688" s="623" t="s">
        <v>102</v>
      </c>
      <c r="AB688" s="624"/>
      <c r="AC688" s="625"/>
      <c r="AD688" s="415">
        <v>9</v>
      </c>
      <c r="AE688" s="415" t="s">
        <v>103</v>
      </c>
      <c r="AF688" s="541"/>
      <c r="AG688" s="542"/>
      <c r="AH688" s="549"/>
      <c r="AI688" s="550"/>
      <c r="AJ688" s="551"/>
      <c r="AK688" s="265"/>
      <c r="AL688" s="38"/>
      <c r="AM688" s="54"/>
      <c r="AN688" s="13" t="str">
        <f t="shared" si="34"/>
        <v>■</v>
      </c>
    </row>
    <row r="689" spans="1:40" s="13" customFormat="1" ht="13.4" customHeight="1">
      <c r="A689" s="20" t="str">
        <f t="shared" si="33"/>
        <v>CD</v>
      </c>
      <c r="B689" s="20"/>
      <c r="C689" s="541">
        <v>11</v>
      </c>
      <c r="D689" s="542"/>
      <c r="E689" s="543" t="s">
        <v>708</v>
      </c>
      <c r="F689" s="544"/>
      <c r="G689" s="544"/>
      <c r="H689" s="544"/>
      <c r="I689" s="544"/>
      <c r="J689" s="544"/>
      <c r="K689" s="544"/>
      <c r="L689" s="544"/>
      <c r="M689" s="544"/>
      <c r="N689" s="544"/>
      <c r="O689" s="544"/>
      <c r="P689" s="544"/>
      <c r="Q689" s="544"/>
      <c r="R689" s="544"/>
      <c r="S689" s="544"/>
      <c r="T689" s="545"/>
      <c r="U689" s="221" t="s">
        <v>709</v>
      </c>
      <c r="V689" s="546" t="s">
        <v>107</v>
      </c>
      <c r="W689" s="547"/>
      <c r="X689" s="547"/>
      <c r="Y689" s="547"/>
      <c r="Z689" s="548"/>
      <c r="AA689" s="623" t="s">
        <v>710</v>
      </c>
      <c r="AB689" s="624"/>
      <c r="AC689" s="625"/>
      <c r="AD689" s="415">
        <v>5</v>
      </c>
      <c r="AE689" s="415">
        <v>5</v>
      </c>
      <c r="AF689" s="541"/>
      <c r="AG689" s="542"/>
      <c r="AH689" s="549"/>
      <c r="AI689" s="550"/>
      <c r="AJ689" s="551"/>
      <c r="AK689" s="265"/>
      <c r="AL689" s="38"/>
      <c r="AM689" s="54"/>
      <c r="AN689" s="13" t="str">
        <f t="shared" si="34"/>
        <v>■</v>
      </c>
    </row>
    <row r="690" spans="1:40" s="13" customFormat="1" ht="13.4" customHeight="1">
      <c r="A690" s="20" t="str">
        <f t="shared" si="33"/>
        <v>CD</v>
      </c>
      <c r="B690" s="20"/>
      <c r="C690" s="541">
        <v>12</v>
      </c>
      <c r="D690" s="542"/>
      <c r="E690" s="543" t="s">
        <v>610</v>
      </c>
      <c r="F690" s="544"/>
      <c r="G690" s="544"/>
      <c r="H690" s="544"/>
      <c r="I690" s="544"/>
      <c r="J690" s="544"/>
      <c r="K690" s="544"/>
      <c r="L690" s="544"/>
      <c r="M690" s="544"/>
      <c r="N690" s="544"/>
      <c r="O690" s="544"/>
      <c r="P690" s="544"/>
      <c r="Q690" s="544"/>
      <c r="R690" s="544"/>
      <c r="S690" s="544"/>
      <c r="T690" s="545"/>
      <c r="U690" s="221" t="s">
        <v>611</v>
      </c>
      <c r="V690" s="546" t="s">
        <v>107</v>
      </c>
      <c r="W690" s="547"/>
      <c r="X690" s="547"/>
      <c r="Y690" s="547"/>
      <c r="Z690" s="548"/>
      <c r="AA690" s="623" t="s">
        <v>108</v>
      </c>
      <c r="AB690" s="624"/>
      <c r="AC690" s="625"/>
      <c r="AD690" s="415">
        <v>8</v>
      </c>
      <c r="AE690" s="415">
        <v>0</v>
      </c>
      <c r="AF690" s="541"/>
      <c r="AG690" s="542"/>
      <c r="AH690" s="549"/>
      <c r="AI690" s="550"/>
      <c r="AJ690" s="551"/>
      <c r="AK690" s="265"/>
      <c r="AL690" s="38"/>
      <c r="AM690" s="54"/>
      <c r="AN690" s="13" t="str">
        <f t="shared" si="34"/>
        <v>■</v>
      </c>
    </row>
    <row r="691" spans="1:40" s="13" customFormat="1" ht="13.4" customHeight="1">
      <c r="A691" s="20" t="str">
        <f t="shared" si="33"/>
        <v>CD</v>
      </c>
      <c r="B691" s="20"/>
      <c r="C691" s="541">
        <v>13</v>
      </c>
      <c r="D691" s="542"/>
      <c r="E691" s="543" t="s">
        <v>718</v>
      </c>
      <c r="F691" s="544"/>
      <c r="G691" s="544"/>
      <c r="H691" s="544"/>
      <c r="I691" s="544"/>
      <c r="J691" s="544"/>
      <c r="K691" s="544"/>
      <c r="L691" s="544"/>
      <c r="M691" s="544"/>
      <c r="N691" s="544"/>
      <c r="O691" s="544"/>
      <c r="P691" s="544"/>
      <c r="Q691" s="544"/>
      <c r="R691" s="544"/>
      <c r="S691" s="544"/>
      <c r="T691" s="545"/>
      <c r="U691" s="221" t="s">
        <v>719</v>
      </c>
      <c r="V691" s="546" t="s">
        <v>107</v>
      </c>
      <c r="W691" s="547"/>
      <c r="X691" s="547"/>
      <c r="Y691" s="547"/>
      <c r="Z691" s="548"/>
      <c r="AA691" s="623" t="s">
        <v>102</v>
      </c>
      <c r="AB691" s="624"/>
      <c r="AC691" s="625"/>
      <c r="AD691" s="415">
        <v>3</v>
      </c>
      <c r="AE691" s="415" t="s">
        <v>103</v>
      </c>
      <c r="AF691" s="541"/>
      <c r="AG691" s="542"/>
      <c r="AH691" s="549"/>
      <c r="AI691" s="550"/>
      <c r="AJ691" s="551"/>
      <c r="AK691" s="265"/>
      <c r="AL691" s="38"/>
      <c r="AM691" s="54"/>
      <c r="AN691" s="13" t="str">
        <f t="shared" si="34"/>
        <v>■</v>
      </c>
    </row>
    <row r="692" spans="1:40" s="13" customFormat="1" ht="13.4" customHeight="1">
      <c r="A692" s="20" t="str">
        <f t="shared" si="33"/>
        <v>CD</v>
      </c>
      <c r="B692" s="20"/>
      <c r="C692" s="541">
        <v>14</v>
      </c>
      <c r="D692" s="542"/>
      <c r="E692" s="543" t="s">
        <v>614</v>
      </c>
      <c r="F692" s="544"/>
      <c r="G692" s="544"/>
      <c r="H692" s="544"/>
      <c r="I692" s="544"/>
      <c r="J692" s="544"/>
      <c r="K692" s="544"/>
      <c r="L692" s="544"/>
      <c r="M692" s="544"/>
      <c r="N692" s="544"/>
      <c r="O692" s="544"/>
      <c r="P692" s="544"/>
      <c r="Q692" s="544"/>
      <c r="R692" s="544"/>
      <c r="S692" s="544"/>
      <c r="T692" s="545"/>
      <c r="U692" s="221" t="s">
        <v>557</v>
      </c>
      <c r="V692" s="546" t="s">
        <v>107</v>
      </c>
      <c r="W692" s="547"/>
      <c r="X692" s="547"/>
      <c r="Y692" s="547"/>
      <c r="Z692" s="548"/>
      <c r="AA692" s="623" t="s">
        <v>108</v>
      </c>
      <c r="AB692" s="624"/>
      <c r="AC692" s="625"/>
      <c r="AD692" s="415">
        <v>3</v>
      </c>
      <c r="AE692" s="415">
        <v>0</v>
      </c>
      <c r="AF692" s="541"/>
      <c r="AG692" s="542"/>
      <c r="AH692" s="549"/>
      <c r="AI692" s="550"/>
      <c r="AJ692" s="551"/>
      <c r="AK692" s="265"/>
      <c r="AL692" s="38"/>
      <c r="AM692" s="54"/>
      <c r="AN692" s="13" t="str">
        <f t="shared" si="34"/>
        <v>■</v>
      </c>
    </row>
    <row r="693" spans="1:40" s="13" customFormat="1" ht="13.4" customHeight="1">
      <c r="A693" s="20" t="str">
        <f t="shared" si="33"/>
        <v>CD</v>
      </c>
      <c r="B693" s="20"/>
      <c r="C693" s="552">
        <v>15</v>
      </c>
      <c r="D693" s="553"/>
      <c r="E693" s="554" t="s">
        <v>722</v>
      </c>
      <c r="F693" s="555"/>
      <c r="G693" s="555"/>
      <c r="H693" s="555"/>
      <c r="I693" s="555"/>
      <c r="J693" s="555"/>
      <c r="K693" s="555"/>
      <c r="L693" s="555"/>
      <c r="M693" s="555"/>
      <c r="N693" s="555"/>
      <c r="O693" s="555"/>
      <c r="P693" s="555"/>
      <c r="Q693" s="555"/>
      <c r="R693" s="555"/>
      <c r="S693" s="555"/>
      <c r="T693" s="556"/>
      <c r="U693" s="259" t="s">
        <v>723</v>
      </c>
      <c r="V693" s="557" t="s">
        <v>1054</v>
      </c>
      <c r="W693" s="558"/>
      <c r="X693" s="558"/>
      <c r="Y693" s="558"/>
      <c r="Z693" s="559"/>
      <c r="AA693" s="626" t="s">
        <v>102</v>
      </c>
      <c r="AB693" s="627"/>
      <c r="AC693" s="628"/>
      <c r="AD693" s="419">
        <v>127</v>
      </c>
      <c r="AE693" s="419" t="s">
        <v>103</v>
      </c>
      <c r="AF693" s="552" t="s">
        <v>109</v>
      </c>
      <c r="AG693" s="553"/>
      <c r="AH693" s="560"/>
      <c r="AI693" s="561"/>
      <c r="AJ693" s="562"/>
      <c r="AK693" s="333" t="s">
        <v>399</v>
      </c>
      <c r="AL693" s="38"/>
      <c r="AM693" s="54"/>
      <c r="AN693" s="13" t="str">
        <f t="shared" si="34"/>
        <v>■</v>
      </c>
    </row>
    <row r="694" spans="1:40" s="13" customFormat="1">
      <c r="A694" s="20" t="str">
        <f t="shared" si="33"/>
        <v>CD</v>
      </c>
      <c r="B694" s="20"/>
      <c r="C694" s="541">
        <v>16</v>
      </c>
      <c r="D694" s="542"/>
      <c r="E694" s="543" t="s">
        <v>409</v>
      </c>
      <c r="F694" s="544"/>
      <c r="G694" s="544"/>
      <c r="H694" s="544"/>
      <c r="I694" s="544"/>
      <c r="J694" s="544"/>
      <c r="K694" s="544"/>
      <c r="L694" s="544"/>
      <c r="M694" s="544"/>
      <c r="N694" s="544"/>
      <c r="O694" s="544"/>
      <c r="P694" s="544"/>
      <c r="Q694" s="544"/>
      <c r="R694" s="544"/>
      <c r="S694" s="544"/>
      <c r="T694" s="545"/>
      <c r="U694" s="221" t="s">
        <v>453</v>
      </c>
      <c r="V694" s="546" t="s">
        <v>107</v>
      </c>
      <c r="W694" s="547"/>
      <c r="X694" s="547"/>
      <c r="Y694" s="547"/>
      <c r="Z694" s="548"/>
      <c r="AA694" s="623" t="s">
        <v>102</v>
      </c>
      <c r="AB694" s="624"/>
      <c r="AC694" s="625"/>
      <c r="AD694" s="415">
        <v>6</v>
      </c>
      <c r="AE694" s="415" t="s">
        <v>103</v>
      </c>
      <c r="AF694" s="541"/>
      <c r="AG694" s="542"/>
      <c r="AH694" s="549"/>
      <c r="AI694" s="550"/>
      <c r="AJ694" s="551"/>
      <c r="AK694" s="265"/>
      <c r="AL694" s="38"/>
      <c r="AM694" s="54"/>
      <c r="AN694" s="13" t="str">
        <f t="shared" si="34"/>
        <v>■</v>
      </c>
    </row>
    <row r="695" spans="1:40" s="13" customFormat="1">
      <c r="A695" s="20" t="str">
        <f t="shared" si="33"/>
        <v>CD</v>
      </c>
      <c r="B695" s="20"/>
      <c r="C695" s="541">
        <v>17</v>
      </c>
      <c r="D695" s="542"/>
      <c r="E695" s="543" t="s">
        <v>411</v>
      </c>
      <c r="F695" s="544"/>
      <c r="G695" s="544"/>
      <c r="H695" s="544"/>
      <c r="I695" s="544"/>
      <c r="J695" s="544"/>
      <c r="K695" s="544"/>
      <c r="L695" s="544"/>
      <c r="M695" s="544"/>
      <c r="N695" s="544"/>
      <c r="O695" s="544"/>
      <c r="P695" s="544"/>
      <c r="Q695" s="544"/>
      <c r="R695" s="544"/>
      <c r="S695" s="544"/>
      <c r="T695" s="545"/>
      <c r="U695" s="221" t="s">
        <v>516</v>
      </c>
      <c r="V695" s="546" t="s">
        <v>107</v>
      </c>
      <c r="W695" s="547"/>
      <c r="X695" s="547"/>
      <c r="Y695" s="547"/>
      <c r="Z695" s="548"/>
      <c r="AA695" s="623" t="s">
        <v>102</v>
      </c>
      <c r="AB695" s="624"/>
      <c r="AC695" s="625"/>
      <c r="AD695" s="415">
        <v>6</v>
      </c>
      <c r="AE695" s="415" t="s">
        <v>103</v>
      </c>
      <c r="AF695" s="541"/>
      <c r="AG695" s="542"/>
      <c r="AH695" s="549"/>
      <c r="AI695" s="550"/>
      <c r="AJ695" s="551"/>
      <c r="AK695" s="265"/>
      <c r="AL695" s="38"/>
      <c r="AM695" s="54"/>
      <c r="AN695" s="13" t="str">
        <f t="shared" si="34"/>
        <v>■</v>
      </c>
    </row>
    <row r="696" spans="1:40" s="13" customFormat="1">
      <c r="A696" s="20" t="str">
        <f t="shared" si="33"/>
        <v>CD</v>
      </c>
      <c r="B696" s="20"/>
      <c r="C696" s="541">
        <v>18</v>
      </c>
      <c r="D696" s="542"/>
      <c r="E696" s="543" t="s">
        <v>970</v>
      </c>
      <c r="F696" s="544"/>
      <c r="G696" s="544"/>
      <c r="H696" s="544"/>
      <c r="I696" s="544"/>
      <c r="J696" s="544"/>
      <c r="K696" s="544"/>
      <c r="L696" s="544"/>
      <c r="M696" s="544"/>
      <c r="N696" s="544"/>
      <c r="O696" s="544"/>
      <c r="P696" s="544"/>
      <c r="Q696" s="544"/>
      <c r="R696" s="544"/>
      <c r="S696" s="544"/>
      <c r="T696" s="545"/>
      <c r="U696" s="221" t="s">
        <v>971</v>
      </c>
      <c r="V696" s="546" t="s">
        <v>107</v>
      </c>
      <c r="W696" s="547"/>
      <c r="X696" s="547"/>
      <c r="Y696" s="547"/>
      <c r="Z696" s="548"/>
      <c r="AA696" s="623" t="s">
        <v>102</v>
      </c>
      <c r="AB696" s="624"/>
      <c r="AC696" s="625"/>
      <c r="AD696" s="415">
        <v>1</v>
      </c>
      <c r="AE696" s="415" t="s">
        <v>103</v>
      </c>
      <c r="AF696" s="541"/>
      <c r="AG696" s="542"/>
      <c r="AH696" s="549"/>
      <c r="AI696" s="550"/>
      <c r="AJ696" s="551"/>
      <c r="AK696" s="265"/>
      <c r="AL696" s="29"/>
      <c r="AM696" s="54"/>
      <c r="AN696" s="13" t="str">
        <f t="shared" si="34"/>
        <v>■</v>
      </c>
    </row>
    <row r="697" spans="1:40" s="13" customFormat="1">
      <c r="A697" s="20" t="str">
        <f t="shared" si="33"/>
        <v>CD</v>
      </c>
      <c r="B697" s="20"/>
      <c r="C697" s="541">
        <v>19</v>
      </c>
      <c r="D697" s="542"/>
      <c r="E697" s="543" t="s">
        <v>976</v>
      </c>
      <c r="F697" s="544"/>
      <c r="G697" s="544"/>
      <c r="H697" s="544"/>
      <c r="I697" s="544"/>
      <c r="J697" s="544"/>
      <c r="K697" s="544"/>
      <c r="L697" s="544"/>
      <c r="M697" s="544"/>
      <c r="N697" s="544"/>
      <c r="O697" s="544"/>
      <c r="P697" s="544"/>
      <c r="Q697" s="544"/>
      <c r="R697" s="544"/>
      <c r="S697" s="544"/>
      <c r="T697" s="545"/>
      <c r="U697" s="221" t="s">
        <v>977</v>
      </c>
      <c r="V697" s="546" t="s">
        <v>107</v>
      </c>
      <c r="W697" s="547"/>
      <c r="X697" s="547"/>
      <c r="Y697" s="547"/>
      <c r="Z697" s="548"/>
      <c r="AA697" s="623" t="s">
        <v>108</v>
      </c>
      <c r="AB697" s="624"/>
      <c r="AC697" s="625"/>
      <c r="AD697" s="415">
        <v>2</v>
      </c>
      <c r="AE697" s="415">
        <v>0</v>
      </c>
      <c r="AF697" s="541"/>
      <c r="AG697" s="542"/>
      <c r="AH697" s="549"/>
      <c r="AI697" s="550"/>
      <c r="AJ697" s="551"/>
      <c r="AK697" s="344"/>
      <c r="AL697" s="29"/>
      <c r="AM697" s="54"/>
      <c r="AN697" s="13" t="str">
        <f t="shared" si="34"/>
        <v>■</v>
      </c>
    </row>
    <row r="698" spans="1:40" s="13" customFormat="1">
      <c r="A698" s="20" t="str">
        <f t="shared" si="33"/>
        <v>CD</v>
      </c>
      <c r="B698" s="20"/>
      <c r="C698" s="767">
        <v>20</v>
      </c>
      <c r="D698" s="768"/>
      <c r="E698" s="769" t="s">
        <v>1115</v>
      </c>
      <c r="F698" s="770"/>
      <c r="G698" s="770"/>
      <c r="H698" s="770"/>
      <c r="I698" s="770"/>
      <c r="J698" s="770"/>
      <c r="K698" s="770"/>
      <c r="L698" s="770"/>
      <c r="M698" s="770"/>
      <c r="N698" s="770"/>
      <c r="O698" s="770"/>
      <c r="P698" s="770"/>
      <c r="Q698" s="770"/>
      <c r="R698" s="770"/>
      <c r="S698" s="770"/>
      <c r="T698" s="771"/>
      <c r="U698" s="772" t="s">
        <v>1116</v>
      </c>
      <c r="V698" s="773" t="s">
        <v>107</v>
      </c>
      <c r="W698" s="774"/>
      <c r="X698" s="774"/>
      <c r="Y698" s="774"/>
      <c r="Z698" s="775"/>
      <c r="AA698" s="776" t="s">
        <v>108</v>
      </c>
      <c r="AB698" s="777"/>
      <c r="AC698" s="778"/>
      <c r="AD698" s="779">
        <v>1</v>
      </c>
      <c r="AE698" s="779" t="s">
        <v>103</v>
      </c>
      <c r="AF698" s="767"/>
      <c r="AG698" s="768"/>
      <c r="AH698" s="780"/>
      <c r="AI698" s="781"/>
      <c r="AJ698" s="782"/>
      <c r="AK698" s="783" t="s">
        <v>416</v>
      </c>
      <c r="AL698" s="29"/>
      <c r="AM698" s="54"/>
      <c r="AN698" s="13" t="str">
        <f t="shared" si="34"/>
        <v>■</v>
      </c>
    </row>
    <row r="699" spans="1:40" ht="13.4" customHeight="1">
      <c r="A699" s="20" t="str">
        <f t="shared" si="33"/>
        <v>CD</v>
      </c>
      <c r="B699" s="25"/>
      <c r="V699" s="238"/>
      <c r="W699" s="238"/>
      <c r="X699" s="238"/>
      <c r="Y699" s="238"/>
      <c r="Z699" s="238"/>
      <c r="AA699" s="629"/>
      <c r="AB699" s="629"/>
      <c r="AC699" s="629"/>
      <c r="AD699" s="238"/>
      <c r="AE699" s="238"/>
      <c r="AF699" s="238"/>
      <c r="AG699" s="238"/>
      <c r="AH699" s="238"/>
      <c r="AI699" s="238"/>
      <c r="AJ699" s="238"/>
      <c r="AK699" s="55"/>
      <c r="AL699" s="29"/>
      <c r="AM699" s="16"/>
    </row>
    <row r="700" spans="1:40" ht="13.4" customHeight="1">
      <c r="A700" s="20" t="str">
        <f t="shared" si="33"/>
        <v>GR</v>
      </c>
      <c r="B700" s="20"/>
      <c r="C700" s="52" t="s">
        <v>380</v>
      </c>
      <c r="E700" s="26"/>
      <c r="F700" s="26"/>
      <c r="G700" s="26"/>
      <c r="H700" s="26"/>
      <c r="I700" s="26"/>
      <c r="J700" s="26" t="s">
        <v>771</v>
      </c>
      <c r="K700" s="26"/>
      <c r="L700" s="26"/>
      <c r="M700" s="26"/>
      <c r="N700" s="26"/>
      <c r="O700" s="26"/>
      <c r="P700" s="26"/>
      <c r="Q700" s="26"/>
      <c r="R700" s="26"/>
      <c r="S700" s="26"/>
      <c r="T700" s="26"/>
      <c r="U700" s="26" t="s">
        <v>1117</v>
      </c>
      <c r="V700" s="122"/>
      <c r="W700" s="122"/>
      <c r="X700" s="122"/>
      <c r="Y700" s="122"/>
      <c r="Z700" s="122"/>
      <c r="AA700" s="630"/>
      <c r="AB700" s="630"/>
      <c r="AC700" s="630"/>
      <c r="AD700" s="122"/>
      <c r="AE700" s="122"/>
      <c r="AF700" s="122"/>
      <c r="AG700" s="122"/>
      <c r="AH700" s="122"/>
      <c r="AI700" s="122"/>
      <c r="AJ700" s="122"/>
      <c r="AK700" s="55"/>
      <c r="AL700" s="29"/>
      <c r="AM700" s="16"/>
    </row>
    <row r="701" spans="1:40" ht="13.5" customHeight="1">
      <c r="A701" s="20" t="str">
        <f t="shared" si="33"/>
        <v>GR</v>
      </c>
      <c r="B701" s="25"/>
      <c r="C701" s="571" t="s">
        <v>73</v>
      </c>
      <c r="D701" s="573"/>
      <c r="E701" s="571" t="s">
        <v>94</v>
      </c>
      <c r="F701" s="571"/>
      <c r="G701" s="571"/>
      <c r="H701" s="571"/>
      <c r="I701" s="571"/>
      <c r="J701" s="571"/>
      <c r="K701" s="571"/>
      <c r="L701" s="571"/>
      <c r="M701" s="571"/>
      <c r="N701" s="571"/>
      <c r="O701" s="571"/>
      <c r="P701" s="571"/>
      <c r="Q701" s="571"/>
      <c r="R701" s="571"/>
      <c r="S701" s="571"/>
      <c r="T701" s="571"/>
      <c r="U701" s="226" t="s">
        <v>383</v>
      </c>
      <c r="V701" s="574" t="s">
        <v>138</v>
      </c>
      <c r="W701" s="574"/>
      <c r="X701" s="574"/>
      <c r="Y701" s="574"/>
      <c r="Z701" s="574"/>
      <c r="AA701" s="575" t="s">
        <v>959</v>
      </c>
      <c r="AB701" s="576"/>
      <c r="AC701" s="577"/>
      <c r="AD701" s="493" t="s">
        <v>97</v>
      </c>
      <c r="AE701" s="493"/>
      <c r="AF701" s="574" t="s">
        <v>98</v>
      </c>
      <c r="AG701" s="574"/>
      <c r="AH701" s="571" t="s">
        <v>75</v>
      </c>
      <c r="AI701" s="571"/>
      <c r="AJ701" s="571"/>
      <c r="AK701" s="572" t="s">
        <v>159</v>
      </c>
      <c r="AL701" s="29"/>
      <c r="AM701" s="16"/>
    </row>
    <row r="702" spans="1:40" ht="13.4" customHeight="1">
      <c r="A702" s="20" t="str">
        <f t="shared" si="33"/>
        <v>GR</v>
      </c>
      <c r="B702" s="25"/>
      <c r="C702" s="573"/>
      <c r="D702" s="573"/>
      <c r="E702" s="571"/>
      <c r="F702" s="571"/>
      <c r="G702" s="571"/>
      <c r="H702" s="571"/>
      <c r="I702" s="571"/>
      <c r="J702" s="571"/>
      <c r="K702" s="571"/>
      <c r="L702" s="571"/>
      <c r="M702" s="571"/>
      <c r="N702" s="571"/>
      <c r="O702" s="571"/>
      <c r="P702" s="571"/>
      <c r="Q702" s="571"/>
      <c r="R702" s="571"/>
      <c r="S702" s="571"/>
      <c r="T702" s="571"/>
      <c r="U702" s="227"/>
      <c r="V702" s="574"/>
      <c r="W702" s="574"/>
      <c r="X702" s="574"/>
      <c r="Y702" s="574"/>
      <c r="Z702" s="574"/>
      <c r="AA702" s="578"/>
      <c r="AB702" s="579"/>
      <c r="AC702" s="580"/>
      <c r="AD702" s="493"/>
      <c r="AE702" s="493"/>
      <c r="AF702" s="574"/>
      <c r="AG702" s="574"/>
      <c r="AH702" s="571"/>
      <c r="AI702" s="571"/>
      <c r="AJ702" s="571"/>
      <c r="AK702" s="572"/>
      <c r="AL702" s="29"/>
      <c r="AM702" s="16"/>
    </row>
    <row r="703" spans="1:40" ht="13.4" customHeight="1">
      <c r="A703" s="20" t="str">
        <f t="shared" si="33"/>
        <v>GR</v>
      </c>
      <c r="B703" s="25"/>
      <c r="C703" s="541">
        <v>1</v>
      </c>
      <c r="D703" s="542"/>
      <c r="E703" s="563" t="s">
        <v>440</v>
      </c>
      <c r="F703" s="564"/>
      <c r="G703" s="564"/>
      <c r="H703" s="564"/>
      <c r="I703" s="564"/>
      <c r="J703" s="564"/>
      <c r="K703" s="564"/>
      <c r="L703" s="564"/>
      <c r="M703" s="564"/>
      <c r="N703" s="564"/>
      <c r="O703" s="564"/>
      <c r="P703" s="564"/>
      <c r="Q703" s="564"/>
      <c r="R703" s="564"/>
      <c r="S703" s="564"/>
      <c r="T703" s="565"/>
      <c r="U703" s="219" t="s">
        <v>441</v>
      </c>
      <c r="V703" s="546" t="s">
        <v>101</v>
      </c>
      <c r="W703" s="547"/>
      <c r="X703" s="547"/>
      <c r="Y703" s="547"/>
      <c r="Z703" s="548"/>
      <c r="AA703" s="623" t="s">
        <v>102</v>
      </c>
      <c r="AB703" s="624"/>
      <c r="AC703" s="625"/>
      <c r="AD703" s="415">
        <v>10</v>
      </c>
      <c r="AE703" s="415" t="s">
        <v>103</v>
      </c>
      <c r="AF703" s="541"/>
      <c r="AG703" s="542"/>
      <c r="AH703" s="549"/>
      <c r="AI703" s="550"/>
      <c r="AJ703" s="551"/>
      <c r="AK703" s="332"/>
      <c r="AL703" s="29"/>
      <c r="AM703" s="16"/>
      <c r="AN703" s="3" t="str">
        <f>$S$22</f>
        <v>■</v>
      </c>
    </row>
    <row r="704" spans="1:40" ht="13.4" customHeight="1">
      <c r="A704" s="20" t="str">
        <f t="shared" si="33"/>
        <v>GR</v>
      </c>
      <c r="B704" s="25"/>
      <c r="C704" s="541">
        <v>2</v>
      </c>
      <c r="D704" s="542"/>
      <c r="E704" s="563" t="s">
        <v>442</v>
      </c>
      <c r="F704" s="564"/>
      <c r="G704" s="564"/>
      <c r="H704" s="564"/>
      <c r="I704" s="564"/>
      <c r="J704" s="564"/>
      <c r="K704" s="564"/>
      <c r="L704" s="564"/>
      <c r="M704" s="564"/>
      <c r="N704" s="564"/>
      <c r="O704" s="564"/>
      <c r="P704" s="564"/>
      <c r="Q704" s="564"/>
      <c r="R704" s="564"/>
      <c r="S704" s="564"/>
      <c r="T704" s="565"/>
      <c r="U704" s="219" t="s">
        <v>443</v>
      </c>
      <c r="V704" s="546" t="s">
        <v>101</v>
      </c>
      <c r="W704" s="547"/>
      <c r="X704" s="547"/>
      <c r="Y704" s="547"/>
      <c r="Z704" s="548"/>
      <c r="AA704" s="623" t="s">
        <v>102</v>
      </c>
      <c r="AB704" s="624"/>
      <c r="AC704" s="625"/>
      <c r="AD704" s="415">
        <v>51</v>
      </c>
      <c r="AE704" s="415" t="s">
        <v>103</v>
      </c>
      <c r="AF704" s="541"/>
      <c r="AG704" s="542"/>
      <c r="AH704" s="549"/>
      <c r="AI704" s="550"/>
      <c r="AJ704" s="551"/>
      <c r="AK704" s="332"/>
      <c r="AL704" s="29"/>
      <c r="AM704" s="16"/>
      <c r="AN704" s="3" t="str">
        <f t="shared" ref="AN704:AN713" si="35">$S$22</f>
        <v>■</v>
      </c>
    </row>
    <row r="705" spans="1:40" ht="13.4" customHeight="1">
      <c r="A705" s="20" t="str">
        <f t="shared" si="33"/>
        <v>GR</v>
      </c>
      <c r="B705" s="25"/>
      <c r="C705" s="552">
        <v>3</v>
      </c>
      <c r="D705" s="553"/>
      <c r="E705" s="566" t="s">
        <v>106</v>
      </c>
      <c r="F705" s="567"/>
      <c r="G705" s="567"/>
      <c r="H705" s="567"/>
      <c r="I705" s="567"/>
      <c r="J705" s="567"/>
      <c r="K705" s="567"/>
      <c r="L705" s="567"/>
      <c r="M705" s="567"/>
      <c r="N705" s="567"/>
      <c r="O705" s="567"/>
      <c r="P705" s="567"/>
      <c r="Q705" s="567"/>
      <c r="R705" s="567"/>
      <c r="S705" s="567"/>
      <c r="T705" s="568"/>
      <c r="U705" s="220" t="s">
        <v>444</v>
      </c>
      <c r="V705" s="557" t="s">
        <v>107</v>
      </c>
      <c r="W705" s="558"/>
      <c r="X705" s="558"/>
      <c r="Y705" s="558"/>
      <c r="Z705" s="559"/>
      <c r="AA705" s="626" t="s">
        <v>108</v>
      </c>
      <c r="AB705" s="627"/>
      <c r="AC705" s="628"/>
      <c r="AD705" s="419">
        <v>1</v>
      </c>
      <c r="AE705" s="419">
        <v>0</v>
      </c>
      <c r="AF705" s="552" t="s">
        <v>109</v>
      </c>
      <c r="AG705" s="553"/>
      <c r="AH705" s="560"/>
      <c r="AI705" s="561"/>
      <c r="AJ705" s="562"/>
      <c r="AK705" s="333" t="s">
        <v>416</v>
      </c>
      <c r="AL705" s="29"/>
      <c r="AM705" s="16"/>
      <c r="AN705" s="3" t="str">
        <f t="shared" si="35"/>
        <v>■</v>
      </c>
    </row>
    <row r="706" spans="1:40" ht="13.4" customHeight="1">
      <c r="A706" s="20" t="str">
        <f t="shared" si="33"/>
        <v>GR</v>
      </c>
      <c r="B706" s="25"/>
      <c r="C706" s="541">
        <v>4</v>
      </c>
      <c r="D706" s="542"/>
      <c r="E706" s="563" t="s">
        <v>110</v>
      </c>
      <c r="F706" s="564"/>
      <c r="G706" s="564"/>
      <c r="H706" s="564"/>
      <c r="I706" s="564"/>
      <c r="J706" s="564"/>
      <c r="K706" s="564"/>
      <c r="L706" s="564"/>
      <c r="M706" s="564"/>
      <c r="N706" s="564"/>
      <c r="O706" s="564"/>
      <c r="P706" s="564"/>
      <c r="Q706" s="564"/>
      <c r="R706" s="564"/>
      <c r="S706" s="564"/>
      <c r="T706" s="565"/>
      <c r="U706" s="221" t="s">
        <v>445</v>
      </c>
      <c r="V706" s="546" t="s">
        <v>107</v>
      </c>
      <c r="W706" s="547"/>
      <c r="X706" s="547"/>
      <c r="Y706" s="547"/>
      <c r="Z706" s="548"/>
      <c r="AA706" s="623" t="s">
        <v>108</v>
      </c>
      <c r="AB706" s="624"/>
      <c r="AC706" s="625"/>
      <c r="AD706" s="415">
        <v>1</v>
      </c>
      <c r="AE706" s="415">
        <v>0</v>
      </c>
      <c r="AF706" s="541"/>
      <c r="AG706" s="542"/>
      <c r="AH706" s="549"/>
      <c r="AI706" s="550"/>
      <c r="AJ706" s="551"/>
      <c r="AK706" s="332"/>
      <c r="AL706" s="29"/>
      <c r="AM706" s="16"/>
      <c r="AN706" s="3" t="str">
        <f t="shared" si="35"/>
        <v>■</v>
      </c>
    </row>
    <row r="707" spans="1:40" ht="13.4" customHeight="1">
      <c r="A707" s="20" t="str">
        <f t="shared" si="33"/>
        <v>GR</v>
      </c>
      <c r="B707" s="25"/>
      <c r="C707" s="541">
        <v>5</v>
      </c>
      <c r="D707" s="542"/>
      <c r="E707" s="563" t="s">
        <v>80</v>
      </c>
      <c r="F707" s="564"/>
      <c r="G707" s="564"/>
      <c r="H707" s="564"/>
      <c r="I707" s="564"/>
      <c r="J707" s="564"/>
      <c r="K707" s="564"/>
      <c r="L707" s="564"/>
      <c r="M707" s="564"/>
      <c r="N707" s="564"/>
      <c r="O707" s="564"/>
      <c r="P707" s="564"/>
      <c r="Q707" s="564"/>
      <c r="R707" s="564"/>
      <c r="S707" s="564"/>
      <c r="T707" s="565"/>
      <c r="U707" s="221" t="s">
        <v>446</v>
      </c>
      <c r="V707" s="546" t="s">
        <v>101</v>
      </c>
      <c r="W707" s="547"/>
      <c r="X707" s="547"/>
      <c r="Y707" s="547"/>
      <c r="Z707" s="548"/>
      <c r="AA707" s="623" t="s">
        <v>102</v>
      </c>
      <c r="AB707" s="624"/>
      <c r="AC707" s="625"/>
      <c r="AD707" s="415">
        <v>2</v>
      </c>
      <c r="AE707" s="415" t="s">
        <v>103</v>
      </c>
      <c r="AF707" s="541"/>
      <c r="AG707" s="542"/>
      <c r="AH707" s="549"/>
      <c r="AI707" s="550"/>
      <c r="AJ707" s="551"/>
      <c r="AK707" s="332"/>
      <c r="AL707" s="29"/>
      <c r="AM707" s="16"/>
      <c r="AN707" s="3" t="str">
        <f t="shared" si="35"/>
        <v>■</v>
      </c>
    </row>
    <row r="708" spans="1:40" ht="13.4" customHeight="1">
      <c r="A708" s="20" t="str">
        <f t="shared" si="33"/>
        <v>GR</v>
      </c>
      <c r="B708" s="25"/>
      <c r="C708" s="541">
        <v>6</v>
      </c>
      <c r="D708" s="542"/>
      <c r="E708" s="563" t="s">
        <v>773</v>
      </c>
      <c r="F708" s="564"/>
      <c r="G708" s="564"/>
      <c r="H708" s="564"/>
      <c r="I708" s="564"/>
      <c r="J708" s="564"/>
      <c r="K708" s="564"/>
      <c r="L708" s="564"/>
      <c r="M708" s="564"/>
      <c r="N708" s="564"/>
      <c r="O708" s="564"/>
      <c r="P708" s="564"/>
      <c r="Q708" s="564"/>
      <c r="R708" s="564"/>
      <c r="S708" s="564"/>
      <c r="T708" s="565"/>
      <c r="U708" s="221" t="s">
        <v>774</v>
      </c>
      <c r="V708" s="546" t="s">
        <v>107</v>
      </c>
      <c r="W708" s="547"/>
      <c r="X708" s="547"/>
      <c r="Y708" s="547"/>
      <c r="Z708" s="548"/>
      <c r="AA708" s="623" t="s">
        <v>102</v>
      </c>
      <c r="AB708" s="624"/>
      <c r="AC708" s="625"/>
      <c r="AD708" s="415">
        <v>2</v>
      </c>
      <c r="AE708" s="415" t="s">
        <v>103</v>
      </c>
      <c r="AF708" s="541"/>
      <c r="AG708" s="542"/>
      <c r="AH708" s="549"/>
      <c r="AI708" s="550"/>
      <c r="AJ708" s="551"/>
      <c r="AK708" s="332"/>
      <c r="AL708" s="29"/>
      <c r="AM708" s="16"/>
      <c r="AN708" s="3" t="str">
        <f t="shared" si="35"/>
        <v>■</v>
      </c>
    </row>
    <row r="709" spans="1:40" ht="13.4" customHeight="1">
      <c r="A709" s="20" t="str">
        <f t="shared" si="33"/>
        <v>GR</v>
      </c>
      <c r="B709" s="25"/>
      <c r="C709" s="541">
        <v>7</v>
      </c>
      <c r="D709" s="542"/>
      <c r="E709" s="563" t="s">
        <v>775</v>
      </c>
      <c r="F709" s="564"/>
      <c r="G709" s="564"/>
      <c r="H709" s="564"/>
      <c r="I709" s="564"/>
      <c r="J709" s="564"/>
      <c r="K709" s="564"/>
      <c r="L709" s="564"/>
      <c r="M709" s="564"/>
      <c r="N709" s="564"/>
      <c r="O709" s="564"/>
      <c r="P709" s="564"/>
      <c r="Q709" s="564"/>
      <c r="R709" s="564"/>
      <c r="S709" s="564"/>
      <c r="T709" s="565"/>
      <c r="U709" s="221" t="s">
        <v>776</v>
      </c>
      <c r="V709" s="546" t="s">
        <v>101</v>
      </c>
      <c r="W709" s="547"/>
      <c r="X709" s="547"/>
      <c r="Y709" s="547"/>
      <c r="Z709" s="548"/>
      <c r="AA709" s="623" t="s">
        <v>102</v>
      </c>
      <c r="AB709" s="624"/>
      <c r="AC709" s="625"/>
      <c r="AD709" s="415">
        <v>14</v>
      </c>
      <c r="AE709" s="415" t="s">
        <v>103</v>
      </c>
      <c r="AF709" s="541"/>
      <c r="AG709" s="542"/>
      <c r="AH709" s="549"/>
      <c r="AI709" s="550"/>
      <c r="AJ709" s="551"/>
      <c r="AK709" s="332"/>
      <c r="AL709" s="29"/>
      <c r="AM709" s="16"/>
      <c r="AN709" s="3" t="str">
        <f t="shared" si="35"/>
        <v>■</v>
      </c>
    </row>
    <row r="710" spans="1:40" ht="13.4" customHeight="1">
      <c r="A710" s="20" t="str">
        <f t="shared" si="33"/>
        <v>GR</v>
      </c>
      <c r="B710" s="25"/>
      <c r="C710" s="541">
        <v>8</v>
      </c>
      <c r="D710" s="542"/>
      <c r="E710" s="563" t="s">
        <v>409</v>
      </c>
      <c r="F710" s="564"/>
      <c r="G710" s="564"/>
      <c r="H710" s="564"/>
      <c r="I710" s="564"/>
      <c r="J710" s="564"/>
      <c r="K710" s="564"/>
      <c r="L710" s="564"/>
      <c r="M710" s="564"/>
      <c r="N710" s="564"/>
      <c r="O710" s="564"/>
      <c r="P710" s="564"/>
      <c r="Q710" s="564"/>
      <c r="R710" s="564"/>
      <c r="S710" s="564"/>
      <c r="T710" s="565"/>
      <c r="U710" s="221" t="s">
        <v>453</v>
      </c>
      <c r="V710" s="546" t="s">
        <v>107</v>
      </c>
      <c r="W710" s="547"/>
      <c r="X710" s="547"/>
      <c r="Y710" s="547"/>
      <c r="Z710" s="548"/>
      <c r="AA710" s="623" t="s">
        <v>102</v>
      </c>
      <c r="AB710" s="624"/>
      <c r="AC710" s="625"/>
      <c r="AD710" s="415">
        <v>6</v>
      </c>
      <c r="AE710" s="415" t="s">
        <v>103</v>
      </c>
      <c r="AF710" s="541"/>
      <c r="AG710" s="542"/>
      <c r="AH710" s="549"/>
      <c r="AI710" s="550"/>
      <c r="AJ710" s="551"/>
      <c r="AK710" s="332"/>
      <c r="AL710" s="29"/>
      <c r="AM710" s="16"/>
      <c r="AN710" s="3" t="str">
        <f t="shared" si="35"/>
        <v>■</v>
      </c>
    </row>
    <row r="711" spans="1:40" ht="13.4" customHeight="1">
      <c r="A711" s="20" t="str">
        <f t="shared" si="33"/>
        <v>GR</v>
      </c>
      <c r="B711" s="25"/>
      <c r="C711" s="541">
        <v>9</v>
      </c>
      <c r="D711" s="542"/>
      <c r="E711" s="543" t="s">
        <v>411</v>
      </c>
      <c r="F711" s="544"/>
      <c r="G711" s="544"/>
      <c r="H711" s="544"/>
      <c r="I711" s="544"/>
      <c r="J711" s="544"/>
      <c r="K711" s="544"/>
      <c r="L711" s="544"/>
      <c r="M711" s="544"/>
      <c r="N711" s="544"/>
      <c r="O711" s="544"/>
      <c r="P711" s="544"/>
      <c r="Q711" s="544"/>
      <c r="R711" s="544"/>
      <c r="S711" s="544"/>
      <c r="T711" s="545"/>
      <c r="U711" s="221" t="s">
        <v>516</v>
      </c>
      <c r="V711" s="546" t="s">
        <v>107</v>
      </c>
      <c r="W711" s="547"/>
      <c r="X711" s="547"/>
      <c r="Y711" s="547"/>
      <c r="Z711" s="548"/>
      <c r="AA711" s="623" t="s">
        <v>102</v>
      </c>
      <c r="AB711" s="624"/>
      <c r="AC711" s="625"/>
      <c r="AD711" s="415">
        <v>6</v>
      </c>
      <c r="AE711" s="415" t="s">
        <v>103</v>
      </c>
      <c r="AF711" s="541"/>
      <c r="AG711" s="542"/>
      <c r="AH711" s="549"/>
      <c r="AI711" s="550"/>
      <c r="AJ711" s="551"/>
      <c r="AK711" s="332"/>
      <c r="AL711" s="29"/>
      <c r="AM711" s="16"/>
      <c r="AN711" s="3" t="str">
        <f t="shared" si="35"/>
        <v>■</v>
      </c>
    </row>
    <row r="712" spans="1:40" ht="13.4" customHeight="1">
      <c r="A712" s="20" t="str">
        <f t="shared" si="33"/>
        <v>GR</v>
      </c>
      <c r="B712" s="25"/>
      <c r="C712" s="541">
        <v>10</v>
      </c>
      <c r="D712" s="542"/>
      <c r="E712" s="543" t="s">
        <v>970</v>
      </c>
      <c r="F712" s="544"/>
      <c r="G712" s="544"/>
      <c r="H712" s="544"/>
      <c r="I712" s="544"/>
      <c r="J712" s="544"/>
      <c r="K712" s="544"/>
      <c r="L712" s="544"/>
      <c r="M712" s="544"/>
      <c r="N712" s="544"/>
      <c r="O712" s="544"/>
      <c r="P712" s="544"/>
      <c r="Q712" s="544"/>
      <c r="R712" s="544"/>
      <c r="S712" s="544"/>
      <c r="T712" s="545"/>
      <c r="U712" s="225" t="s">
        <v>971</v>
      </c>
      <c r="V712" s="546" t="s">
        <v>107</v>
      </c>
      <c r="W712" s="547"/>
      <c r="X712" s="547"/>
      <c r="Y712" s="547"/>
      <c r="Z712" s="548"/>
      <c r="AA712" s="623" t="s">
        <v>102</v>
      </c>
      <c r="AB712" s="624"/>
      <c r="AC712" s="625"/>
      <c r="AD712" s="415">
        <v>1</v>
      </c>
      <c r="AE712" s="415" t="s">
        <v>103</v>
      </c>
      <c r="AF712" s="541"/>
      <c r="AG712" s="542"/>
      <c r="AH712" s="549"/>
      <c r="AI712" s="550"/>
      <c r="AJ712" s="551"/>
      <c r="AK712" s="332"/>
      <c r="AL712" s="29"/>
      <c r="AM712" s="16"/>
      <c r="AN712" s="3" t="str">
        <f t="shared" si="35"/>
        <v>■</v>
      </c>
    </row>
    <row r="713" spans="1:40" ht="13.4" customHeight="1">
      <c r="A713" s="20" t="str">
        <f t="shared" si="33"/>
        <v>GR</v>
      </c>
      <c r="B713" s="25"/>
      <c r="C713" s="541">
        <v>11</v>
      </c>
      <c r="D713" s="542"/>
      <c r="E713" s="543" t="s">
        <v>976</v>
      </c>
      <c r="F713" s="544"/>
      <c r="G713" s="544"/>
      <c r="H713" s="544"/>
      <c r="I713" s="544"/>
      <c r="J713" s="544"/>
      <c r="K713" s="544"/>
      <c r="L713" s="544"/>
      <c r="M713" s="544"/>
      <c r="N713" s="544"/>
      <c r="O713" s="544"/>
      <c r="P713" s="544"/>
      <c r="Q713" s="544"/>
      <c r="R713" s="544"/>
      <c r="S713" s="544"/>
      <c r="T713" s="545"/>
      <c r="U713" s="221" t="s">
        <v>977</v>
      </c>
      <c r="V713" s="546" t="s">
        <v>107</v>
      </c>
      <c r="W713" s="547"/>
      <c r="X713" s="547"/>
      <c r="Y713" s="547"/>
      <c r="Z713" s="548"/>
      <c r="AA713" s="623" t="s">
        <v>108</v>
      </c>
      <c r="AB713" s="624"/>
      <c r="AC713" s="625"/>
      <c r="AD713" s="415">
        <v>2</v>
      </c>
      <c r="AE713" s="415">
        <v>0</v>
      </c>
      <c r="AF713" s="541"/>
      <c r="AG713" s="542"/>
      <c r="AH713" s="549"/>
      <c r="AI713" s="550"/>
      <c r="AJ713" s="551"/>
      <c r="AK713" s="332"/>
      <c r="AL713" s="29"/>
      <c r="AM713" s="16"/>
      <c r="AN713" s="3" t="str">
        <f t="shared" si="35"/>
        <v>■</v>
      </c>
    </row>
    <row r="714" spans="1:40" ht="13.4" customHeight="1">
      <c r="A714" s="20" t="str">
        <f t="shared" si="33"/>
        <v>GR</v>
      </c>
      <c r="B714" s="25"/>
      <c r="C714" s="122"/>
      <c r="D714" s="122"/>
      <c r="E714" s="208"/>
      <c r="F714" s="208"/>
      <c r="G714" s="208"/>
      <c r="H714" s="208"/>
      <c r="I714" s="208"/>
      <c r="J714" s="208"/>
      <c r="K714" s="208"/>
      <c r="L714" s="208"/>
      <c r="M714" s="208"/>
      <c r="N714" s="208"/>
      <c r="O714" s="208"/>
      <c r="P714" s="208"/>
      <c r="Q714" s="208"/>
      <c r="R714" s="208"/>
      <c r="S714" s="208"/>
      <c r="T714" s="208"/>
      <c r="U714" s="214"/>
      <c r="V714" s="205"/>
      <c r="W714" s="205"/>
      <c r="X714" s="205"/>
      <c r="Y714" s="205"/>
      <c r="Z714" s="205"/>
      <c r="AA714" s="619"/>
      <c r="AB714" s="619"/>
      <c r="AC714" s="619"/>
      <c r="AD714" s="206"/>
      <c r="AE714" s="206"/>
      <c r="AF714" s="326"/>
      <c r="AG714" s="412"/>
      <c r="AH714" s="238"/>
      <c r="AI714" s="238"/>
      <c r="AJ714" s="238"/>
      <c r="AK714" s="26"/>
      <c r="AL714" s="29"/>
      <c r="AM714" s="16"/>
    </row>
    <row r="715" spans="1:40" ht="13.4" customHeight="1">
      <c r="A715" s="20" t="str">
        <f t="shared" si="33"/>
        <v>SN</v>
      </c>
      <c r="B715" s="25"/>
      <c r="C715" s="52" t="s">
        <v>380</v>
      </c>
      <c r="D715" s="122"/>
      <c r="E715" s="208"/>
      <c r="F715" s="208"/>
      <c r="G715" s="208"/>
      <c r="H715" s="208"/>
      <c r="I715" s="208"/>
      <c r="J715" s="26" t="s">
        <v>777</v>
      </c>
      <c r="K715" s="208"/>
      <c r="L715" s="208"/>
      <c r="M715" s="208"/>
      <c r="N715" s="208"/>
      <c r="O715" s="208"/>
      <c r="P715" s="208"/>
      <c r="Q715" s="208"/>
      <c r="R715" s="208"/>
      <c r="S715" s="208"/>
      <c r="T715" s="208"/>
      <c r="U715" s="214" t="s">
        <v>1118</v>
      </c>
      <c r="V715" s="205"/>
      <c r="W715" s="205"/>
      <c r="X715" s="205"/>
      <c r="Y715" s="205"/>
      <c r="Z715" s="205"/>
      <c r="AA715" s="620"/>
      <c r="AB715" s="620"/>
      <c r="AC715" s="620"/>
      <c r="AD715" s="206"/>
      <c r="AE715" s="206"/>
      <c r="AF715" s="326"/>
      <c r="AG715" s="239"/>
      <c r="AH715" s="238"/>
      <c r="AI715" s="238"/>
      <c r="AJ715" s="238"/>
      <c r="AK715" s="26"/>
      <c r="AL715" s="29"/>
      <c r="AM715" s="16"/>
    </row>
    <row r="716" spans="1:40" ht="13.4" customHeight="1">
      <c r="A716" s="20" t="str">
        <f t="shared" si="33"/>
        <v>SN</v>
      </c>
      <c r="B716" s="25"/>
      <c r="C716" s="583" t="s">
        <v>73</v>
      </c>
      <c r="D716" s="573"/>
      <c r="E716" s="583" t="s">
        <v>94</v>
      </c>
      <c r="F716" s="583"/>
      <c r="G716" s="583"/>
      <c r="H716" s="583"/>
      <c r="I716" s="583"/>
      <c r="J716" s="583"/>
      <c r="K716" s="583"/>
      <c r="L716" s="583"/>
      <c r="M716" s="583"/>
      <c r="N716" s="583"/>
      <c r="O716" s="583"/>
      <c r="P716" s="583"/>
      <c r="Q716" s="583"/>
      <c r="R716" s="583"/>
      <c r="S716" s="583"/>
      <c r="T716" s="583"/>
      <c r="U716" s="226" t="s">
        <v>383</v>
      </c>
      <c r="V716" s="572" t="s">
        <v>138</v>
      </c>
      <c r="W716" s="572"/>
      <c r="X716" s="572"/>
      <c r="Y716" s="572"/>
      <c r="Z716" s="572"/>
      <c r="AA716" s="575" t="s">
        <v>959</v>
      </c>
      <c r="AB716" s="576"/>
      <c r="AC716" s="577"/>
      <c r="AD716" s="572" t="s">
        <v>97</v>
      </c>
      <c r="AE716" s="572"/>
      <c r="AF716" s="572" t="s">
        <v>98</v>
      </c>
      <c r="AG716" s="572"/>
      <c r="AH716" s="583" t="s">
        <v>75</v>
      </c>
      <c r="AI716" s="583"/>
      <c r="AJ716" s="583"/>
      <c r="AK716" s="621" t="s">
        <v>159</v>
      </c>
      <c r="AL716" s="29"/>
      <c r="AM716" s="16"/>
    </row>
    <row r="717" spans="1:40" ht="13.4" customHeight="1">
      <c r="A717" s="20" t="str">
        <f t="shared" si="33"/>
        <v>SN</v>
      </c>
      <c r="B717" s="25"/>
      <c r="C717" s="573"/>
      <c r="D717" s="573"/>
      <c r="E717" s="583"/>
      <c r="F717" s="583"/>
      <c r="G717" s="583"/>
      <c r="H717" s="583"/>
      <c r="I717" s="583"/>
      <c r="J717" s="583"/>
      <c r="K717" s="583"/>
      <c r="L717" s="583"/>
      <c r="M717" s="583"/>
      <c r="N717" s="583"/>
      <c r="O717" s="583"/>
      <c r="P717" s="583"/>
      <c r="Q717" s="583"/>
      <c r="R717" s="583"/>
      <c r="S717" s="583"/>
      <c r="T717" s="583"/>
      <c r="U717" s="227"/>
      <c r="V717" s="572"/>
      <c r="W717" s="572"/>
      <c r="X717" s="572"/>
      <c r="Y717" s="572"/>
      <c r="Z717" s="572"/>
      <c r="AA717" s="578"/>
      <c r="AB717" s="579"/>
      <c r="AC717" s="580"/>
      <c r="AD717" s="572"/>
      <c r="AE717" s="572"/>
      <c r="AF717" s="572"/>
      <c r="AG717" s="572"/>
      <c r="AH717" s="583"/>
      <c r="AI717" s="583"/>
      <c r="AJ717" s="583"/>
      <c r="AK717" s="622"/>
      <c r="AL717" s="29"/>
      <c r="AM717" s="16"/>
    </row>
    <row r="718" spans="1:40" ht="13.4" customHeight="1">
      <c r="A718" s="20" t="str">
        <f t="shared" si="33"/>
        <v>SN</v>
      </c>
      <c r="B718" s="25"/>
      <c r="C718" s="541">
        <v>1</v>
      </c>
      <c r="D718" s="542"/>
      <c r="E718" s="563" t="s">
        <v>440</v>
      </c>
      <c r="F718" s="564"/>
      <c r="G718" s="564"/>
      <c r="H718" s="564"/>
      <c r="I718" s="564"/>
      <c r="J718" s="564"/>
      <c r="K718" s="564"/>
      <c r="L718" s="564"/>
      <c r="M718" s="564"/>
      <c r="N718" s="564"/>
      <c r="O718" s="564"/>
      <c r="P718" s="564"/>
      <c r="Q718" s="564"/>
      <c r="R718" s="564"/>
      <c r="S718" s="564"/>
      <c r="T718" s="565"/>
      <c r="U718" s="219" t="s">
        <v>441</v>
      </c>
      <c r="V718" s="546" t="s">
        <v>101</v>
      </c>
      <c r="W718" s="547"/>
      <c r="X718" s="547"/>
      <c r="Y718" s="547"/>
      <c r="Z718" s="548"/>
      <c r="AA718" s="546" t="s">
        <v>102</v>
      </c>
      <c r="AB718" s="547"/>
      <c r="AC718" s="548"/>
      <c r="AD718" s="415">
        <v>10</v>
      </c>
      <c r="AE718" s="415" t="s">
        <v>103</v>
      </c>
      <c r="AF718" s="541"/>
      <c r="AG718" s="542"/>
      <c r="AH718" s="549"/>
      <c r="AI718" s="550"/>
      <c r="AJ718" s="551"/>
      <c r="AK718" s="265"/>
      <c r="AL718" s="29"/>
      <c r="AM718" s="16"/>
      <c r="AN718" s="3" t="str">
        <f>$G$23</f>
        <v>■</v>
      </c>
    </row>
    <row r="719" spans="1:40" ht="13.4" customHeight="1">
      <c r="A719" s="20" t="str">
        <f t="shared" si="33"/>
        <v>SN</v>
      </c>
      <c r="B719" s="25"/>
      <c r="C719" s="541">
        <v>2</v>
      </c>
      <c r="D719" s="542"/>
      <c r="E719" s="563" t="s">
        <v>442</v>
      </c>
      <c r="F719" s="564"/>
      <c r="G719" s="564"/>
      <c r="H719" s="564"/>
      <c r="I719" s="564"/>
      <c r="J719" s="564"/>
      <c r="K719" s="564"/>
      <c r="L719" s="564"/>
      <c r="M719" s="564"/>
      <c r="N719" s="564"/>
      <c r="O719" s="564"/>
      <c r="P719" s="564"/>
      <c r="Q719" s="564"/>
      <c r="R719" s="564"/>
      <c r="S719" s="564"/>
      <c r="T719" s="565"/>
      <c r="U719" s="219" t="s">
        <v>443</v>
      </c>
      <c r="V719" s="546" t="s">
        <v>101</v>
      </c>
      <c r="W719" s="547"/>
      <c r="X719" s="547"/>
      <c r="Y719" s="547"/>
      <c r="Z719" s="548"/>
      <c r="AA719" s="546" t="s">
        <v>102</v>
      </c>
      <c r="AB719" s="547"/>
      <c r="AC719" s="548"/>
      <c r="AD719" s="415">
        <v>51</v>
      </c>
      <c r="AE719" s="415" t="s">
        <v>103</v>
      </c>
      <c r="AF719" s="541"/>
      <c r="AG719" s="542"/>
      <c r="AH719" s="549"/>
      <c r="AI719" s="550"/>
      <c r="AJ719" s="551"/>
      <c r="AK719" s="265"/>
      <c r="AL719" s="29"/>
      <c r="AM719" s="16"/>
      <c r="AN719" s="3" t="str">
        <f t="shared" ref="AN719:AN729" si="36">$G$23</f>
        <v>■</v>
      </c>
    </row>
    <row r="720" spans="1:40" ht="13.4" customHeight="1">
      <c r="A720" s="20" t="str">
        <f t="shared" si="33"/>
        <v>SN</v>
      </c>
      <c r="B720" s="25"/>
      <c r="C720" s="552">
        <v>3</v>
      </c>
      <c r="D720" s="553"/>
      <c r="E720" s="566" t="s">
        <v>106</v>
      </c>
      <c r="F720" s="567"/>
      <c r="G720" s="567"/>
      <c r="H720" s="567"/>
      <c r="I720" s="567"/>
      <c r="J720" s="567"/>
      <c r="K720" s="567"/>
      <c r="L720" s="567"/>
      <c r="M720" s="567"/>
      <c r="N720" s="567"/>
      <c r="O720" s="567"/>
      <c r="P720" s="567"/>
      <c r="Q720" s="567"/>
      <c r="R720" s="567"/>
      <c r="S720" s="567"/>
      <c r="T720" s="568"/>
      <c r="U720" s="220" t="s">
        <v>444</v>
      </c>
      <c r="V720" s="557" t="s">
        <v>107</v>
      </c>
      <c r="W720" s="558"/>
      <c r="X720" s="558"/>
      <c r="Y720" s="558"/>
      <c r="Z720" s="559"/>
      <c r="AA720" s="557" t="s">
        <v>108</v>
      </c>
      <c r="AB720" s="558"/>
      <c r="AC720" s="559"/>
      <c r="AD720" s="419">
        <v>1</v>
      </c>
      <c r="AE720" s="419">
        <v>0</v>
      </c>
      <c r="AF720" s="552" t="s">
        <v>109</v>
      </c>
      <c r="AG720" s="553"/>
      <c r="AH720" s="560"/>
      <c r="AI720" s="561"/>
      <c r="AJ720" s="562"/>
      <c r="AK720" s="321" t="s">
        <v>416</v>
      </c>
      <c r="AL720" s="29"/>
      <c r="AM720" s="16"/>
      <c r="AN720" s="3" t="str">
        <f t="shared" si="36"/>
        <v>■</v>
      </c>
    </row>
    <row r="721" spans="1:40" ht="13.4" customHeight="1">
      <c r="A721" s="20" t="str">
        <f t="shared" si="33"/>
        <v>SN</v>
      </c>
      <c r="B721" s="25"/>
      <c r="C721" s="541">
        <v>4</v>
      </c>
      <c r="D721" s="542"/>
      <c r="E721" s="563" t="s">
        <v>110</v>
      </c>
      <c r="F721" s="564"/>
      <c r="G721" s="564"/>
      <c r="H721" s="564"/>
      <c r="I721" s="564"/>
      <c r="J721" s="564"/>
      <c r="K721" s="564"/>
      <c r="L721" s="564"/>
      <c r="M721" s="564"/>
      <c r="N721" s="564"/>
      <c r="O721" s="564"/>
      <c r="P721" s="564"/>
      <c r="Q721" s="564"/>
      <c r="R721" s="564"/>
      <c r="S721" s="564"/>
      <c r="T721" s="565"/>
      <c r="U721" s="221" t="s">
        <v>445</v>
      </c>
      <c r="V721" s="546" t="s">
        <v>107</v>
      </c>
      <c r="W721" s="547"/>
      <c r="X721" s="547"/>
      <c r="Y721" s="547"/>
      <c r="Z721" s="548"/>
      <c r="AA721" s="546" t="s">
        <v>108</v>
      </c>
      <c r="AB721" s="547"/>
      <c r="AC721" s="548"/>
      <c r="AD721" s="415">
        <v>1</v>
      </c>
      <c r="AE721" s="415">
        <v>0</v>
      </c>
      <c r="AF721" s="541"/>
      <c r="AG721" s="542"/>
      <c r="AH721" s="549"/>
      <c r="AI721" s="550"/>
      <c r="AJ721" s="551"/>
      <c r="AK721" s="265"/>
      <c r="AL721" s="29"/>
      <c r="AM721" s="16"/>
      <c r="AN721" s="3" t="str">
        <f t="shared" si="36"/>
        <v>■</v>
      </c>
    </row>
    <row r="722" spans="1:40" ht="13.4" customHeight="1">
      <c r="A722" s="20" t="str">
        <f t="shared" si="33"/>
        <v>SN</v>
      </c>
      <c r="B722" s="25"/>
      <c r="C722" s="541">
        <v>5</v>
      </c>
      <c r="D722" s="542"/>
      <c r="E722" s="543" t="s">
        <v>80</v>
      </c>
      <c r="F722" s="544"/>
      <c r="G722" s="544"/>
      <c r="H722" s="544"/>
      <c r="I722" s="544"/>
      <c r="J722" s="544"/>
      <c r="K722" s="544"/>
      <c r="L722" s="544"/>
      <c r="M722" s="544"/>
      <c r="N722" s="544"/>
      <c r="O722" s="544"/>
      <c r="P722" s="544"/>
      <c r="Q722" s="544"/>
      <c r="R722" s="544"/>
      <c r="S722" s="544"/>
      <c r="T722" s="545"/>
      <c r="U722" s="221" t="s">
        <v>446</v>
      </c>
      <c r="V722" s="546" t="s">
        <v>101</v>
      </c>
      <c r="W722" s="547"/>
      <c r="X722" s="547"/>
      <c r="Y722" s="547"/>
      <c r="Z722" s="548"/>
      <c r="AA722" s="546" t="s">
        <v>102</v>
      </c>
      <c r="AB722" s="547"/>
      <c r="AC722" s="548"/>
      <c r="AD722" s="415">
        <v>2</v>
      </c>
      <c r="AE722" s="415" t="s">
        <v>103</v>
      </c>
      <c r="AF722" s="541"/>
      <c r="AG722" s="542"/>
      <c r="AH722" s="549"/>
      <c r="AI722" s="550"/>
      <c r="AJ722" s="551"/>
      <c r="AK722" s="265"/>
      <c r="AL722" s="29"/>
      <c r="AM722" s="16"/>
      <c r="AN722" s="3" t="str">
        <f t="shared" si="36"/>
        <v>■</v>
      </c>
    </row>
    <row r="723" spans="1:40" ht="13.4" customHeight="1">
      <c r="A723" s="20" t="str">
        <f t="shared" si="33"/>
        <v>SN</v>
      </c>
      <c r="B723" s="25"/>
      <c r="C723" s="541">
        <v>6</v>
      </c>
      <c r="D723" s="542"/>
      <c r="E723" s="543" t="s">
        <v>779</v>
      </c>
      <c r="F723" s="544"/>
      <c r="G723" s="544"/>
      <c r="H723" s="544"/>
      <c r="I723" s="544"/>
      <c r="J723" s="544"/>
      <c r="K723" s="544"/>
      <c r="L723" s="544"/>
      <c r="M723" s="544"/>
      <c r="N723" s="544"/>
      <c r="O723" s="544"/>
      <c r="P723" s="544"/>
      <c r="Q723" s="544"/>
      <c r="R723" s="544"/>
      <c r="S723" s="544"/>
      <c r="T723" s="545"/>
      <c r="U723" s="221" t="s">
        <v>780</v>
      </c>
      <c r="V723" s="546" t="s">
        <v>107</v>
      </c>
      <c r="W723" s="547"/>
      <c r="X723" s="547"/>
      <c r="Y723" s="547"/>
      <c r="Z723" s="548"/>
      <c r="AA723" s="546" t="s">
        <v>108</v>
      </c>
      <c r="AB723" s="547"/>
      <c r="AC723" s="548"/>
      <c r="AD723" s="415">
        <v>1</v>
      </c>
      <c r="AE723" s="415">
        <v>0</v>
      </c>
      <c r="AF723" s="541"/>
      <c r="AG723" s="542"/>
      <c r="AH723" s="549"/>
      <c r="AI723" s="550"/>
      <c r="AJ723" s="551"/>
      <c r="AK723" s="265"/>
      <c r="AL723" s="29"/>
      <c r="AM723" s="16"/>
      <c r="AN723" s="3" t="str">
        <f t="shared" si="36"/>
        <v>■</v>
      </c>
    </row>
    <row r="724" spans="1:40" ht="13.4" customHeight="1">
      <c r="A724" s="20" t="str">
        <f t="shared" si="33"/>
        <v>SN</v>
      </c>
      <c r="B724" s="25"/>
      <c r="C724" s="541">
        <v>7</v>
      </c>
      <c r="D724" s="542"/>
      <c r="E724" s="543" t="s">
        <v>1119</v>
      </c>
      <c r="F724" s="544"/>
      <c r="G724" s="544"/>
      <c r="H724" s="544"/>
      <c r="I724" s="544"/>
      <c r="J724" s="544"/>
      <c r="K724" s="544"/>
      <c r="L724" s="544"/>
      <c r="M724" s="544"/>
      <c r="N724" s="544"/>
      <c r="O724" s="544"/>
      <c r="P724" s="544"/>
      <c r="Q724" s="544"/>
      <c r="R724" s="544"/>
      <c r="S724" s="544"/>
      <c r="T724" s="545"/>
      <c r="U724" s="221" t="s">
        <v>782</v>
      </c>
      <c r="V724" s="546" t="s">
        <v>107</v>
      </c>
      <c r="W724" s="547"/>
      <c r="X724" s="547"/>
      <c r="Y724" s="547"/>
      <c r="Z724" s="548"/>
      <c r="AA724" s="546" t="s">
        <v>1120</v>
      </c>
      <c r="AB724" s="547"/>
      <c r="AC724" s="548"/>
      <c r="AD724" s="415">
        <v>2</v>
      </c>
      <c r="AE724" s="415" t="s">
        <v>103</v>
      </c>
      <c r="AF724" s="541"/>
      <c r="AG724" s="542"/>
      <c r="AH724" s="549"/>
      <c r="AI724" s="550"/>
      <c r="AJ724" s="551"/>
      <c r="AK724" s="265"/>
      <c r="AL724" s="29"/>
      <c r="AM724" s="16"/>
      <c r="AN724" s="3" t="str">
        <f t="shared" si="36"/>
        <v>■</v>
      </c>
    </row>
    <row r="725" spans="1:40" ht="13.4" customHeight="1">
      <c r="A725" s="20" t="str">
        <f t="shared" si="33"/>
        <v>SN</v>
      </c>
      <c r="B725" s="25"/>
      <c r="C725" s="541">
        <v>8</v>
      </c>
      <c r="D725" s="542"/>
      <c r="E725" s="543" t="s">
        <v>540</v>
      </c>
      <c r="F725" s="544"/>
      <c r="G725" s="544"/>
      <c r="H725" s="544"/>
      <c r="I725" s="544"/>
      <c r="J725" s="544"/>
      <c r="K725" s="544"/>
      <c r="L725" s="544"/>
      <c r="M725" s="544"/>
      <c r="N725" s="544"/>
      <c r="O725" s="544"/>
      <c r="P725" s="544"/>
      <c r="Q725" s="544"/>
      <c r="R725" s="544"/>
      <c r="S725" s="544"/>
      <c r="T725" s="545"/>
      <c r="U725" s="221" t="s">
        <v>541</v>
      </c>
      <c r="V725" s="546" t="s">
        <v>107</v>
      </c>
      <c r="W725" s="547"/>
      <c r="X725" s="547"/>
      <c r="Y725" s="547"/>
      <c r="Z725" s="548"/>
      <c r="AA725" s="546" t="s">
        <v>102</v>
      </c>
      <c r="AB725" s="547"/>
      <c r="AC725" s="548"/>
      <c r="AD725" s="415">
        <v>2</v>
      </c>
      <c r="AE725" s="415" t="s">
        <v>103</v>
      </c>
      <c r="AF725" s="541"/>
      <c r="AG725" s="542"/>
      <c r="AH725" s="549"/>
      <c r="AI725" s="550"/>
      <c r="AJ725" s="551"/>
      <c r="AK725" s="265"/>
      <c r="AL725" s="29"/>
      <c r="AM725" s="16"/>
      <c r="AN725" s="3" t="str">
        <f t="shared" si="36"/>
        <v>■</v>
      </c>
    </row>
    <row r="726" spans="1:40" ht="13.4" customHeight="1">
      <c r="A726" s="20" t="str">
        <f t="shared" si="33"/>
        <v>SN</v>
      </c>
      <c r="B726" s="25"/>
      <c r="C726" s="541">
        <v>9</v>
      </c>
      <c r="D726" s="542"/>
      <c r="E726" s="543" t="s">
        <v>906</v>
      </c>
      <c r="F726" s="544"/>
      <c r="G726" s="544"/>
      <c r="H726" s="544"/>
      <c r="I726" s="544"/>
      <c r="J726" s="544"/>
      <c r="K726" s="544"/>
      <c r="L726" s="544"/>
      <c r="M726" s="544"/>
      <c r="N726" s="544"/>
      <c r="O726" s="544"/>
      <c r="P726" s="544"/>
      <c r="Q726" s="544"/>
      <c r="R726" s="544"/>
      <c r="S726" s="544"/>
      <c r="T726" s="545"/>
      <c r="U726" s="221" t="s">
        <v>453</v>
      </c>
      <c r="V726" s="546" t="s">
        <v>107</v>
      </c>
      <c r="W726" s="547"/>
      <c r="X726" s="547"/>
      <c r="Y726" s="547"/>
      <c r="Z726" s="548"/>
      <c r="AA726" s="546" t="s">
        <v>102</v>
      </c>
      <c r="AB726" s="547"/>
      <c r="AC726" s="548"/>
      <c r="AD726" s="415">
        <v>6</v>
      </c>
      <c r="AE726" s="415" t="s">
        <v>103</v>
      </c>
      <c r="AF726" s="541"/>
      <c r="AG726" s="542"/>
      <c r="AH726" s="549"/>
      <c r="AI726" s="550"/>
      <c r="AJ726" s="551"/>
      <c r="AK726" s="265"/>
      <c r="AL726" s="29"/>
      <c r="AM726" s="16"/>
      <c r="AN726" s="3" t="str">
        <f t="shared" si="36"/>
        <v>■</v>
      </c>
    </row>
    <row r="727" spans="1:40" ht="13.4" customHeight="1">
      <c r="A727" s="20" t="str">
        <f t="shared" si="33"/>
        <v>SN</v>
      </c>
      <c r="B727" s="25"/>
      <c r="C727" s="541">
        <v>10</v>
      </c>
      <c r="D727" s="542"/>
      <c r="E727" s="543" t="s">
        <v>783</v>
      </c>
      <c r="F727" s="544"/>
      <c r="G727" s="544"/>
      <c r="H727" s="544"/>
      <c r="I727" s="544"/>
      <c r="J727" s="544"/>
      <c r="K727" s="544"/>
      <c r="L727" s="544"/>
      <c r="M727" s="544"/>
      <c r="N727" s="544"/>
      <c r="O727" s="544"/>
      <c r="P727" s="544"/>
      <c r="Q727" s="544"/>
      <c r="R727" s="544"/>
      <c r="S727" s="544"/>
      <c r="T727" s="545"/>
      <c r="U727" s="221" t="s">
        <v>516</v>
      </c>
      <c r="V727" s="546" t="s">
        <v>107</v>
      </c>
      <c r="W727" s="547"/>
      <c r="X727" s="547"/>
      <c r="Y727" s="547"/>
      <c r="Z727" s="548"/>
      <c r="AA727" s="546" t="s">
        <v>102</v>
      </c>
      <c r="AB727" s="547"/>
      <c r="AC727" s="548"/>
      <c r="AD727" s="415">
        <v>6</v>
      </c>
      <c r="AE727" s="415" t="s">
        <v>103</v>
      </c>
      <c r="AF727" s="541"/>
      <c r="AG727" s="542"/>
      <c r="AH727" s="549"/>
      <c r="AI727" s="550"/>
      <c r="AJ727" s="551"/>
      <c r="AK727" s="265"/>
      <c r="AL727" s="29"/>
      <c r="AM727" s="16"/>
      <c r="AN727" s="3" t="str">
        <f t="shared" si="36"/>
        <v>■</v>
      </c>
    </row>
    <row r="728" spans="1:40" ht="13.4" customHeight="1">
      <c r="A728" s="20" t="str">
        <f t="shared" si="33"/>
        <v>SN</v>
      </c>
      <c r="B728" s="25"/>
      <c r="C728" s="541">
        <v>11</v>
      </c>
      <c r="D728" s="542"/>
      <c r="E728" s="543" t="s">
        <v>970</v>
      </c>
      <c r="F728" s="544"/>
      <c r="G728" s="544"/>
      <c r="H728" s="544"/>
      <c r="I728" s="544"/>
      <c r="J728" s="544"/>
      <c r="K728" s="544"/>
      <c r="L728" s="544"/>
      <c r="M728" s="544"/>
      <c r="N728" s="544"/>
      <c r="O728" s="544"/>
      <c r="P728" s="544"/>
      <c r="Q728" s="544"/>
      <c r="R728" s="544"/>
      <c r="S728" s="544"/>
      <c r="T728" s="545"/>
      <c r="U728" s="221" t="s">
        <v>971</v>
      </c>
      <c r="V728" s="546" t="s">
        <v>107</v>
      </c>
      <c r="W728" s="547"/>
      <c r="X728" s="547"/>
      <c r="Y728" s="547"/>
      <c r="Z728" s="548"/>
      <c r="AA728" s="546" t="s">
        <v>102</v>
      </c>
      <c r="AB728" s="547"/>
      <c r="AC728" s="548"/>
      <c r="AD728" s="415">
        <v>1</v>
      </c>
      <c r="AE728" s="415" t="s">
        <v>103</v>
      </c>
      <c r="AF728" s="541"/>
      <c r="AG728" s="542"/>
      <c r="AH728" s="549"/>
      <c r="AI728" s="550"/>
      <c r="AJ728" s="551"/>
      <c r="AK728" s="265"/>
      <c r="AL728" s="29"/>
      <c r="AM728" s="16"/>
      <c r="AN728" s="3" t="str">
        <f t="shared" si="36"/>
        <v>■</v>
      </c>
    </row>
    <row r="729" spans="1:40" ht="13.4" customHeight="1">
      <c r="A729" s="20" t="str">
        <f t="shared" si="33"/>
        <v>SN</v>
      </c>
      <c r="B729" s="25"/>
      <c r="C729" s="541">
        <v>12</v>
      </c>
      <c r="D729" s="542"/>
      <c r="E729" s="543" t="s">
        <v>976</v>
      </c>
      <c r="F729" s="544"/>
      <c r="G729" s="544"/>
      <c r="H729" s="544"/>
      <c r="I729" s="544"/>
      <c r="J729" s="544"/>
      <c r="K729" s="544"/>
      <c r="L729" s="544"/>
      <c r="M729" s="544"/>
      <c r="N729" s="544"/>
      <c r="O729" s="544"/>
      <c r="P729" s="544"/>
      <c r="Q729" s="544"/>
      <c r="R729" s="544"/>
      <c r="S729" s="544"/>
      <c r="T729" s="545"/>
      <c r="U729" s="221" t="s">
        <v>977</v>
      </c>
      <c r="V729" s="546" t="s">
        <v>107</v>
      </c>
      <c r="W729" s="547"/>
      <c r="X729" s="547"/>
      <c r="Y729" s="547"/>
      <c r="Z729" s="548"/>
      <c r="AA729" s="546" t="s">
        <v>108</v>
      </c>
      <c r="AB729" s="547"/>
      <c r="AC729" s="548"/>
      <c r="AD729" s="415">
        <v>2</v>
      </c>
      <c r="AE729" s="415">
        <v>0</v>
      </c>
      <c r="AF729" s="541"/>
      <c r="AG729" s="542"/>
      <c r="AH729" s="549"/>
      <c r="AI729" s="550"/>
      <c r="AJ729" s="551"/>
      <c r="AK729" s="265"/>
      <c r="AL729" s="29"/>
      <c r="AM729" s="16"/>
      <c r="AN729" s="3" t="str">
        <f t="shared" si="36"/>
        <v>■</v>
      </c>
    </row>
    <row r="730" spans="1:40" ht="13.4" customHeight="1">
      <c r="A730" s="20" t="str">
        <f t="shared" si="33"/>
        <v>SN</v>
      </c>
      <c r="B730" s="25"/>
      <c r="C730" s="124"/>
      <c r="D730" s="124"/>
      <c r="E730" s="207"/>
      <c r="F730" s="207"/>
      <c r="G730" s="207"/>
      <c r="H730" s="207"/>
      <c r="I730" s="207"/>
      <c r="J730" s="207"/>
      <c r="K730" s="207"/>
      <c r="L730" s="207"/>
      <c r="M730" s="207"/>
      <c r="N730" s="207"/>
      <c r="O730" s="207"/>
      <c r="P730" s="207"/>
      <c r="Q730" s="207"/>
      <c r="R730" s="207"/>
      <c r="S730" s="207"/>
      <c r="T730" s="207"/>
      <c r="U730" s="214"/>
      <c r="V730" s="205"/>
      <c r="W730" s="205"/>
      <c r="X730" s="205"/>
      <c r="Y730" s="205"/>
      <c r="Z730" s="205"/>
      <c r="AA730" s="619"/>
      <c r="AB730" s="619"/>
      <c r="AC730" s="619"/>
      <c r="AD730" s="206"/>
      <c r="AE730" s="206"/>
      <c r="AF730" s="238"/>
      <c r="AG730" s="238"/>
      <c r="AH730" s="238"/>
      <c r="AI730" s="238"/>
      <c r="AJ730" s="238"/>
      <c r="AK730" s="26"/>
      <c r="AL730" s="29"/>
      <c r="AM730" s="16"/>
    </row>
    <row r="731" spans="1:40" ht="13.4" customHeight="1">
      <c r="A731" s="20" t="str">
        <f t="shared" si="33"/>
        <v>JD</v>
      </c>
      <c r="B731" s="25"/>
      <c r="C731" s="52" t="s">
        <v>380</v>
      </c>
      <c r="D731" s="122"/>
      <c r="E731" s="208"/>
      <c r="F731" s="208"/>
      <c r="G731" s="208"/>
      <c r="H731" s="208"/>
      <c r="I731" s="208"/>
      <c r="J731" s="26" t="s">
        <v>784</v>
      </c>
      <c r="K731" s="208"/>
      <c r="L731" s="208"/>
      <c r="M731" s="208"/>
      <c r="N731" s="208"/>
      <c r="O731" s="208"/>
      <c r="P731" s="208"/>
      <c r="Q731" s="208"/>
      <c r="R731" s="208"/>
      <c r="S731" s="208"/>
      <c r="T731" s="208"/>
      <c r="U731" s="214" t="s">
        <v>1121</v>
      </c>
      <c r="V731" s="205"/>
      <c r="W731" s="205"/>
      <c r="X731" s="205"/>
      <c r="Y731" s="205"/>
      <c r="Z731" s="205"/>
      <c r="AA731" s="620"/>
      <c r="AB731" s="620"/>
      <c r="AC731" s="620"/>
      <c r="AD731" s="206"/>
      <c r="AE731" s="206"/>
      <c r="AF731" s="326"/>
      <c r="AG731" s="239"/>
      <c r="AH731" s="238"/>
      <c r="AI731" s="238"/>
      <c r="AJ731" s="238"/>
      <c r="AK731" s="26"/>
      <c r="AL731" s="29"/>
      <c r="AM731" s="16"/>
    </row>
    <row r="732" spans="1:40" ht="13.4" customHeight="1">
      <c r="A732" s="20" t="str">
        <f t="shared" si="33"/>
        <v>JD</v>
      </c>
      <c r="B732" s="25"/>
      <c r="C732" s="583" t="s">
        <v>73</v>
      </c>
      <c r="D732" s="573"/>
      <c r="E732" s="583" t="s">
        <v>94</v>
      </c>
      <c r="F732" s="583"/>
      <c r="G732" s="583"/>
      <c r="H732" s="583"/>
      <c r="I732" s="583"/>
      <c r="J732" s="583"/>
      <c r="K732" s="583"/>
      <c r="L732" s="583"/>
      <c r="M732" s="583"/>
      <c r="N732" s="583"/>
      <c r="O732" s="583"/>
      <c r="P732" s="583"/>
      <c r="Q732" s="583"/>
      <c r="R732" s="583"/>
      <c r="S732" s="583"/>
      <c r="T732" s="583"/>
      <c r="U732" s="226" t="s">
        <v>383</v>
      </c>
      <c r="V732" s="572" t="s">
        <v>138</v>
      </c>
      <c r="W732" s="572"/>
      <c r="X732" s="572"/>
      <c r="Y732" s="572"/>
      <c r="Z732" s="572"/>
      <c r="AA732" s="575" t="s">
        <v>959</v>
      </c>
      <c r="AB732" s="576"/>
      <c r="AC732" s="577"/>
      <c r="AD732" s="572" t="s">
        <v>97</v>
      </c>
      <c r="AE732" s="572"/>
      <c r="AF732" s="572" t="s">
        <v>98</v>
      </c>
      <c r="AG732" s="572"/>
      <c r="AH732" s="583" t="s">
        <v>75</v>
      </c>
      <c r="AI732" s="583"/>
      <c r="AJ732" s="583"/>
      <c r="AK732" s="572" t="s">
        <v>159</v>
      </c>
      <c r="AL732" s="29"/>
      <c r="AM732" s="16"/>
    </row>
    <row r="733" spans="1:40" ht="13.4" customHeight="1">
      <c r="A733" s="20" t="str">
        <f t="shared" si="33"/>
        <v>JD</v>
      </c>
      <c r="B733" s="25"/>
      <c r="C733" s="573"/>
      <c r="D733" s="573"/>
      <c r="E733" s="583"/>
      <c r="F733" s="583"/>
      <c r="G733" s="583"/>
      <c r="H733" s="583"/>
      <c r="I733" s="583"/>
      <c r="J733" s="583"/>
      <c r="K733" s="583"/>
      <c r="L733" s="583"/>
      <c r="M733" s="583"/>
      <c r="N733" s="583"/>
      <c r="O733" s="583"/>
      <c r="P733" s="583"/>
      <c r="Q733" s="583"/>
      <c r="R733" s="583"/>
      <c r="S733" s="583"/>
      <c r="T733" s="583"/>
      <c r="U733" s="227"/>
      <c r="V733" s="572"/>
      <c r="W733" s="572"/>
      <c r="X733" s="572"/>
      <c r="Y733" s="572"/>
      <c r="Z733" s="572"/>
      <c r="AA733" s="578"/>
      <c r="AB733" s="579"/>
      <c r="AC733" s="580"/>
      <c r="AD733" s="572"/>
      <c r="AE733" s="572"/>
      <c r="AF733" s="572"/>
      <c r="AG733" s="572"/>
      <c r="AH733" s="583"/>
      <c r="AI733" s="583"/>
      <c r="AJ733" s="583"/>
      <c r="AK733" s="572"/>
      <c r="AL733" s="29"/>
      <c r="AM733" s="16"/>
    </row>
    <row r="734" spans="1:40" ht="13.4" customHeight="1">
      <c r="A734" s="20" t="str">
        <f t="shared" si="33"/>
        <v>JD</v>
      </c>
      <c r="B734" s="25"/>
      <c r="C734" s="541">
        <v>1</v>
      </c>
      <c r="D734" s="542"/>
      <c r="E734" s="563" t="s">
        <v>440</v>
      </c>
      <c r="F734" s="564"/>
      <c r="G734" s="564"/>
      <c r="H734" s="564"/>
      <c r="I734" s="564"/>
      <c r="J734" s="564"/>
      <c r="K734" s="564"/>
      <c r="L734" s="564"/>
      <c r="M734" s="564"/>
      <c r="N734" s="564"/>
      <c r="O734" s="564"/>
      <c r="P734" s="564"/>
      <c r="Q734" s="564"/>
      <c r="R734" s="564"/>
      <c r="S734" s="564"/>
      <c r="T734" s="565"/>
      <c r="U734" s="219" t="s">
        <v>441</v>
      </c>
      <c r="V734" s="546" t="s">
        <v>101</v>
      </c>
      <c r="W734" s="547"/>
      <c r="X734" s="547"/>
      <c r="Y734" s="547"/>
      <c r="Z734" s="548"/>
      <c r="AA734" s="546" t="s">
        <v>102</v>
      </c>
      <c r="AB734" s="547"/>
      <c r="AC734" s="548"/>
      <c r="AD734" s="415">
        <v>10</v>
      </c>
      <c r="AE734" s="415" t="s">
        <v>103</v>
      </c>
      <c r="AF734" s="541"/>
      <c r="AG734" s="542"/>
      <c r="AH734" s="549"/>
      <c r="AI734" s="550"/>
      <c r="AJ734" s="551"/>
      <c r="AK734" s="332"/>
      <c r="AL734" s="29"/>
      <c r="AM734" s="16"/>
      <c r="AN734" s="3" t="str">
        <f>$J$23</f>
        <v>■</v>
      </c>
    </row>
    <row r="735" spans="1:40" ht="13.4" customHeight="1">
      <c r="A735" s="20" t="str">
        <f t="shared" si="33"/>
        <v>JD</v>
      </c>
      <c r="B735" s="25"/>
      <c r="C735" s="541">
        <v>2</v>
      </c>
      <c r="D735" s="542"/>
      <c r="E735" s="563" t="s">
        <v>442</v>
      </c>
      <c r="F735" s="564"/>
      <c r="G735" s="564"/>
      <c r="H735" s="564"/>
      <c r="I735" s="564"/>
      <c r="J735" s="564"/>
      <c r="K735" s="564"/>
      <c r="L735" s="564"/>
      <c r="M735" s="564"/>
      <c r="N735" s="564"/>
      <c r="O735" s="564"/>
      <c r="P735" s="564"/>
      <c r="Q735" s="564"/>
      <c r="R735" s="564"/>
      <c r="S735" s="564"/>
      <c r="T735" s="565"/>
      <c r="U735" s="219" t="s">
        <v>443</v>
      </c>
      <c r="V735" s="546" t="s">
        <v>101</v>
      </c>
      <c r="W735" s="547"/>
      <c r="X735" s="547"/>
      <c r="Y735" s="547"/>
      <c r="Z735" s="548"/>
      <c r="AA735" s="546" t="s">
        <v>102</v>
      </c>
      <c r="AB735" s="547"/>
      <c r="AC735" s="548"/>
      <c r="AD735" s="415">
        <v>51</v>
      </c>
      <c r="AE735" s="415" t="s">
        <v>103</v>
      </c>
      <c r="AF735" s="541"/>
      <c r="AG735" s="542"/>
      <c r="AH735" s="549"/>
      <c r="AI735" s="550"/>
      <c r="AJ735" s="551"/>
      <c r="AK735" s="332"/>
      <c r="AL735" s="29"/>
      <c r="AM735" s="16"/>
      <c r="AN735" s="3" t="str">
        <f t="shared" ref="AN735:AN774" si="37">$J$23</f>
        <v>■</v>
      </c>
    </row>
    <row r="736" spans="1:40" ht="13.4" customHeight="1">
      <c r="A736" s="20" t="str">
        <f t="shared" si="33"/>
        <v>JD</v>
      </c>
      <c r="B736" s="25"/>
      <c r="C736" s="552">
        <v>3</v>
      </c>
      <c r="D736" s="553"/>
      <c r="E736" s="566" t="s">
        <v>106</v>
      </c>
      <c r="F736" s="567"/>
      <c r="G736" s="567"/>
      <c r="H736" s="567"/>
      <c r="I736" s="567"/>
      <c r="J736" s="567"/>
      <c r="K736" s="567"/>
      <c r="L736" s="567"/>
      <c r="M736" s="567"/>
      <c r="N736" s="567"/>
      <c r="O736" s="567"/>
      <c r="P736" s="567"/>
      <c r="Q736" s="567"/>
      <c r="R736" s="567"/>
      <c r="S736" s="567"/>
      <c r="T736" s="568"/>
      <c r="U736" s="220" t="s">
        <v>444</v>
      </c>
      <c r="V736" s="557" t="s">
        <v>107</v>
      </c>
      <c r="W736" s="558"/>
      <c r="X736" s="558"/>
      <c r="Y736" s="558"/>
      <c r="Z736" s="559"/>
      <c r="AA736" s="557" t="s">
        <v>108</v>
      </c>
      <c r="AB736" s="558"/>
      <c r="AC736" s="559"/>
      <c r="AD736" s="419">
        <v>1</v>
      </c>
      <c r="AE736" s="419">
        <v>0</v>
      </c>
      <c r="AF736" s="552" t="s">
        <v>109</v>
      </c>
      <c r="AG736" s="553"/>
      <c r="AH736" s="560"/>
      <c r="AI736" s="561"/>
      <c r="AJ736" s="562"/>
      <c r="AK736" s="333" t="s">
        <v>416</v>
      </c>
      <c r="AL736" s="29"/>
      <c r="AM736" s="16"/>
      <c r="AN736" s="3" t="str">
        <f t="shared" si="37"/>
        <v>■</v>
      </c>
    </row>
    <row r="737" spans="1:40" ht="13.4" customHeight="1">
      <c r="A737" s="20" t="str">
        <f t="shared" si="33"/>
        <v>JD</v>
      </c>
      <c r="B737" s="25"/>
      <c r="C737" s="541">
        <v>4</v>
      </c>
      <c r="D737" s="542"/>
      <c r="E737" s="563" t="s">
        <v>110</v>
      </c>
      <c r="F737" s="564"/>
      <c r="G737" s="564"/>
      <c r="H737" s="564"/>
      <c r="I737" s="564"/>
      <c r="J737" s="564"/>
      <c r="K737" s="564"/>
      <c r="L737" s="564"/>
      <c r="M737" s="564"/>
      <c r="N737" s="564"/>
      <c r="O737" s="564"/>
      <c r="P737" s="564"/>
      <c r="Q737" s="564"/>
      <c r="R737" s="564"/>
      <c r="S737" s="564"/>
      <c r="T737" s="565"/>
      <c r="U737" s="221" t="s">
        <v>445</v>
      </c>
      <c r="V737" s="546" t="s">
        <v>107</v>
      </c>
      <c r="W737" s="547"/>
      <c r="X737" s="547"/>
      <c r="Y737" s="547"/>
      <c r="Z737" s="548"/>
      <c r="AA737" s="546" t="s">
        <v>108</v>
      </c>
      <c r="AB737" s="547"/>
      <c r="AC737" s="548"/>
      <c r="AD737" s="415">
        <v>1</v>
      </c>
      <c r="AE737" s="415">
        <v>0</v>
      </c>
      <c r="AF737" s="541"/>
      <c r="AG737" s="542"/>
      <c r="AH737" s="549"/>
      <c r="AI737" s="550"/>
      <c r="AJ737" s="551"/>
      <c r="AK737" s="332"/>
      <c r="AL737" s="29"/>
      <c r="AM737" s="16"/>
      <c r="AN737" s="3" t="str">
        <f t="shared" si="37"/>
        <v>■</v>
      </c>
    </row>
    <row r="738" spans="1:40" ht="13.4" customHeight="1">
      <c r="A738" s="20" t="str">
        <f t="shared" si="33"/>
        <v>JD</v>
      </c>
      <c r="B738" s="25"/>
      <c r="C738" s="541">
        <v>5</v>
      </c>
      <c r="D738" s="542"/>
      <c r="E738" s="543" t="s">
        <v>80</v>
      </c>
      <c r="F738" s="544"/>
      <c r="G738" s="544"/>
      <c r="H738" s="544"/>
      <c r="I738" s="544"/>
      <c r="J738" s="544"/>
      <c r="K738" s="544"/>
      <c r="L738" s="544"/>
      <c r="M738" s="544"/>
      <c r="N738" s="544"/>
      <c r="O738" s="544"/>
      <c r="P738" s="544"/>
      <c r="Q738" s="544"/>
      <c r="R738" s="544"/>
      <c r="S738" s="544"/>
      <c r="T738" s="545"/>
      <c r="U738" s="221" t="s">
        <v>446</v>
      </c>
      <c r="V738" s="546" t="s">
        <v>101</v>
      </c>
      <c r="W738" s="547"/>
      <c r="X738" s="547"/>
      <c r="Y738" s="547"/>
      <c r="Z738" s="548"/>
      <c r="AA738" s="546" t="s">
        <v>102</v>
      </c>
      <c r="AB738" s="547"/>
      <c r="AC738" s="548"/>
      <c r="AD738" s="415">
        <v>2</v>
      </c>
      <c r="AE738" s="415" t="s">
        <v>103</v>
      </c>
      <c r="AF738" s="541"/>
      <c r="AG738" s="542"/>
      <c r="AH738" s="549"/>
      <c r="AI738" s="550"/>
      <c r="AJ738" s="551"/>
      <c r="AK738" s="332"/>
      <c r="AL738" s="29"/>
      <c r="AM738" s="16"/>
      <c r="AN738" s="3" t="str">
        <f t="shared" si="37"/>
        <v>■</v>
      </c>
    </row>
    <row r="739" spans="1:40" ht="13.4" customHeight="1">
      <c r="A739" s="20" t="str">
        <f t="shared" ref="A739:A802" si="38">IF(LEN(J739)&gt;0,MID(J739,FIND("（",J739,1)+1,2),A738)</f>
        <v>JD</v>
      </c>
      <c r="B739" s="25"/>
      <c r="C739" s="541">
        <v>6</v>
      </c>
      <c r="D739" s="542"/>
      <c r="E739" s="543" t="s">
        <v>779</v>
      </c>
      <c r="F739" s="544"/>
      <c r="G739" s="544"/>
      <c r="H739" s="544"/>
      <c r="I739" s="544"/>
      <c r="J739" s="544"/>
      <c r="K739" s="544"/>
      <c r="L739" s="544"/>
      <c r="M739" s="544"/>
      <c r="N739" s="544"/>
      <c r="O739" s="544"/>
      <c r="P739" s="544"/>
      <c r="Q739" s="544"/>
      <c r="R739" s="544"/>
      <c r="S739" s="544"/>
      <c r="T739" s="545"/>
      <c r="U739" s="221" t="s">
        <v>780</v>
      </c>
      <c r="V739" s="546" t="s">
        <v>107</v>
      </c>
      <c r="W739" s="547"/>
      <c r="X739" s="547"/>
      <c r="Y739" s="547"/>
      <c r="Z739" s="548"/>
      <c r="AA739" s="546" t="s">
        <v>108</v>
      </c>
      <c r="AB739" s="547"/>
      <c r="AC739" s="548"/>
      <c r="AD739" s="415">
        <v>1</v>
      </c>
      <c r="AE739" s="415">
        <v>0</v>
      </c>
      <c r="AF739" s="541"/>
      <c r="AG739" s="542"/>
      <c r="AH739" s="549"/>
      <c r="AI739" s="550"/>
      <c r="AJ739" s="551"/>
      <c r="AK739" s="332"/>
      <c r="AL739" s="29"/>
      <c r="AM739" s="16"/>
      <c r="AN739" s="3" t="str">
        <f t="shared" si="37"/>
        <v>■</v>
      </c>
    </row>
    <row r="740" spans="1:40" ht="13.4" customHeight="1">
      <c r="A740" s="20" t="str">
        <f t="shared" si="38"/>
        <v>JD</v>
      </c>
      <c r="B740" s="25"/>
      <c r="C740" s="541">
        <v>7</v>
      </c>
      <c r="D740" s="542"/>
      <c r="E740" s="543" t="s">
        <v>786</v>
      </c>
      <c r="F740" s="544"/>
      <c r="G740" s="544"/>
      <c r="H740" s="544"/>
      <c r="I740" s="544"/>
      <c r="J740" s="544"/>
      <c r="K740" s="544"/>
      <c r="L740" s="544"/>
      <c r="M740" s="544"/>
      <c r="N740" s="544"/>
      <c r="O740" s="544"/>
      <c r="P740" s="544"/>
      <c r="Q740" s="544"/>
      <c r="R740" s="544"/>
      <c r="S740" s="544"/>
      <c r="T740" s="545"/>
      <c r="U740" s="221" t="s">
        <v>628</v>
      </c>
      <c r="V740" s="546" t="s">
        <v>107</v>
      </c>
      <c r="W740" s="547"/>
      <c r="X740" s="547"/>
      <c r="Y740" s="547"/>
      <c r="Z740" s="548"/>
      <c r="AA740" s="546" t="s">
        <v>108</v>
      </c>
      <c r="AB740" s="547"/>
      <c r="AC740" s="548"/>
      <c r="AD740" s="415">
        <v>1</v>
      </c>
      <c r="AE740" s="415">
        <v>0</v>
      </c>
      <c r="AF740" s="541"/>
      <c r="AG740" s="542"/>
      <c r="AH740" s="549"/>
      <c r="AI740" s="550"/>
      <c r="AJ740" s="551"/>
      <c r="AK740" s="332"/>
      <c r="AL740" s="29"/>
      <c r="AM740" s="16"/>
      <c r="AN740" s="3" t="str">
        <f t="shared" si="37"/>
        <v>■</v>
      </c>
    </row>
    <row r="741" spans="1:40" ht="13.4" customHeight="1">
      <c r="A741" s="20" t="str">
        <f t="shared" si="38"/>
        <v>JD</v>
      </c>
      <c r="B741" s="25"/>
      <c r="C741" s="541">
        <v>8</v>
      </c>
      <c r="D741" s="542"/>
      <c r="E741" s="543" t="s">
        <v>787</v>
      </c>
      <c r="F741" s="544"/>
      <c r="G741" s="544"/>
      <c r="H741" s="544"/>
      <c r="I741" s="544"/>
      <c r="J741" s="544"/>
      <c r="K741" s="544"/>
      <c r="L741" s="544"/>
      <c r="M741" s="544"/>
      <c r="N741" s="544"/>
      <c r="O741" s="544"/>
      <c r="P741" s="544"/>
      <c r="Q741" s="544"/>
      <c r="R741" s="544"/>
      <c r="S741" s="544"/>
      <c r="T741" s="545"/>
      <c r="U741" s="221" t="s">
        <v>630</v>
      </c>
      <c r="V741" s="546" t="s">
        <v>107</v>
      </c>
      <c r="W741" s="547"/>
      <c r="X741" s="547"/>
      <c r="Y741" s="547"/>
      <c r="Z741" s="548"/>
      <c r="AA741" s="546" t="s">
        <v>108</v>
      </c>
      <c r="AB741" s="547"/>
      <c r="AC741" s="548"/>
      <c r="AD741" s="415">
        <v>1</v>
      </c>
      <c r="AE741" s="415">
        <v>0</v>
      </c>
      <c r="AF741" s="541"/>
      <c r="AG741" s="542"/>
      <c r="AH741" s="549"/>
      <c r="AI741" s="550"/>
      <c r="AJ741" s="551"/>
      <c r="AK741" s="332"/>
      <c r="AL741" s="29"/>
      <c r="AM741" s="16"/>
      <c r="AN741" s="3" t="str">
        <f t="shared" si="37"/>
        <v>■</v>
      </c>
    </row>
    <row r="742" spans="1:40" ht="13.4" customHeight="1">
      <c r="A742" s="20" t="str">
        <f t="shared" si="38"/>
        <v>JD</v>
      </c>
      <c r="B742" s="25"/>
      <c r="C742" s="541">
        <v>9</v>
      </c>
      <c r="D742" s="542"/>
      <c r="E742" s="543" t="s">
        <v>788</v>
      </c>
      <c r="F742" s="544"/>
      <c r="G742" s="544"/>
      <c r="H742" s="544"/>
      <c r="I742" s="544"/>
      <c r="J742" s="544"/>
      <c r="K742" s="544"/>
      <c r="L742" s="544"/>
      <c r="M742" s="544"/>
      <c r="N742" s="544"/>
      <c r="O742" s="544"/>
      <c r="P742" s="544"/>
      <c r="Q742" s="544"/>
      <c r="R742" s="544"/>
      <c r="S742" s="544"/>
      <c r="T742" s="545"/>
      <c r="U742" s="221" t="s">
        <v>632</v>
      </c>
      <c r="V742" s="546" t="s">
        <v>107</v>
      </c>
      <c r="W742" s="547"/>
      <c r="X742" s="547"/>
      <c r="Y742" s="547"/>
      <c r="Z742" s="548"/>
      <c r="AA742" s="546" t="s">
        <v>108</v>
      </c>
      <c r="AB742" s="547"/>
      <c r="AC742" s="548"/>
      <c r="AD742" s="415">
        <v>1</v>
      </c>
      <c r="AE742" s="415">
        <v>0</v>
      </c>
      <c r="AF742" s="541"/>
      <c r="AG742" s="542"/>
      <c r="AH742" s="549"/>
      <c r="AI742" s="550"/>
      <c r="AJ742" s="551"/>
      <c r="AK742" s="332"/>
      <c r="AL742" s="29"/>
      <c r="AM742" s="16"/>
      <c r="AN742" s="3" t="str">
        <f t="shared" si="37"/>
        <v>■</v>
      </c>
    </row>
    <row r="743" spans="1:40" ht="13.4" customHeight="1">
      <c r="A743" s="20" t="str">
        <f t="shared" si="38"/>
        <v>JD</v>
      </c>
      <c r="B743" s="25"/>
      <c r="C743" s="541">
        <v>10</v>
      </c>
      <c r="D743" s="542"/>
      <c r="E743" s="543" t="s">
        <v>789</v>
      </c>
      <c r="F743" s="544"/>
      <c r="G743" s="544"/>
      <c r="H743" s="544"/>
      <c r="I743" s="544"/>
      <c r="J743" s="544"/>
      <c r="K743" s="544"/>
      <c r="L743" s="544"/>
      <c r="M743" s="544"/>
      <c r="N743" s="544"/>
      <c r="O743" s="544"/>
      <c r="P743" s="544"/>
      <c r="Q743" s="544"/>
      <c r="R743" s="544"/>
      <c r="S743" s="544"/>
      <c r="T743" s="545"/>
      <c r="U743" s="221" t="s">
        <v>634</v>
      </c>
      <c r="V743" s="546" t="s">
        <v>107</v>
      </c>
      <c r="W743" s="547"/>
      <c r="X743" s="547"/>
      <c r="Y743" s="547"/>
      <c r="Z743" s="548"/>
      <c r="AA743" s="546" t="s">
        <v>108</v>
      </c>
      <c r="AB743" s="547"/>
      <c r="AC743" s="548"/>
      <c r="AD743" s="415">
        <v>1</v>
      </c>
      <c r="AE743" s="415">
        <v>0</v>
      </c>
      <c r="AF743" s="541"/>
      <c r="AG743" s="542"/>
      <c r="AH743" s="549"/>
      <c r="AI743" s="550"/>
      <c r="AJ743" s="551"/>
      <c r="AK743" s="332"/>
      <c r="AL743" s="29"/>
      <c r="AM743" s="16"/>
      <c r="AN743" s="3" t="str">
        <f t="shared" si="37"/>
        <v>■</v>
      </c>
    </row>
    <row r="744" spans="1:40" ht="13.4" customHeight="1">
      <c r="A744" s="20" t="str">
        <f t="shared" si="38"/>
        <v>JD</v>
      </c>
      <c r="B744" s="25"/>
      <c r="C744" s="541">
        <v>11</v>
      </c>
      <c r="D744" s="542"/>
      <c r="E744" s="543" t="s">
        <v>790</v>
      </c>
      <c r="F744" s="544"/>
      <c r="G744" s="544"/>
      <c r="H744" s="544"/>
      <c r="I744" s="544"/>
      <c r="J744" s="544"/>
      <c r="K744" s="544"/>
      <c r="L744" s="544"/>
      <c r="M744" s="544"/>
      <c r="N744" s="544"/>
      <c r="O744" s="544"/>
      <c r="P744" s="544"/>
      <c r="Q744" s="544"/>
      <c r="R744" s="544"/>
      <c r="S744" s="544"/>
      <c r="T744" s="545"/>
      <c r="U744" s="221" t="s">
        <v>636</v>
      </c>
      <c r="V744" s="546" t="s">
        <v>107</v>
      </c>
      <c r="W744" s="547"/>
      <c r="X744" s="547"/>
      <c r="Y744" s="547"/>
      <c r="Z744" s="548"/>
      <c r="AA744" s="546" t="s">
        <v>108</v>
      </c>
      <c r="AB744" s="547"/>
      <c r="AC744" s="548"/>
      <c r="AD744" s="415">
        <v>1</v>
      </c>
      <c r="AE744" s="415">
        <v>0</v>
      </c>
      <c r="AF744" s="541"/>
      <c r="AG744" s="542"/>
      <c r="AH744" s="549"/>
      <c r="AI744" s="550"/>
      <c r="AJ744" s="551"/>
      <c r="AK744" s="332"/>
      <c r="AL744" s="29"/>
      <c r="AM744" s="16"/>
      <c r="AN744" s="3" t="str">
        <f t="shared" si="37"/>
        <v>■</v>
      </c>
    </row>
    <row r="745" spans="1:40" ht="13.4" customHeight="1">
      <c r="A745" s="20" t="str">
        <f t="shared" si="38"/>
        <v>JD</v>
      </c>
      <c r="B745" s="25"/>
      <c r="C745" s="541">
        <v>12</v>
      </c>
      <c r="D745" s="542"/>
      <c r="E745" s="543" t="s">
        <v>791</v>
      </c>
      <c r="F745" s="544"/>
      <c r="G745" s="544"/>
      <c r="H745" s="544"/>
      <c r="I745" s="544"/>
      <c r="J745" s="544"/>
      <c r="K745" s="544"/>
      <c r="L745" s="544"/>
      <c r="M745" s="544"/>
      <c r="N745" s="544"/>
      <c r="O745" s="544"/>
      <c r="P745" s="544"/>
      <c r="Q745" s="544"/>
      <c r="R745" s="544"/>
      <c r="S745" s="544"/>
      <c r="T745" s="545"/>
      <c r="U745" s="221" t="s">
        <v>638</v>
      </c>
      <c r="V745" s="546" t="s">
        <v>107</v>
      </c>
      <c r="W745" s="547"/>
      <c r="X745" s="547"/>
      <c r="Y745" s="547"/>
      <c r="Z745" s="548"/>
      <c r="AA745" s="546" t="s">
        <v>108</v>
      </c>
      <c r="AB745" s="547"/>
      <c r="AC745" s="548"/>
      <c r="AD745" s="415">
        <v>1</v>
      </c>
      <c r="AE745" s="415">
        <v>0</v>
      </c>
      <c r="AF745" s="541"/>
      <c r="AG745" s="542"/>
      <c r="AH745" s="549"/>
      <c r="AI745" s="550"/>
      <c r="AJ745" s="551"/>
      <c r="AK745" s="332"/>
      <c r="AL745" s="29"/>
      <c r="AM745" s="16"/>
      <c r="AN745" s="3" t="str">
        <f t="shared" si="37"/>
        <v>■</v>
      </c>
    </row>
    <row r="746" spans="1:40" ht="13.4" customHeight="1">
      <c r="A746" s="20" t="str">
        <f t="shared" si="38"/>
        <v>JD</v>
      </c>
      <c r="B746" s="25"/>
      <c r="C746" s="541">
        <v>13</v>
      </c>
      <c r="D746" s="542"/>
      <c r="E746" s="543" t="s">
        <v>792</v>
      </c>
      <c r="F746" s="544"/>
      <c r="G746" s="544"/>
      <c r="H746" s="544"/>
      <c r="I746" s="544"/>
      <c r="J746" s="544"/>
      <c r="K746" s="544"/>
      <c r="L746" s="544"/>
      <c r="M746" s="544"/>
      <c r="N746" s="544"/>
      <c r="O746" s="544"/>
      <c r="P746" s="544"/>
      <c r="Q746" s="544"/>
      <c r="R746" s="544"/>
      <c r="S746" s="544"/>
      <c r="T746" s="545"/>
      <c r="U746" s="221" t="s">
        <v>640</v>
      </c>
      <c r="V746" s="546" t="s">
        <v>107</v>
      </c>
      <c r="W746" s="547"/>
      <c r="X746" s="547"/>
      <c r="Y746" s="547"/>
      <c r="Z746" s="548"/>
      <c r="AA746" s="546" t="s">
        <v>108</v>
      </c>
      <c r="AB746" s="547"/>
      <c r="AC746" s="548"/>
      <c r="AD746" s="415">
        <v>1</v>
      </c>
      <c r="AE746" s="415">
        <v>0</v>
      </c>
      <c r="AF746" s="541"/>
      <c r="AG746" s="542"/>
      <c r="AH746" s="549"/>
      <c r="AI746" s="550"/>
      <c r="AJ746" s="551"/>
      <c r="AK746" s="332"/>
      <c r="AL746" s="29"/>
      <c r="AM746" s="16"/>
      <c r="AN746" s="3" t="str">
        <f t="shared" si="37"/>
        <v>■</v>
      </c>
    </row>
    <row r="747" spans="1:40" ht="13.4" customHeight="1">
      <c r="A747" s="20" t="str">
        <f t="shared" si="38"/>
        <v>JD</v>
      </c>
      <c r="B747" s="25"/>
      <c r="C747" s="541">
        <v>14</v>
      </c>
      <c r="D747" s="542"/>
      <c r="E747" s="543" t="s">
        <v>793</v>
      </c>
      <c r="F747" s="544"/>
      <c r="G747" s="544"/>
      <c r="H747" s="544"/>
      <c r="I747" s="544"/>
      <c r="J747" s="544"/>
      <c r="K747" s="544"/>
      <c r="L747" s="544"/>
      <c r="M747" s="544"/>
      <c r="N747" s="544"/>
      <c r="O747" s="544"/>
      <c r="P747" s="544"/>
      <c r="Q747" s="544"/>
      <c r="R747" s="544"/>
      <c r="S747" s="544"/>
      <c r="T747" s="545"/>
      <c r="U747" s="221" t="s">
        <v>642</v>
      </c>
      <c r="V747" s="546" t="s">
        <v>107</v>
      </c>
      <c r="W747" s="547"/>
      <c r="X747" s="547"/>
      <c r="Y747" s="547"/>
      <c r="Z747" s="548"/>
      <c r="AA747" s="546" t="s">
        <v>108</v>
      </c>
      <c r="AB747" s="547"/>
      <c r="AC747" s="548"/>
      <c r="AD747" s="415">
        <v>1</v>
      </c>
      <c r="AE747" s="415">
        <v>0</v>
      </c>
      <c r="AF747" s="541"/>
      <c r="AG747" s="542"/>
      <c r="AH747" s="549"/>
      <c r="AI747" s="550"/>
      <c r="AJ747" s="551"/>
      <c r="AK747" s="332"/>
      <c r="AL747" s="29"/>
      <c r="AM747" s="16"/>
      <c r="AN747" s="3" t="str">
        <f t="shared" si="37"/>
        <v>■</v>
      </c>
    </row>
    <row r="748" spans="1:40" ht="13.4" customHeight="1">
      <c r="A748" s="20" t="str">
        <f t="shared" si="38"/>
        <v>JD</v>
      </c>
      <c r="B748" s="25"/>
      <c r="C748" s="541">
        <v>15</v>
      </c>
      <c r="D748" s="542"/>
      <c r="E748" s="543" t="s">
        <v>794</v>
      </c>
      <c r="F748" s="544"/>
      <c r="G748" s="544"/>
      <c r="H748" s="544"/>
      <c r="I748" s="544"/>
      <c r="J748" s="544"/>
      <c r="K748" s="544"/>
      <c r="L748" s="544"/>
      <c r="M748" s="544"/>
      <c r="N748" s="544"/>
      <c r="O748" s="544"/>
      <c r="P748" s="544"/>
      <c r="Q748" s="544"/>
      <c r="R748" s="544"/>
      <c r="S748" s="544"/>
      <c r="T748" s="545"/>
      <c r="U748" s="221" t="s">
        <v>644</v>
      </c>
      <c r="V748" s="546" t="s">
        <v>107</v>
      </c>
      <c r="W748" s="547"/>
      <c r="X748" s="547"/>
      <c r="Y748" s="547"/>
      <c r="Z748" s="548"/>
      <c r="AA748" s="546" t="s">
        <v>108</v>
      </c>
      <c r="AB748" s="547"/>
      <c r="AC748" s="548"/>
      <c r="AD748" s="415">
        <v>1</v>
      </c>
      <c r="AE748" s="415">
        <v>0</v>
      </c>
      <c r="AF748" s="541"/>
      <c r="AG748" s="542"/>
      <c r="AH748" s="549"/>
      <c r="AI748" s="550"/>
      <c r="AJ748" s="551"/>
      <c r="AK748" s="332"/>
      <c r="AL748" s="29"/>
      <c r="AM748" s="16"/>
      <c r="AN748" s="3" t="str">
        <f t="shared" si="37"/>
        <v>■</v>
      </c>
    </row>
    <row r="749" spans="1:40" ht="13.4" customHeight="1">
      <c r="A749" s="20" t="str">
        <f t="shared" si="38"/>
        <v>JD</v>
      </c>
      <c r="B749" s="25"/>
      <c r="C749" s="541">
        <v>16</v>
      </c>
      <c r="D749" s="542"/>
      <c r="E749" s="543" t="s">
        <v>795</v>
      </c>
      <c r="F749" s="544"/>
      <c r="G749" s="544"/>
      <c r="H749" s="544"/>
      <c r="I749" s="544"/>
      <c r="J749" s="544"/>
      <c r="K749" s="544"/>
      <c r="L749" s="544"/>
      <c r="M749" s="544"/>
      <c r="N749" s="544"/>
      <c r="O749" s="544"/>
      <c r="P749" s="544"/>
      <c r="Q749" s="544"/>
      <c r="R749" s="544"/>
      <c r="S749" s="544"/>
      <c r="T749" s="545"/>
      <c r="U749" s="221" t="s">
        <v>646</v>
      </c>
      <c r="V749" s="546" t="s">
        <v>107</v>
      </c>
      <c r="W749" s="547"/>
      <c r="X749" s="547"/>
      <c r="Y749" s="547"/>
      <c r="Z749" s="548"/>
      <c r="AA749" s="546" t="s">
        <v>108</v>
      </c>
      <c r="AB749" s="547"/>
      <c r="AC749" s="548"/>
      <c r="AD749" s="415">
        <v>1</v>
      </c>
      <c r="AE749" s="415">
        <v>0</v>
      </c>
      <c r="AF749" s="541"/>
      <c r="AG749" s="542"/>
      <c r="AH749" s="549"/>
      <c r="AI749" s="550"/>
      <c r="AJ749" s="551"/>
      <c r="AK749" s="332"/>
      <c r="AL749" s="29"/>
      <c r="AM749" s="16"/>
      <c r="AN749" s="3" t="str">
        <f t="shared" si="37"/>
        <v>■</v>
      </c>
    </row>
    <row r="750" spans="1:40" ht="13.4" customHeight="1">
      <c r="A750" s="20" t="str">
        <f t="shared" si="38"/>
        <v>JD</v>
      </c>
      <c r="B750" s="25"/>
      <c r="C750" s="541">
        <v>17</v>
      </c>
      <c r="D750" s="542"/>
      <c r="E750" s="543" t="s">
        <v>796</v>
      </c>
      <c r="F750" s="544"/>
      <c r="G750" s="544"/>
      <c r="H750" s="544"/>
      <c r="I750" s="544"/>
      <c r="J750" s="544"/>
      <c r="K750" s="544"/>
      <c r="L750" s="544"/>
      <c r="M750" s="544"/>
      <c r="N750" s="544"/>
      <c r="O750" s="544"/>
      <c r="P750" s="544"/>
      <c r="Q750" s="544"/>
      <c r="R750" s="544"/>
      <c r="S750" s="544"/>
      <c r="T750" s="545"/>
      <c r="U750" s="221" t="s">
        <v>648</v>
      </c>
      <c r="V750" s="546" t="s">
        <v>107</v>
      </c>
      <c r="W750" s="547"/>
      <c r="X750" s="547"/>
      <c r="Y750" s="547"/>
      <c r="Z750" s="548"/>
      <c r="AA750" s="546" t="s">
        <v>108</v>
      </c>
      <c r="AB750" s="547"/>
      <c r="AC750" s="548"/>
      <c r="AD750" s="415">
        <v>1</v>
      </c>
      <c r="AE750" s="415">
        <v>0</v>
      </c>
      <c r="AF750" s="541"/>
      <c r="AG750" s="542"/>
      <c r="AH750" s="549"/>
      <c r="AI750" s="550"/>
      <c r="AJ750" s="551"/>
      <c r="AK750" s="332"/>
      <c r="AL750" s="29"/>
      <c r="AM750" s="16"/>
      <c r="AN750" s="3" t="str">
        <f t="shared" si="37"/>
        <v>■</v>
      </c>
    </row>
    <row r="751" spans="1:40" ht="13.4" customHeight="1">
      <c r="A751" s="20" t="str">
        <f t="shared" si="38"/>
        <v>JD</v>
      </c>
      <c r="B751" s="25"/>
      <c r="C751" s="541">
        <v>18</v>
      </c>
      <c r="D751" s="542"/>
      <c r="E751" s="543" t="s">
        <v>797</v>
      </c>
      <c r="F751" s="544"/>
      <c r="G751" s="544"/>
      <c r="H751" s="544"/>
      <c r="I751" s="544"/>
      <c r="J751" s="544"/>
      <c r="K751" s="544"/>
      <c r="L751" s="544"/>
      <c r="M751" s="544"/>
      <c r="N751" s="544"/>
      <c r="O751" s="544"/>
      <c r="P751" s="544"/>
      <c r="Q751" s="544"/>
      <c r="R751" s="544"/>
      <c r="S751" s="544"/>
      <c r="T751" s="545"/>
      <c r="U751" s="221" t="s">
        <v>650</v>
      </c>
      <c r="V751" s="546" t="s">
        <v>107</v>
      </c>
      <c r="W751" s="547"/>
      <c r="X751" s="547"/>
      <c r="Y751" s="547"/>
      <c r="Z751" s="548"/>
      <c r="AA751" s="546" t="s">
        <v>108</v>
      </c>
      <c r="AB751" s="547"/>
      <c r="AC751" s="548"/>
      <c r="AD751" s="415">
        <v>1</v>
      </c>
      <c r="AE751" s="415">
        <v>0</v>
      </c>
      <c r="AF751" s="541"/>
      <c r="AG751" s="542"/>
      <c r="AH751" s="549"/>
      <c r="AI751" s="550"/>
      <c r="AJ751" s="551"/>
      <c r="AK751" s="332"/>
      <c r="AL751" s="29"/>
      <c r="AM751" s="16"/>
      <c r="AN751" s="3" t="str">
        <f t="shared" si="37"/>
        <v>■</v>
      </c>
    </row>
    <row r="752" spans="1:40" ht="13.4" customHeight="1">
      <c r="A752" s="20" t="str">
        <f t="shared" si="38"/>
        <v>JD</v>
      </c>
      <c r="B752" s="25"/>
      <c r="C752" s="541">
        <v>19</v>
      </c>
      <c r="D752" s="542"/>
      <c r="E752" s="543" t="s">
        <v>798</v>
      </c>
      <c r="F752" s="544"/>
      <c r="G752" s="544"/>
      <c r="H752" s="544"/>
      <c r="I752" s="544"/>
      <c r="J752" s="544"/>
      <c r="K752" s="544"/>
      <c r="L752" s="544"/>
      <c r="M752" s="544"/>
      <c r="N752" s="544"/>
      <c r="O752" s="544"/>
      <c r="P752" s="544"/>
      <c r="Q752" s="544"/>
      <c r="R752" s="544"/>
      <c r="S752" s="544"/>
      <c r="T752" s="545"/>
      <c r="U752" s="221" t="s">
        <v>652</v>
      </c>
      <c r="V752" s="546" t="s">
        <v>107</v>
      </c>
      <c r="W752" s="547"/>
      <c r="X752" s="547"/>
      <c r="Y752" s="547"/>
      <c r="Z752" s="548"/>
      <c r="AA752" s="546" t="s">
        <v>108</v>
      </c>
      <c r="AB752" s="547"/>
      <c r="AC752" s="548"/>
      <c r="AD752" s="415">
        <v>1</v>
      </c>
      <c r="AE752" s="415">
        <v>0</v>
      </c>
      <c r="AF752" s="541"/>
      <c r="AG752" s="542"/>
      <c r="AH752" s="549"/>
      <c r="AI752" s="550"/>
      <c r="AJ752" s="551"/>
      <c r="AK752" s="332"/>
      <c r="AL752" s="29"/>
      <c r="AM752" s="16"/>
      <c r="AN752" s="3" t="str">
        <f t="shared" si="37"/>
        <v>■</v>
      </c>
    </row>
    <row r="753" spans="1:40" ht="13.4" customHeight="1">
      <c r="A753" s="20" t="str">
        <f t="shared" si="38"/>
        <v>JD</v>
      </c>
      <c r="B753" s="25"/>
      <c r="C753" s="541">
        <v>20</v>
      </c>
      <c r="D753" s="542"/>
      <c r="E753" s="543" t="s">
        <v>799</v>
      </c>
      <c r="F753" s="544"/>
      <c r="G753" s="544"/>
      <c r="H753" s="544"/>
      <c r="I753" s="544"/>
      <c r="J753" s="544"/>
      <c r="K753" s="544"/>
      <c r="L753" s="544"/>
      <c r="M753" s="544"/>
      <c r="N753" s="544"/>
      <c r="O753" s="544"/>
      <c r="P753" s="544"/>
      <c r="Q753" s="544"/>
      <c r="R753" s="544"/>
      <c r="S753" s="544"/>
      <c r="T753" s="545"/>
      <c r="U753" s="221" t="s">
        <v>654</v>
      </c>
      <c r="V753" s="546" t="s">
        <v>107</v>
      </c>
      <c r="W753" s="547"/>
      <c r="X753" s="547"/>
      <c r="Y753" s="547"/>
      <c r="Z753" s="548"/>
      <c r="AA753" s="546" t="s">
        <v>108</v>
      </c>
      <c r="AB753" s="547"/>
      <c r="AC753" s="548"/>
      <c r="AD753" s="415">
        <v>1</v>
      </c>
      <c r="AE753" s="415">
        <v>0</v>
      </c>
      <c r="AF753" s="541"/>
      <c r="AG753" s="542"/>
      <c r="AH753" s="549"/>
      <c r="AI753" s="550"/>
      <c r="AJ753" s="551"/>
      <c r="AK753" s="332"/>
      <c r="AL753" s="29"/>
      <c r="AM753" s="16"/>
      <c r="AN753" s="3" t="str">
        <f t="shared" si="37"/>
        <v>■</v>
      </c>
    </row>
    <row r="754" spans="1:40" ht="13.4" customHeight="1">
      <c r="A754" s="20" t="str">
        <f t="shared" si="38"/>
        <v>JD</v>
      </c>
      <c r="B754" s="25"/>
      <c r="C754" s="541">
        <v>21</v>
      </c>
      <c r="D754" s="542"/>
      <c r="E754" s="543" t="s">
        <v>800</v>
      </c>
      <c r="F754" s="544"/>
      <c r="G754" s="544"/>
      <c r="H754" s="544"/>
      <c r="I754" s="544"/>
      <c r="J754" s="544"/>
      <c r="K754" s="544"/>
      <c r="L754" s="544"/>
      <c r="M754" s="544"/>
      <c r="N754" s="544"/>
      <c r="O754" s="544"/>
      <c r="P754" s="544"/>
      <c r="Q754" s="544"/>
      <c r="R754" s="544"/>
      <c r="S754" s="544"/>
      <c r="T754" s="545"/>
      <c r="U754" s="221" t="s">
        <v>656</v>
      </c>
      <c r="V754" s="546" t="s">
        <v>107</v>
      </c>
      <c r="W754" s="547"/>
      <c r="X754" s="547"/>
      <c r="Y754" s="547"/>
      <c r="Z754" s="548"/>
      <c r="AA754" s="546" t="s">
        <v>108</v>
      </c>
      <c r="AB754" s="547"/>
      <c r="AC754" s="548"/>
      <c r="AD754" s="415">
        <v>1</v>
      </c>
      <c r="AE754" s="415">
        <v>0</v>
      </c>
      <c r="AF754" s="541"/>
      <c r="AG754" s="542"/>
      <c r="AH754" s="549"/>
      <c r="AI754" s="550"/>
      <c r="AJ754" s="551"/>
      <c r="AK754" s="332"/>
      <c r="AL754" s="29"/>
      <c r="AM754" s="16"/>
      <c r="AN754" s="3" t="str">
        <f t="shared" si="37"/>
        <v>■</v>
      </c>
    </row>
    <row r="755" spans="1:40" ht="13.4" customHeight="1">
      <c r="A755" s="20" t="str">
        <f t="shared" si="38"/>
        <v>JD</v>
      </c>
      <c r="B755" s="25"/>
      <c r="C755" s="541">
        <v>22</v>
      </c>
      <c r="D755" s="542"/>
      <c r="E755" s="543" t="s">
        <v>801</v>
      </c>
      <c r="F755" s="544"/>
      <c r="G755" s="544"/>
      <c r="H755" s="544"/>
      <c r="I755" s="544"/>
      <c r="J755" s="544"/>
      <c r="K755" s="544"/>
      <c r="L755" s="544"/>
      <c r="M755" s="544"/>
      <c r="N755" s="544"/>
      <c r="O755" s="544"/>
      <c r="P755" s="544"/>
      <c r="Q755" s="544"/>
      <c r="R755" s="544"/>
      <c r="S755" s="544"/>
      <c r="T755" s="545"/>
      <c r="U755" s="221" t="s">
        <v>658</v>
      </c>
      <c r="V755" s="546" t="s">
        <v>107</v>
      </c>
      <c r="W755" s="547"/>
      <c r="X755" s="547"/>
      <c r="Y755" s="547"/>
      <c r="Z755" s="548"/>
      <c r="AA755" s="546" t="s">
        <v>108</v>
      </c>
      <c r="AB755" s="547"/>
      <c r="AC755" s="548"/>
      <c r="AD755" s="415">
        <v>1</v>
      </c>
      <c r="AE755" s="415">
        <v>0</v>
      </c>
      <c r="AF755" s="541"/>
      <c r="AG755" s="542"/>
      <c r="AH755" s="549"/>
      <c r="AI755" s="550"/>
      <c r="AJ755" s="551"/>
      <c r="AK755" s="332"/>
      <c r="AL755" s="29"/>
      <c r="AM755" s="16"/>
      <c r="AN755" s="3" t="str">
        <f t="shared" si="37"/>
        <v>■</v>
      </c>
    </row>
    <row r="756" spans="1:40" ht="13.4" customHeight="1">
      <c r="A756" s="20" t="str">
        <f t="shared" si="38"/>
        <v>JD</v>
      </c>
      <c r="B756" s="25"/>
      <c r="C756" s="541">
        <v>23</v>
      </c>
      <c r="D756" s="542"/>
      <c r="E756" s="543" t="s">
        <v>802</v>
      </c>
      <c r="F756" s="544"/>
      <c r="G756" s="544"/>
      <c r="H756" s="544"/>
      <c r="I756" s="544"/>
      <c r="J756" s="544"/>
      <c r="K756" s="544"/>
      <c r="L756" s="544"/>
      <c r="M756" s="544"/>
      <c r="N756" s="544"/>
      <c r="O756" s="544"/>
      <c r="P756" s="544"/>
      <c r="Q756" s="544"/>
      <c r="R756" s="544"/>
      <c r="S756" s="544"/>
      <c r="T756" s="545"/>
      <c r="U756" s="221" t="s">
        <v>660</v>
      </c>
      <c r="V756" s="546" t="s">
        <v>107</v>
      </c>
      <c r="W756" s="547"/>
      <c r="X756" s="547"/>
      <c r="Y756" s="547"/>
      <c r="Z756" s="548"/>
      <c r="AA756" s="546" t="s">
        <v>108</v>
      </c>
      <c r="AB756" s="547"/>
      <c r="AC756" s="548"/>
      <c r="AD756" s="415">
        <v>1</v>
      </c>
      <c r="AE756" s="415">
        <v>0</v>
      </c>
      <c r="AF756" s="541"/>
      <c r="AG756" s="542"/>
      <c r="AH756" s="549"/>
      <c r="AI756" s="550"/>
      <c r="AJ756" s="551"/>
      <c r="AK756" s="332"/>
      <c r="AL756" s="29"/>
      <c r="AM756" s="16"/>
      <c r="AN756" s="3" t="str">
        <f t="shared" si="37"/>
        <v>■</v>
      </c>
    </row>
    <row r="757" spans="1:40" ht="13.4" customHeight="1">
      <c r="A757" s="20" t="str">
        <f t="shared" si="38"/>
        <v>JD</v>
      </c>
      <c r="B757" s="25"/>
      <c r="C757" s="541">
        <v>24</v>
      </c>
      <c r="D757" s="542"/>
      <c r="E757" s="543" t="s">
        <v>803</v>
      </c>
      <c r="F757" s="544"/>
      <c r="G757" s="544"/>
      <c r="H757" s="544"/>
      <c r="I757" s="544"/>
      <c r="J757" s="544"/>
      <c r="K757" s="544"/>
      <c r="L757" s="544"/>
      <c r="M757" s="544"/>
      <c r="N757" s="544"/>
      <c r="O757" s="544"/>
      <c r="P757" s="544"/>
      <c r="Q757" s="544"/>
      <c r="R757" s="544"/>
      <c r="S757" s="544"/>
      <c r="T757" s="545"/>
      <c r="U757" s="221" t="s">
        <v>662</v>
      </c>
      <c r="V757" s="546" t="s">
        <v>107</v>
      </c>
      <c r="W757" s="547"/>
      <c r="X757" s="547"/>
      <c r="Y757" s="547"/>
      <c r="Z757" s="548"/>
      <c r="AA757" s="546" t="s">
        <v>108</v>
      </c>
      <c r="AB757" s="547"/>
      <c r="AC757" s="548"/>
      <c r="AD757" s="415">
        <v>1</v>
      </c>
      <c r="AE757" s="415">
        <v>0</v>
      </c>
      <c r="AF757" s="541"/>
      <c r="AG757" s="542"/>
      <c r="AH757" s="549"/>
      <c r="AI757" s="550"/>
      <c r="AJ757" s="551"/>
      <c r="AK757" s="332"/>
      <c r="AL757" s="29"/>
      <c r="AM757" s="16"/>
      <c r="AN757" s="3" t="str">
        <f t="shared" si="37"/>
        <v>■</v>
      </c>
    </row>
    <row r="758" spans="1:40" ht="13.4" customHeight="1">
      <c r="A758" s="20" t="str">
        <f t="shared" si="38"/>
        <v>JD</v>
      </c>
      <c r="B758" s="25"/>
      <c r="C758" s="541">
        <v>25</v>
      </c>
      <c r="D758" s="542"/>
      <c r="E758" s="543" t="s">
        <v>804</v>
      </c>
      <c r="F758" s="544"/>
      <c r="G758" s="544"/>
      <c r="H758" s="544"/>
      <c r="I758" s="544"/>
      <c r="J758" s="544"/>
      <c r="K758" s="544"/>
      <c r="L758" s="544"/>
      <c r="M758" s="544"/>
      <c r="N758" s="544"/>
      <c r="O758" s="544"/>
      <c r="P758" s="544"/>
      <c r="Q758" s="544"/>
      <c r="R758" s="544"/>
      <c r="S758" s="544"/>
      <c r="T758" s="545"/>
      <c r="U758" s="221" t="s">
        <v>664</v>
      </c>
      <c r="V758" s="546" t="s">
        <v>107</v>
      </c>
      <c r="W758" s="547"/>
      <c r="X758" s="547"/>
      <c r="Y758" s="547"/>
      <c r="Z758" s="548"/>
      <c r="AA758" s="546" t="s">
        <v>108</v>
      </c>
      <c r="AB758" s="547"/>
      <c r="AC758" s="548"/>
      <c r="AD758" s="415">
        <v>1</v>
      </c>
      <c r="AE758" s="415">
        <v>0</v>
      </c>
      <c r="AF758" s="541"/>
      <c r="AG758" s="542"/>
      <c r="AH758" s="549"/>
      <c r="AI758" s="550"/>
      <c r="AJ758" s="551"/>
      <c r="AK758" s="332"/>
      <c r="AL758" s="29"/>
      <c r="AM758" s="16"/>
      <c r="AN758" s="3" t="str">
        <f t="shared" si="37"/>
        <v>■</v>
      </c>
    </row>
    <row r="759" spans="1:40" ht="13.4" customHeight="1">
      <c r="A759" s="20" t="str">
        <f t="shared" si="38"/>
        <v>JD</v>
      </c>
      <c r="B759" s="25"/>
      <c r="C759" s="541">
        <v>26</v>
      </c>
      <c r="D759" s="542"/>
      <c r="E759" s="543" t="s">
        <v>805</v>
      </c>
      <c r="F759" s="544"/>
      <c r="G759" s="544"/>
      <c r="H759" s="544"/>
      <c r="I759" s="544"/>
      <c r="J759" s="544"/>
      <c r="K759" s="544"/>
      <c r="L759" s="544"/>
      <c r="M759" s="544"/>
      <c r="N759" s="544"/>
      <c r="O759" s="544"/>
      <c r="P759" s="544"/>
      <c r="Q759" s="544"/>
      <c r="R759" s="544"/>
      <c r="S759" s="544"/>
      <c r="T759" s="545"/>
      <c r="U759" s="221" t="s">
        <v>666</v>
      </c>
      <c r="V759" s="546" t="s">
        <v>107</v>
      </c>
      <c r="W759" s="547"/>
      <c r="X759" s="547"/>
      <c r="Y759" s="547"/>
      <c r="Z759" s="548"/>
      <c r="AA759" s="546" t="s">
        <v>108</v>
      </c>
      <c r="AB759" s="547"/>
      <c r="AC759" s="548"/>
      <c r="AD759" s="415">
        <v>1</v>
      </c>
      <c r="AE759" s="415">
        <v>0</v>
      </c>
      <c r="AF759" s="541"/>
      <c r="AG759" s="542"/>
      <c r="AH759" s="549"/>
      <c r="AI759" s="550"/>
      <c r="AJ759" s="551"/>
      <c r="AK759" s="332"/>
      <c r="AL759" s="29"/>
      <c r="AM759" s="16"/>
      <c r="AN759" s="3" t="str">
        <f t="shared" si="37"/>
        <v>■</v>
      </c>
    </row>
    <row r="760" spans="1:40" ht="13.4" customHeight="1">
      <c r="A760" s="20" t="str">
        <f t="shared" si="38"/>
        <v>JD</v>
      </c>
      <c r="B760" s="25"/>
      <c r="C760" s="541">
        <v>27</v>
      </c>
      <c r="D760" s="542"/>
      <c r="E760" s="543" t="s">
        <v>806</v>
      </c>
      <c r="F760" s="544"/>
      <c r="G760" s="544"/>
      <c r="H760" s="544"/>
      <c r="I760" s="544"/>
      <c r="J760" s="544"/>
      <c r="K760" s="544"/>
      <c r="L760" s="544"/>
      <c r="M760" s="544"/>
      <c r="N760" s="544"/>
      <c r="O760" s="544"/>
      <c r="P760" s="544"/>
      <c r="Q760" s="544"/>
      <c r="R760" s="544"/>
      <c r="S760" s="544"/>
      <c r="T760" s="545"/>
      <c r="U760" s="221" t="s">
        <v>668</v>
      </c>
      <c r="V760" s="546" t="s">
        <v>107</v>
      </c>
      <c r="W760" s="547"/>
      <c r="X760" s="547"/>
      <c r="Y760" s="547"/>
      <c r="Z760" s="548"/>
      <c r="AA760" s="546" t="s">
        <v>108</v>
      </c>
      <c r="AB760" s="547"/>
      <c r="AC760" s="548"/>
      <c r="AD760" s="415">
        <v>1</v>
      </c>
      <c r="AE760" s="415">
        <v>0</v>
      </c>
      <c r="AF760" s="541"/>
      <c r="AG760" s="542"/>
      <c r="AH760" s="549"/>
      <c r="AI760" s="550"/>
      <c r="AJ760" s="551"/>
      <c r="AK760" s="332"/>
      <c r="AL760" s="29"/>
      <c r="AM760" s="16"/>
      <c r="AN760" s="3" t="str">
        <f t="shared" si="37"/>
        <v>■</v>
      </c>
    </row>
    <row r="761" spans="1:40" ht="13.4" customHeight="1">
      <c r="A761" s="20" t="str">
        <f t="shared" si="38"/>
        <v>JD</v>
      </c>
      <c r="B761" s="25"/>
      <c r="C761" s="541">
        <v>28</v>
      </c>
      <c r="D761" s="542"/>
      <c r="E761" s="543" t="s">
        <v>807</v>
      </c>
      <c r="F761" s="544"/>
      <c r="G761" s="544"/>
      <c r="H761" s="544"/>
      <c r="I761" s="544"/>
      <c r="J761" s="544"/>
      <c r="K761" s="544"/>
      <c r="L761" s="544"/>
      <c r="M761" s="544"/>
      <c r="N761" s="544"/>
      <c r="O761" s="544"/>
      <c r="P761" s="544"/>
      <c r="Q761" s="544"/>
      <c r="R761" s="544"/>
      <c r="S761" s="544"/>
      <c r="T761" s="545"/>
      <c r="U761" s="221" t="s">
        <v>670</v>
      </c>
      <c r="V761" s="546" t="s">
        <v>107</v>
      </c>
      <c r="W761" s="547"/>
      <c r="X761" s="547"/>
      <c r="Y761" s="547"/>
      <c r="Z761" s="548"/>
      <c r="AA761" s="546" t="s">
        <v>108</v>
      </c>
      <c r="AB761" s="547"/>
      <c r="AC761" s="548"/>
      <c r="AD761" s="415">
        <v>1</v>
      </c>
      <c r="AE761" s="415">
        <v>0</v>
      </c>
      <c r="AF761" s="541"/>
      <c r="AG761" s="542"/>
      <c r="AH761" s="549"/>
      <c r="AI761" s="550"/>
      <c r="AJ761" s="551"/>
      <c r="AK761" s="332"/>
      <c r="AL761" s="29"/>
      <c r="AM761" s="16"/>
      <c r="AN761" s="3" t="str">
        <f t="shared" si="37"/>
        <v>■</v>
      </c>
    </row>
    <row r="762" spans="1:40" ht="13.4" customHeight="1">
      <c r="A762" s="20" t="str">
        <f t="shared" si="38"/>
        <v>JD</v>
      </c>
      <c r="B762" s="25"/>
      <c r="C762" s="541">
        <v>29</v>
      </c>
      <c r="D762" s="542"/>
      <c r="E762" s="543" t="s">
        <v>808</v>
      </c>
      <c r="F762" s="544"/>
      <c r="G762" s="544"/>
      <c r="H762" s="544"/>
      <c r="I762" s="544"/>
      <c r="J762" s="544"/>
      <c r="K762" s="544"/>
      <c r="L762" s="544"/>
      <c r="M762" s="544"/>
      <c r="N762" s="544"/>
      <c r="O762" s="544"/>
      <c r="P762" s="544"/>
      <c r="Q762" s="544"/>
      <c r="R762" s="544"/>
      <c r="S762" s="544"/>
      <c r="T762" s="545"/>
      <c r="U762" s="221" t="s">
        <v>672</v>
      </c>
      <c r="V762" s="546" t="s">
        <v>107</v>
      </c>
      <c r="W762" s="547"/>
      <c r="X762" s="547"/>
      <c r="Y762" s="547"/>
      <c r="Z762" s="548"/>
      <c r="AA762" s="546" t="s">
        <v>108</v>
      </c>
      <c r="AB762" s="547"/>
      <c r="AC762" s="548"/>
      <c r="AD762" s="415">
        <v>1</v>
      </c>
      <c r="AE762" s="415">
        <v>0</v>
      </c>
      <c r="AF762" s="541"/>
      <c r="AG762" s="542"/>
      <c r="AH762" s="549"/>
      <c r="AI762" s="550"/>
      <c r="AJ762" s="551"/>
      <c r="AK762" s="332"/>
      <c r="AL762" s="29"/>
      <c r="AM762" s="16"/>
      <c r="AN762" s="3" t="str">
        <f t="shared" si="37"/>
        <v>■</v>
      </c>
    </row>
    <row r="763" spans="1:40" ht="13.4" customHeight="1">
      <c r="A763" s="20" t="str">
        <f t="shared" si="38"/>
        <v>JD</v>
      </c>
      <c r="B763" s="25"/>
      <c r="C763" s="541">
        <v>30</v>
      </c>
      <c r="D763" s="542"/>
      <c r="E763" s="543" t="s">
        <v>809</v>
      </c>
      <c r="F763" s="544"/>
      <c r="G763" s="544"/>
      <c r="H763" s="544"/>
      <c r="I763" s="544"/>
      <c r="J763" s="544"/>
      <c r="K763" s="544"/>
      <c r="L763" s="544"/>
      <c r="M763" s="544"/>
      <c r="N763" s="544"/>
      <c r="O763" s="544"/>
      <c r="P763" s="544"/>
      <c r="Q763" s="544"/>
      <c r="R763" s="544"/>
      <c r="S763" s="544"/>
      <c r="T763" s="545"/>
      <c r="U763" s="221" t="s">
        <v>674</v>
      </c>
      <c r="V763" s="546" t="s">
        <v>107</v>
      </c>
      <c r="W763" s="547"/>
      <c r="X763" s="547"/>
      <c r="Y763" s="547"/>
      <c r="Z763" s="548"/>
      <c r="AA763" s="546" t="s">
        <v>108</v>
      </c>
      <c r="AB763" s="547"/>
      <c r="AC763" s="548"/>
      <c r="AD763" s="415">
        <v>1</v>
      </c>
      <c r="AE763" s="415">
        <v>0</v>
      </c>
      <c r="AF763" s="541"/>
      <c r="AG763" s="542"/>
      <c r="AH763" s="549"/>
      <c r="AI763" s="550"/>
      <c r="AJ763" s="551"/>
      <c r="AK763" s="332"/>
      <c r="AL763" s="29"/>
      <c r="AM763" s="16"/>
      <c r="AN763" s="3" t="str">
        <f t="shared" si="37"/>
        <v>■</v>
      </c>
    </row>
    <row r="764" spans="1:40" ht="13.4" customHeight="1">
      <c r="A764" s="20" t="str">
        <f t="shared" si="38"/>
        <v>JD</v>
      </c>
      <c r="B764" s="25"/>
      <c r="C764" s="541">
        <v>31</v>
      </c>
      <c r="D764" s="542"/>
      <c r="E764" s="543" t="s">
        <v>810</v>
      </c>
      <c r="F764" s="544"/>
      <c r="G764" s="544"/>
      <c r="H764" s="544"/>
      <c r="I764" s="544"/>
      <c r="J764" s="544"/>
      <c r="K764" s="544"/>
      <c r="L764" s="544"/>
      <c r="M764" s="544"/>
      <c r="N764" s="544"/>
      <c r="O764" s="544"/>
      <c r="P764" s="544"/>
      <c r="Q764" s="544"/>
      <c r="R764" s="544"/>
      <c r="S764" s="544"/>
      <c r="T764" s="545"/>
      <c r="U764" s="221" t="s">
        <v>676</v>
      </c>
      <c r="V764" s="546" t="s">
        <v>107</v>
      </c>
      <c r="W764" s="547"/>
      <c r="X764" s="547"/>
      <c r="Y764" s="547"/>
      <c r="Z764" s="548"/>
      <c r="AA764" s="546" t="s">
        <v>108</v>
      </c>
      <c r="AB764" s="547"/>
      <c r="AC764" s="548"/>
      <c r="AD764" s="415">
        <v>1</v>
      </c>
      <c r="AE764" s="415">
        <v>0</v>
      </c>
      <c r="AF764" s="541"/>
      <c r="AG764" s="542"/>
      <c r="AH764" s="549"/>
      <c r="AI764" s="550"/>
      <c r="AJ764" s="551"/>
      <c r="AK764" s="332"/>
      <c r="AL764" s="29"/>
      <c r="AM764" s="16"/>
      <c r="AN764" s="3" t="str">
        <f t="shared" si="37"/>
        <v>■</v>
      </c>
    </row>
    <row r="765" spans="1:40" ht="13.4" customHeight="1">
      <c r="A765" s="20" t="str">
        <f t="shared" si="38"/>
        <v>JD</v>
      </c>
      <c r="B765" s="25"/>
      <c r="C765" s="541">
        <v>32</v>
      </c>
      <c r="D765" s="542"/>
      <c r="E765" s="543" t="s">
        <v>811</v>
      </c>
      <c r="F765" s="544"/>
      <c r="G765" s="544"/>
      <c r="H765" s="544"/>
      <c r="I765" s="544"/>
      <c r="J765" s="544"/>
      <c r="K765" s="544"/>
      <c r="L765" s="544"/>
      <c r="M765" s="544"/>
      <c r="N765" s="544"/>
      <c r="O765" s="544"/>
      <c r="P765" s="544"/>
      <c r="Q765" s="544"/>
      <c r="R765" s="544"/>
      <c r="S765" s="544"/>
      <c r="T765" s="545"/>
      <c r="U765" s="221" t="s">
        <v>678</v>
      </c>
      <c r="V765" s="546" t="s">
        <v>107</v>
      </c>
      <c r="W765" s="547"/>
      <c r="X765" s="547"/>
      <c r="Y765" s="547"/>
      <c r="Z765" s="548"/>
      <c r="AA765" s="546" t="s">
        <v>108</v>
      </c>
      <c r="AB765" s="547"/>
      <c r="AC765" s="548"/>
      <c r="AD765" s="415">
        <v>1</v>
      </c>
      <c r="AE765" s="415">
        <v>0</v>
      </c>
      <c r="AF765" s="541"/>
      <c r="AG765" s="542"/>
      <c r="AH765" s="549"/>
      <c r="AI765" s="550"/>
      <c r="AJ765" s="551"/>
      <c r="AK765" s="332"/>
      <c r="AL765" s="29"/>
      <c r="AM765" s="16"/>
      <c r="AN765" s="3" t="str">
        <f t="shared" si="37"/>
        <v>■</v>
      </c>
    </row>
    <row r="766" spans="1:40" ht="13.4" customHeight="1">
      <c r="A766" s="20" t="str">
        <f t="shared" si="38"/>
        <v>JD</v>
      </c>
      <c r="B766" s="25"/>
      <c r="C766" s="541">
        <v>33</v>
      </c>
      <c r="D766" s="542"/>
      <c r="E766" s="543" t="s">
        <v>812</v>
      </c>
      <c r="F766" s="544"/>
      <c r="G766" s="544"/>
      <c r="H766" s="544"/>
      <c r="I766" s="544"/>
      <c r="J766" s="544"/>
      <c r="K766" s="544"/>
      <c r="L766" s="544"/>
      <c r="M766" s="544"/>
      <c r="N766" s="544"/>
      <c r="O766" s="544"/>
      <c r="P766" s="544"/>
      <c r="Q766" s="544"/>
      <c r="R766" s="544"/>
      <c r="S766" s="544"/>
      <c r="T766" s="545"/>
      <c r="U766" s="221" t="s">
        <v>680</v>
      </c>
      <c r="V766" s="546" t="s">
        <v>107</v>
      </c>
      <c r="W766" s="547"/>
      <c r="X766" s="547"/>
      <c r="Y766" s="547"/>
      <c r="Z766" s="548"/>
      <c r="AA766" s="546" t="s">
        <v>108</v>
      </c>
      <c r="AB766" s="547"/>
      <c r="AC766" s="548"/>
      <c r="AD766" s="415">
        <v>1</v>
      </c>
      <c r="AE766" s="415">
        <v>0</v>
      </c>
      <c r="AF766" s="541"/>
      <c r="AG766" s="542"/>
      <c r="AH766" s="549"/>
      <c r="AI766" s="550"/>
      <c r="AJ766" s="551"/>
      <c r="AK766" s="332"/>
      <c r="AL766" s="29"/>
      <c r="AM766" s="16"/>
      <c r="AN766" s="3" t="str">
        <f t="shared" si="37"/>
        <v>■</v>
      </c>
    </row>
    <row r="767" spans="1:40" ht="13.4" customHeight="1">
      <c r="A767" s="20" t="str">
        <f t="shared" si="38"/>
        <v>JD</v>
      </c>
      <c r="B767" s="25"/>
      <c r="C767" s="541">
        <v>34</v>
      </c>
      <c r="D767" s="542"/>
      <c r="E767" s="543" t="s">
        <v>813</v>
      </c>
      <c r="F767" s="544"/>
      <c r="G767" s="544"/>
      <c r="H767" s="544"/>
      <c r="I767" s="544"/>
      <c r="J767" s="544"/>
      <c r="K767" s="544"/>
      <c r="L767" s="544"/>
      <c r="M767" s="544"/>
      <c r="N767" s="544"/>
      <c r="O767" s="544"/>
      <c r="P767" s="544"/>
      <c r="Q767" s="544"/>
      <c r="R767" s="544"/>
      <c r="S767" s="544"/>
      <c r="T767" s="545"/>
      <c r="U767" s="221" t="s">
        <v>682</v>
      </c>
      <c r="V767" s="546" t="s">
        <v>107</v>
      </c>
      <c r="W767" s="547"/>
      <c r="X767" s="547"/>
      <c r="Y767" s="547"/>
      <c r="Z767" s="548"/>
      <c r="AA767" s="546" t="s">
        <v>108</v>
      </c>
      <c r="AB767" s="547"/>
      <c r="AC767" s="548"/>
      <c r="AD767" s="415">
        <v>1</v>
      </c>
      <c r="AE767" s="415">
        <v>0</v>
      </c>
      <c r="AF767" s="541"/>
      <c r="AG767" s="542"/>
      <c r="AH767" s="549"/>
      <c r="AI767" s="550"/>
      <c r="AJ767" s="551"/>
      <c r="AK767" s="332"/>
      <c r="AL767" s="29"/>
      <c r="AM767" s="16"/>
      <c r="AN767" s="3" t="str">
        <f t="shared" si="37"/>
        <v>■</v>
      </c>
    </row>
    <row r="768" spans="1:40" ht="13.4" customHeight="1">
      <c r="A768" s="20" t="str">
        <f t="shared" si="38"/>
        <v>JD</v>
      </c>
      <c r="B768" s="25"/>
      <c r="C768" s="541">
        <v>35</v>
      </c>
      <c r="D768" s="542"/>
      <c r="E768" s="543" t="s">
        <v>814</v>
      </c>
      <c r="F768" s="544"/>
      <c r="G768" s="544"/>
      <c r="H768" s="544"/>
      <c r="I768" s="544"/>
      <c r="J768" s="544"/>
      <c r="K768" s="544"/>
      <c r="L768" s="544"/>
      <c r="M768" s="544"/>
      <c r="N768" s="544"/>
      <c r="O768" s="544"/>
      <c r="P768" s="544"/>
      <c r="Q768" s="544"/>
      <c r="R768" s="544"/>
      <c r="S768" s="544"/>
      <c r="T768" s="545"/>
      <c r="U768" s="221" t="s">
        <v>684</v>
      </c>
      <c r="V768" s="546" t="s">
        <v>107</v>
      </c>
      <c r="W768" s="547"/>
      <c r="X768" s="547"/>
      <c r="Y768" s="547"/>
      <c r="Z768" s="548"/>
      <c r="AA768" s="546" t="s">
        <v>108</v>
      </c>
      <c r="AB768" s="547"/>
      <c r="AC768" s="548"/>
      <c r="AD768" s="415">
        <v>1</v>
      </c>
      <c r="AE768" s="415">
        <v>0</v>
      </c>
      <c r="AF768" s="541"/>
      <c r="AG768" s="542"/>
      <c r="AH768" s="549"/>
      <c r="AI768" s="550"/>
      <c r="AJ768" s="551"/>
      <c r="AK768" s="332"/>
      <c r="AL768" s="29"/>
      <c r="AM768" s="16"/>
      <c r="AN768" s="3" t="str">
        <f t="shared" si="37"/>
        <v>■</v>
      </c>
    </row>
    <row r="769" spans="1:40" ht="13.4" customHeight="1">
      <c r="A769" s="20" t="str">
        <f t="shared" si="38"/>
        <v>JD</v>
      </c>
      <c r="B769" s="25"/>
      <c r="C769" s="541">
        <v>36</v>
      </c>
      <c r="D769" s="542"/>
      <c r="E769" s="543" t="s">
        <v>815</v>
      </c>
      <c r="F769" s="544"/>
      <c r="G769" s="544"/>
      <c r="H769" s="544"/>
      <c r="I769" s="544"/>
      <c r="J769" s="544"/>
      <c r="K769" s="544"/>
      <c r="L769" s="544"/>
      <c r="M769" s="544"/>
      <c r="N769" s="544"/>
      <c r="O769" s="544"/>
      <c r="P769" s="544"/>
      <c r="Q769" s="544"/>
      <c r="R769" s="544"/>
      <c r="S769" s="544"/>
      <c r="T769" s="545"/>
      <c r="U769" s="221" t="s">
        <v>686</v>
      </c>
      <c r="V769" s="546" t="s">
        <v>107</v>
      </c>
      <c r="W769" s="547"/>
      <c r="X769" s="547"/>
      <c r="Y769" s="547"/>
      <c r="Z769" s="548"/>
      <c r="AA769" s="546" t="s">
        <v>108</v>
      </c>
      <c r="AB769" s="547"/>
      <c r="AC769" s="548"/>
      <c r="AD769" s="415">
        <v>1</v>
      </c>
      <c r="AE769" s="415">
        <v>0</v>
      </c>
      <c r="AF769" s="541"/>
      <c r="AG769" s="542"/>
      <c r="AH769" s="549"/>
      <c r="AI769" s="550"/>
      <c r="AJ769" s="551"/>
      <c r="AK769" s="332"/>
      <c r="AL769" s="29"/>
      <c r="AM769" s="16"/>
      <c r="AN769" s="3" t="str">
        <f t="shared" si="37"/>
        <v>■</v>
      </c>
    </row>
    <row r="770" spans="1:40" ht="13.4" customHeight="1">
      <c r="A770" s="20" t="str">
        <f t="shared" si="38"/>
        <v>JD</v>
      </c>
      <c r="B770" s="25"/>
      <c r="C770" s="541">
        <v>37</v>
      </c>
      <c r="D770" s="542"/>
      <c r="E770" s="543" t="s">
        <v>816</v>
      </c>
      <c r="F770" s="544"/>
      <c r="G770" s="544"/>
      <c r="H770" s="544"/>
      <c r="I770" s="544"/>
      <c r="J770" s="544"/>
      <c r="K770" s="544"/>
      <c r="L770" s="544"/>
      <c r="M770" s="544"/>
      <c r="N770" s="544"/>
      <c r="O770" s="544"/>
      <c r="P770" s="544"/>
      <c r="Q770" s="544"/>
      <c r="R770" s="544"/>
      <c r="S770" s="544"/>
      <c r="T770" s="545"/>
      <c r="U770" s="221" t="s">
        <v>688</v>
      </c>
      <c r="V770" s="546" t="s">
        <v>107</v>
      </c>
      <c r="W770" s="547"/>
      <c r="X770" s="547"/>
      <c r="Y770" s="547"/>
      <c r="Z770" s="548"/>
      <c r="AA770" s="546" t="s">
        <v>108</v>
      </c>
      <c r="AB770" s="547"/>
      <c r="AC770" s="548"/>
      <c r="AD770" s="415">
        <v>1</v>
      </c>
      <c r="AE770" s="415">
        <v>0</v>
      </c>
      <c r="AF770" s="541"/>
      <c r="AG770" s="542"/>
      <c r="AH770" s="549"/>
      <c r="AI770" s="550"/>
      <c r="AJ770" s="551"/>
      <c r="AK770" s="332"/>
      <c r="AL770" s="29"/>
      <c r="AM770" s="16"/>
      <c r="AN770" s="3" t="str">
        <f t="shared" si="37"/>
        <v>■</v>
      </c>
    </row>
    <row r="771" spans="1:40" ht="13.4" customHeight="1">
      <c r="A771" s="20" t="str">
        <f t="shared" si="38"/>
        <v>JD</v>
      </c>
      <c r="B771" s="25"/>
      <c r="C771" s="541">
        <v>38</v>
      </c>
      <c r="D771" s="542"/>
      <c r="E771" s="543" t="s">
        <v>817</v>
      </c>
      <c r="F771" s="544"/>
      <c r="G771" s="544"/>
      <c r="H771" s="544"/>
      <c r="I771" s="544"/>
      <c r="J771" s="544"/>
      <c r="K771" s="544"/>
      <c r="L771" s="544"/>
      <c r="M771" s="544"/>
      <c r="N771" s="544"/>
      <c r="O771" s="544"/>
      <c r="P771" s="544"/>
      <c r="Q771" s="544"/>
      <c r="R771" s="544"/>
      <c r="S771" s="544"/>
      <c r="T771" s="545"/>
      <c r="U771" s="221" t="s">
        <v>453</v>
      </c>
      <c r="V771" s="546" t="s">
        <v>107</v>
      </c>
      <c r="W771" s="547"/>
      <c r="X771" s="547"/>
      <c r="Y771" s="547"/>
      <c r="Z771" s="548"/>
      <c r="AA771" s="546" t="s">
        <v>102</v>
      </c>
      <c r="AB771" s="547"/>
      <c r="AC771" s="548"/>
      <c r="AD771" s="415">
        <v>6</v>
      </c>
      <c r="AE771" s="415" t="s">
        <v>103</v>
      </c>
      <c r="AF771" s="541"/>
      <c r="AG771" s="542"/>
      <c r="AH771" s="549"/>
      <c r="AI771" s="550"/>
      <c r="AJ771" s="551"/>
      <c r="AK771" s="332"/>
      <c r="AL771" s="29"/>
      <c r="AM771" s="16"/>
      <c r="AN771" s="3" t="str">
        <f t="shared" si="37"/>
        <v>■</v>
      </c>
    </row>
    <row r="772" spans="1:40" ht="13.4" customHeight="1">
      <c r="A772" s="20" t="str">
        <f t="shared" si="38"/>
        <v>JD</v>
      </c>
      <c r="B772" s="25"/>
      <c r="C772" s="541">
        <v>39</v>
      </c>
      <c r="D772" s="542"/>
      <c r="E772" s="543" t="s">
        <v>411</v>
      </c>
      <c r="F772" s="544"/>
      <c r="G772" s="544"/>
      <c r="H772" s="544"/>
      <c r="I772" s="544"/>
      <c r="J772" s="544"/>
      <c r="K772" s="544"/>
      <c r="L772" s="544"/>
      <c r="M772" s="544"/>
      <c r="N772" s="544"/>
      <c r="O772" s="544"/>
      <c r="P772" s="544"/>
      <c r="Q772" s="544"/>
      <c r="R772" s="544"/>
      <c r="S772" s="544"/>
      <c r="T772" s="545"/>
      <c r="U772" s="221" t="s">
        <v>516</v>
      </c>
      <c r="V772" s="546" t="s">
        <v>107</v>
      </c>
      <c r="W772" s="547"/>
      <c r="X772" s="547"/>
      <c r="Y772" s="547"/>
      <c r="Z772" s="548"/>
      <c r="AA772" s="546" t="s">
        <v>102</v>
      </c>
      <c r="AB772" s="547"/>
      <c r="AC772" s="548"/>
      <c r="AD772" s="415">
        <v>6</v>
      </c>
      <c r="AE772" s="415" t="s">
        <v>103</v>
      </c>
      <c r="AF772" s="541"/>
      <c r="AG772" s="542"/>
      <c r="AH772" s="549"/>
      <c r="AI772" s="550"/>
      <c r="AJ772" s="551"/>
      <c r="AK772" s="332"/>
      <c r="AL772" s="29"/>
      <c r="AM772" s="16"/>
      <c r="AN772" s="3" t="str">
        <f t="shared" si="37"/>
        <v>■</v>
      </c>
    </row>
    <row r="773" spans="1:40" ht="13.4" customHeight="1">
      <c r="A773" s="20" t="str">
        <f t="shared" si="38"/>
        <v>JD</v>
      </c>
      <c r="B773" s="25"/>
      <c r="C773" s="541">
        <v>40</v>
      </c>
      <c r="D773" s="542"/>
      <c r="E773" s="543" t="s">
        <v>970</v>
      </c>
      <c r="F773" s="544"/>
      <c r="G773" s="544"/>
      <c r="H773" s="544"/>
      <c r="I773" s="544"/>
      <c r="J773" s="544"/>
      <c r="K773" s="544"/>
      <c r="L773" s="544"/>
      <c r="M773" s="544"/>
      <c r="N773" s="544"/>
      <c r="O773" s="544"/>
      <c r="P773" s="544"/>
      <c r="Q773" s="544"/>
      <c r="R773" s="544"/>
      <c r="S773" s="544"/>
      <c r="T773" s="545"/>
      <c r="U773" s="221" t="s">
        <v>971</v>
      </c>
      <c r="V773" s="546" t="s">
        <v>107</v>
      </c>
      <c r="W773" s="547"/>
      <c r="X773" s="547"/>
      <c r="Y773" s="547"/>
      <c r="Z773" s="548"/>
      <c r="AA773" s="546" t="s">
        <v>102</v>
      </c>
      <c r="AB773" s="547"/>
      <c r="AC773" s="548"/>
      <c r="AD773" s="415">
        <v>1</v>
      </c>
      <c r="AE773" s="415" t="s">
        <v>103</v>
      </c>
      <c r="AF773" s="541"/>
      <c r="AG773" s="542"/>
      <c r="AH773" s="549"/>
      <c r="AI773" s="550"/>
      <c r="AJ773" s="551"/>
      <c r="AK773" s="332"/>
      <c r="AL773" s="29"/>
      <c r="AM773" s="16"/>
      <c r="AN773" s="3" t="str">
        <f t="shared" si="37"/>
        <v>■</v>
      </c>
    </row>
    <row r="774" spans="1:40" ht="13.4" customHeight="1">
      <c r="A774" s="20" t="str">
        <f t="shared" si="38"/>
        <v>JD</v>
      </c>
      <c r="B774" s="25"/>
      <c r="C774" s="541">
        <v>41</v>
      </c>
      <c r="D774" s="542"/>
      <c r="E774" s="543" t="s">
        <v>976</v>
      </c>
      <c r="F774" s="544"/>
      <c r="G774" s="544"/>
      <c r="H774" s="544"/>
      <c r="I774" s="544"/>
      <c r="J774" s="544"/>
      <c r="K774" s="544"/>
      <c r="L774" s="544"/>
      <c r="M774" s="544"/>
      <c r="N774" s="544"/>
      <c r="O774" s="544"/>
      <c r="P774" s="544"/>
      <c r="Q774" s="544"/>
      <c r="R774" s="544"/>
      <c r="S774" s="544"/>
      <c r="T774" s="545"/>
      <c r="U774" s="221" t="s">
        <v>977</v>
      </c>
      <c r="V774" s="546" t="s">
        <v>107</v>
      </c>
      <c r="W774" s="547"/>
      <c r="X774" s="547"/>
      <c r="Y774" s="547"/>
      <c r="Z774" s="548"/>
      <c r="AA774" s="546" t="s">
        <v>108</v>
      </c>
      <c r="AB774" s="547"/>
      <c r="AC774" s="548"/>
      <c r="AD774" s="415">
        <v>2</v>
      </c>
      <c r="AE774" s="415">
        <v>0</v>
      </c>
      <c r="AF774" s="541"/>
      <c r="AG774" s="542"/>
      <c r="AH774" s="549"/>
      <c r="AI774" s="550"/>
      <c r="AJ774" s="551"/>
      <c r="AK774" s="332"/>
      <c r="AL774" s="29"/>
      <c r="AM774" s="16"/>
      <c r="AN774" s="3" t="str">
        <f t="shared" si="37"/>
        <v>■</v>
      </c>
    </row>
    <row r="775" spans="1:40" ht="13.4" customHeight="1">
      <c r="A775" s="20" t="str">
        <f t="shared" si="38"/>
        <v>JD</v>
      </c>
      <c r="B775" s="25"/>
      <c r="C775" s="122"/>
      <c r="D775" s="122"/>
      <c r="E775" s="208"/>
      <c r="F775" s="208"/>
      <c r="G775" s="208"/>
      <c r="H775" s="208"/>
      <c r="I775" s="208"/>
      <c r="J775" s="208"/>
      <c r="K775" s="208"/>
      <c r="L775" s="208"/>
      <c r="M775" s="208"/>
      <c r="N775" s="208"/>
      <c r="O775" s="208"/>
      <c r="P775" s="208"/>
      <c r="Q775" s="208"/>
      <c r="R775" s="208"/>
      <c r="S775" s="208"/>
      <c r="T775" s="208"/>
      <c r="U775" s="214"/>
      <c r="V775" s="205"/>
      <c r="W775" s="205"/>
      <c r="X775" s="205"/>
      <c r="Y775" s="205"/>
      <c r="Z775" s="205"/>
      <c r="AA775" s="619"/>
      <c r="AB775" s="619"/>
      <c r="AC775" s="619"/>
      <c r="AD775" s="206"/>
      <c r="AE775" s="206"/>
      <c r="AF775" s="326"/>
      <c r="AG775" s="412"/>
      <c r="AH775" s="238"/>
      <c r="AI775" s="238"/>
      <c r="AJ775" s="238"/>
      <c r="AK775" s="26"/>
      <c r="AL775" s="29"/>
      <c r="AM775" s="16"/>
    </row>
    <row r="776" spans="1:40" ht="13.4" customHeight="1">
      <c r="A776" s="20" t="str">
        <f t="shared" si="38"/>
        <v>MF</v>
      </c>
      <c r="B776" s="25"/>
      <c r="C776" s="52" t="s">
        <v>380</v>
      </c>
      <c r="D776" s="122"/>
      <c r="E776" s="208"/>
      <c r="F776" s="208"/>
      <c r="G776" s="208"/>
      <c r="H776" s="208"/>
      <c r="I776" s="208"/>
      <c r="J776" s="26" t="s">
        <v>818</v>
      </c>
      <c r="K776" s="208"/>
      <c r="L776" s="208"/>
      <c r="M776" s="208"/>
      <c r="N776" s="208"/>
      <c r="O776" s="208"/>
      <c r="P776" s="208"/>
      <c r="Q776" s="208"/>
      <c r="R776" s="208"/>
      <c r="S776" s="208"/>
      <c r="T776" s="208"/>
      <c r="U776" s="214" t="s">
        <v>1122</v>
      </c>
      <c r="V776" s="205"/>
      <c r="W776" s="205"/>
      <c r="X776" s="205"/>
      <c r="Y776" s="205"/>
      <c r="Z776" s="205"/>
      <c r="AA776" s="620"/>
      <c r="AB776" s="620"/>
      <c r="AC776" s="620"/>
      <c r="AD776" s="206"/>
      <c r="AE776" s="206"/>
      <c r="AF776" s="326"/>
      <c r="AG776" s="239"/>
      <c r="AH776" s="238"/>
      <c r="AI776" s="238"/>
      <c r="AJ776" s="238"/>
      <c r="AK776" s="26"/>
      <c r="AL776" s="29"/>
      <c r="AM776" s="16"/>
    </row>
    <row r="777" spans="1:40" ht="13.4" customHeight="1">
      <c r="A777" s="20" t="str">
        <f t="shared" si="38"/>
        <v>MF</v>
      </c>
      <c r="B777" s="25"/>
      <c r="C777" s="583" t="s">
        <v>73</v>
      </c>
      <c r="D777" s="573"/>
      <c r="E777" s="583" t="s">
        <v>94</v>
      </c>
      <c r="F777" s="583"/>
      <c r="G777" s="583"/>
      <c r="H777" s="583"/>
      <c r="I777" s="583"/>
      <c r="J777" s="583"/>
      <c r="K777" s="583"/>
      <c r="L777" s="583"/>
      <c r="M777" s="583"/>
      <c r="N777" s="583"/>
      <c r="O777" s="583"/>
      <c r="P777" s="583"/>
      <c r="Q777" s="583"/>
      <c r="R777" s="583"/>
      <c r="S777" s="583"/>
      <c r="T777" s="583"/>
      <c r="U777" s="226" t="s">
        <v>383</v>
      </c>
      <c r="V777" s="572" t="s">
        <v>138</v>
      </c>
      <c r="W777" s="572"/>
      <c r="X777" s="572"/>
      <c r="Y777" s="572"/>
      <c r="Z777" s="572"/>
      <c r="AA777" s="575" t="s">
        <v>959</v>
      </c>
      <c r="AB777" s="576"/>
      <c r="AC777" s="577"/>
      <c r="AD777" s="572" t="s">
        <v>97</v>
      </c>
      <c r="AE777" s="572"/>
      <c r="AF777" s="572" t="s">
        <v>98</v>
      </c>
      <c r="AG777" s="572"/>
      <c r="AH777" s="583" t="s">
        <v>75</v>
      </c>
      <c r="AI777" s="583"/>
      <c r="AJ777" s="583"/>
      <c r="AK777" s="572" t="s">
        <v>159</v>
      </c>
      <c r="AL777" s="29"/>
      <c r="AM777" s="16"/>
    </row>
    <row r="778" spans="1:40" ht="13.4" customHeight="1">
      <c r="A778" s="20" t="str">
        <f t="shared" si="38"/>
        <v>MF</v>
      </c>
      <c r="B778" s="25"/>
      <c r="C778" s="573"/>
      <c r="D778" s="573"/>
      <c r="E778" s="583"/>
      <c r="F778" s="583"/>
      <c r="G778" s="583"/>
      <c r="H778" s="583"/>
      <c r="I778" s="583"/>
      <c r="J778" s="583"/>
      <c r="K778" s="583"/>
      <c r="L778" s="583"/>
      <c r="M778" s="583"/>
      <c r="N778" s="583"/>
      <c r="O778" s="583"/>
      <c r="P778" s="583"/>
      <c r="Q778" s="583"/>
      <c r="R778" s="583"/>
      <c r="S778" s="583"/>
      <c r="T778" s="583"/>
      <c r="U778" s="227"/>
      <c r="V778" s="572"/>
      <c r="W778" s="572"/>
      <c r="X778" s="572"/>
      <c r="Y778" s="572"/>
      <c r="Z778" s="572"/>
      <c r="AA778" s="578"/>
      <c r="AB778" s="579"/>
      <c r="AC778" s="580"/>
      <c r="AD778" s="572"/>
      <c r="AE778" s="572"/>
      <c r="AF778" s="572"/>
      <c r="AG778" s="572"/>
      <c r="AH778" s="583"/>
      <c r="AI778" s="583"/>
      <c r="AJ778" s="583"/>
      <c r="AK778" s="572"/>
      <c r="AL778" s="29"/>
      <c r="AM778" s="16"/>
    </row>
    <row r="779" spans="1:40" ht="13.4" customHeight="1">
      <c r="A779" s="20" t="str">
        <f t="shared" si="38"/>
        <v>MF</v>
      </c>
      <c r="B779" s="25"/>
      <c r="C779" s="541">
        <v>1</v>
      </c>
      <c r="D779" s="542"/>
      <c r="E779" s="563" t="s">
        <v>440</v>
      </c>
      <c r="F779" s="564"/>
      <c r="G779" s="564"/>
      <c r="H779" s="564"/>
      <c r="I779" s="564"/>
      <c r="J779" s="564"/>
      <c r="K779" s="564"/>
      <c r="L779" s="564"/>
      <c r="M779" s="564"/>
      <c r="N779" s="564"/>
      <c r="O779" s="564"/>
      <c r="P779" s="564"/>
      <c r="Q779" s="564"/>
      <c r="R779" s="564"/>
      <c r="S779" s="564"/>
      <c r="T779" s="565"/>
      <c r="U779" s="219" t="s">
        <v>441</v>
      </c>
      <c r="V779" s="546" t="s">
        <v>101</v>
      </c>
      <c r="W779" s="547"/>
      <c r="X779" s="547"/>
      <c r="Y779" s="547"/>
      <c r="Z779" s="548"/>
      <c r="AA779" s="546" t="s">
        <v>102</v>
      </c>
      <c r="AB779" s="547"/>
      <c r="AC779" s="548"/>
      <c r="AD779" s="415">
        <v>10</v>
      </c>
      <c r="AE779" s="415" t="s">
        <v>103</v>
      </c>
      <c r="AF779" s="541"/>
      <c r="AG779" s="542"/>
      <c r="AH779" s="549"/>
      <c r="AI779" s="550"/>
      <c r="AJ779" s="551"/>
      <c r="AK779" s="332"/>
      <c r="AL779" s="29"/>
      <c r="AM779" s="16"/>
      <c r="AN779" s="3" t="str">
        <f>$M$23</f>
        <v>■</v>
      </c>
    </row>
    <row r="780" spans="1:40" ht="13.4" customHeight="1">
      <c r="A780" s="20" t="str">
        <f t="shared" si="38"/>
        <v>MF</v>
      </c>
      <c r="B780" s="25"/>
      <c r="C780" s="541">
        <v>2</v>
      </c>
      <c r="D780" s="542"/>
      <c r="E780" s="563" t="s">
        <v>442</v>
      </c>
      <c r="F780" s="564"/>
      <c r="G780" s="564"/>
      <c r="H780" s="564"/>
      <c r="I780" s="564"/>
      <c r="J780" s="564"/>
      <c r="K780" s="564"/>
      <c r="L780" s="564"/>
      <c r="M780" s="564"/>
      <c r="N780" s="564"/>
      <c r="O780" s="564"/>
      <c r="P780" s="564"/>
      <c r="Q780" s="564"/>
      <c r="R780" s="564"/>
      <c r="S780" s="564"/>
      <c r="T780" s="565"/>
      <c r="U780" s="219" t="s">
        <v>443</v>
      </c>
      <c r="V780" s="546" t="s">
        <v>101</v>
      </c>
      <c r="W780" s="547"/>
      <c r="X780" s="547"/>
      <c r="Y780" s="547"/>
      <c r="Z780" s="548"/>
      <c r="AA780" s="546" t="s">
        <v>102</v>
      </c>
      <c r="AB780" s="547"/>
      <c r="AC780" s="548"/>
      <c r="AD780" s="415">
        <v>51</v>
      </c>
      <c r="AE780" s="415" t="s">
        <v>103</v>
      </c>
      <c r="AF780" s="541"/>
      <c r="AG780" s="542"/>
      <c r="AH780" s="549"/>
      <c r="AI780" s="550"/>
      <c r="AJ780" s="551"/>
      <c r="AK780" s="332"/>
      <c r="AL780" s="29"/>
      <c r="AM780" s="16"/>
      <c r="AN780" s="3" t="str">
        <f t="shared" ref="AN780:AN819" si="39">$M$23</f>
        <v>■</v>
      </c>
    </row>
    <row r="781" spans="1:40" ht="13.4" customHeight="1">
      <c r="A781" s="20" t="str">
        <f t="shared" si="38"/>
        <v>MF</v>
      </c>
      <c r="B781" s="25"/>
      <c r="C781" s="552">
        <v>3</v>
      </c>
      <c r="D781" s="553"/>
      <c r="E781" s="566" t="s">
        <v>106</v>
      </c>
      <c r="F781" s="567"/>
      <c r="G781" s="567"/>
      <c r="H781" s="567"/>
      <c r="I781" s="567"/>
      <c r="J781" s="567"/>
      <c r="K781" s="567"/>
      <c r="L781" s="567"/>
      <c r="M781" s="567"/>
      <c r="N781" s="567"/>
      <c r="O781" s="567"/>
      <c r="P781" s="567"/>
      <c r="Q781" s="567"/>
      <c r="R781" s="567"/>
      <c r="S781" s="567"/>
      <c r="T781" s="568"/>
      <c r="U781" s="220" t="s">
        <v>444</v>
      </c>
      <c r="V781" s="557" t="s">
        <v>107</v>
      </c>
      <c r="W781" s="558"/>
      <c r="X781" s="558"/>
      <c r="Y781" s="558"/>
      <c r="Z781" s="559"/>
      <c r="AA781" s="557" t="s">
        <v>108</v>
      </c>
      <c r="AB781" s="558"/>
      <c r="AC781" s="559"/>
      <c r="AD781" s="419">
        <v>1</v>
      </c>
      <c r="AE781" s="419">
        <v>0</v>
      </c>
      <c r="AF781" s="552" t="s">
        <v>109</v>
      </c>
      <c r="AG781" s="553"/>
      <c r="AH781" s="560"/>
      <c r="AI781" s="561"/>
      <c r="AJ781" s="562"/>
      <c r="AK781" s="333" t="s">
        <v>416</v>
      </c>
      <c r="AL781" s="29"/>
      <c r="AM781" s="16"/>
      <c r="AN781" s="3" t="str">
        <f t="shared" si="39"/>
        <v>■</v>
      </c>
    </row>
    <row r="782" spans="1:40" ht="13.4" customHeight="1">
      <c r="A782" s="20" t="str">
        <f t="shared" si="38"/>
        <v>MF</v>
      </c>
      <c r="B782" s="25"/>
      <c r="C782" s="541">
        <v>4</v>
      </c>
      <c r="D782" s="542"/>
      <c r="E782" s="563" t="s">
        <v>110</v>
      </c>
      <c r="F782" s="564"/>
      <c r="G782" s="564"/>
      <c r="H782" s="564"/>
      <c r="I782" s="564"/>
      <c r="J782" s="564"/>
      <c r="K782" s="564"/>
      <c r="L782" s="564"/>
      <c r="M782" s="564"/>
      <c r="N782" s="564"/>
      <c r="O782" s="564"/>
      <c r="P782" s="564"/>
      <c r="Q782" s="564"/>
      <c r="R782" s="564"/>
      <c r="S782" s="564"/>
      <c r="T782" s="565"/>
      <c r="U782" s="221" t="s">
        <v>445</v>
      </c>
      <c r="V782" s="546" t="s">
        <v>107</v>
      </c>
      <c r="W782" s="547"/>
      <c r="X782" s="547"/>
      <c r="Y782" s="547"/>
      <c r="Z782" s="548"/>
      <c r="AA782" s="546" t="s">
        <v>108</v>
      </c>
      <c r="AB782" s="547"/>
      <c r="AC782" s="548"/>
      <c r="AD782" s="415">
        <v>1</v>
      </c>
      <c r="AE782" s="415">
        <v>0</v>
      </c>
      <c r="AF782" s="541"/>
      <c r="AG782" s="542"/>
      <c r="AH782" s="549"/>
      <c r="AI782" s="550"/>
      <c r="AJ782" s="551"/>
      <c r="AK782" s="332"/>
      <c r="AL782" s="29"/>
      <c r="AM782" s="16"/>
      <c r="AN782" s="3" t="str">
        <f t="shared" si="39"/>
        <v>■</v>
      </c>
    </row>
    <row r="783" spans="1:40" ht="13.4" customHeight="1">
      <c r="A783" s="20" t="str">
        <f t="shared" si="38"/>
        <v>MF</v>
      </c>
      <c r="B783" s="25"/>
      <c r="C783" s="541">
        <v>5</v>
      </c>
      <c r="D783" s="542"/>
      <c r="E783" s="543" t="s">
        <v>80</v>
      </c>
      <c r="F783" s="544"/>
      <c r="G783" s="544"/>
      <c r="H783" s="544"/>
      <c r="I783" s="544"/>
      <c r="J783" s="544"/>
      <c r="K783" s="544"/>
      <c r="L783" s="544"/>
      <c r="M783" s="544"/>
      <c r="N783" s="544"/>
      <c r="O783" s="544"/>
      <c r="P783" s="544"/>
      <c r="Q783" s="544"/>
      <c r="R783" s="544"/>
      <c r="S783" s="544"/>
      <c r="T783" s="545"/>
      <c r="U783" s="221" t="s">
        <v>446</v>
      </c>
      <c r="V783" s="546" t="s">
        <v>101</v>
      </c>
      <c r="W783" s="547"/>
      <c r="X783" s="547"/>
      <c r="Y783" s="547"/>
      <c r="Z783" s="548"/>
      <c r="AA783" s="546" t="s">
        <v>102</v>
      </c>
      <c r="AB783" s="547"/>
      <c r="AC783" s="548"/>
      <c r="AD783" s="415">
        <v>2</v>
      </c>
      <c r="AE783" s="415" t="s">
        <v>103</v>
      </c>
      <c r="AF783" s="541"/>
      <c r="AG783" s="542"/>
      <c r="AH783" s="549"/>
      <c r="AI783" s="550"/>
      <c r="AJ783" s="551"/>
      <c r="AK783" s="332"/>
      <c r="AL783" s="29"/>
      <c r="AM783" s="16"/>
      <c r="AN783" s="3" t="str">
        <f t="shared" si="39"/>
        <v>■</v>
      </c>
    </row>
    <row r="784" spans="1:40" ht="13.4" customHeight="1">
      <c r="A784" s="20" t="str">
        <f t="shared" si="38"/>
        <v>MF</v>
      </c>
      <c r="B784" s="25"/>
      <c r="C784" s="541">
        <v>6</v>
      </c>
      <c r="D784" s="542"/>
      <c r="E784" s="543" t="s">
        <v>820</v>
      </c>
      <c r="F784" s="544"/>
      <c r="G784" s="544"/>
      <c r="H784" s="544"/>
      <c r="I784" s="544"/>
      <c r="J784" s="544"/>
      <c r="K784" s="544"/>
      <c r="L784" s="544"/>
      <c r="M784" s="544"/>
      <c r="N784" s="544"/>
      <c r="O784" s="544"/>
      <c r="P784" s="544"/>
      <c r="Q784" s="544"/>
      <c r="R784" s="544"/>
      <c r="S784" s="544"/>
      <c r="T784" s="545"/>
      <c r="U784" s="221" t="s">
        <v>821</v>
      </c>
      <c r="V784" s="546" t="s">
        <v>107</v>
      </c>
      <c r="W784" s="547"/>
      <c r="X784" s="547"/>
      <c r="Y784" s="547"/>
      <c r="Z784" s="548"/>
      <c r="AA784" s="546" t="s">
        <v>102</v>
      </c>
      <c r="AB784" s="547"/>
      <c r="AC784" s="548"/>
      <c r="AD784" s="415">
        <v>2</v>
      </c>
      <c r="AE784" s="415" t="s">
        <v>103</v>
      </c>
      <c r="AF784" s="541"/>
      <c r="AG784" s="542"/>
      <c r="AH784" s="549"/>
      <c r="AI784" s="550"/>
      <c r="AJ784" s="551"/>
      <c r="AK784" s="332"/>
      <c r="AL784" s="29"/>
      <c r="AM784" s="16"/>
      <c r="AN784" s="3" t="str">
        <f t="shared" si="39"/>
        <v>■</v>
      </c>
    </row>
    <row r="785" spans="1:40" ht="13.4" customHeight="1">
      <c r="A785" s="20" t="str">
        <f t="shared" si="38"/>
        <v>MF</v>
      </c>
      <c r="B785" s="20"/>
      <c r="C785" s="552">
        <v>7</v>
      </c>
      <c r="D785" s="553"/>
      <c r="E785" s="566" t="s">
        <v>822</v>
      </c>
      <c r="F785" s="567"/>
      <c r="G785" s="567"/>
      <c r="H785" s="567"/>
      <c r="I785" s="567"/>
      <c r="J785" s="567"/>
      <c r="K785" s="567"/>
      <c r="L785" s="567"/>
      <c r="M785" s="567"/>
      <c r="N785" s="567"/>
      <c r="O785" s="567"/>
      <c r="P785" s="567"/>
      <c r="Q785" s="567"/>
      <c r="R785" s="567"/>
      <c r="S785" s="567"/>
      <c r="T785" s="568"/>
      <c r="U785" s="220" t="s">
        <v>474</v>
      </c>
      <c r="V785" s="557" t="s">
        <v>107</v>
      </c>
      <c r="W785" s="558"/>
      <c r="X785" s="558"/>
      <c r="Y785" s="558"/>
      <c r="Z785" s="559"/>
      <c r="AA785" s="557" t="s">
        <v>102</v>
      </c>
      <c r="AB785" s="558"/>
      <c r="AC785" s="559"/>
      <c r="AD785" s="419">
        <v>9</v>
      </c>
      <c r="AE785" s="419" t="s">
        <v>103</v>
      </c>
      <c r="AF785" s="552" t="s">
        <v>926</v>
      </c>
      <c r="AG785" s="553"/>
      <c r="AH785" s="560"/>
      <c r="AI785" s="561"/>
      <c r="AJ785" s="562"/>
      <c r="AK785" s="333" t="s">
        <v>399</v>
      </c>
      <c r="AL785" s="29"/>
      <c r="AM785" s="16"/>
      <c r="AN785" s="3" t="str">
        <f t="shared" si="39"/>
        <v>■</v>
      </c>
    </row>
    <row r="786" spans="1:40" ht="13.4" customHeight="1">
      <c r="A786" s="20" t="str">
        <f t="shared" si="38"/>
        <v>MF</v>
      </c>
      <c r="B786" s="20"/>
      <c r="C786" s="552">
        <v>8</v>
      </c>
      <c r="D786" s="553"/>
      <c r="E786" s="566" t="s">
        <v>764</v>
      </c>
      <c r="F786" s="567"/>
      <c r="G786" s="567"/>
      <c r="H786" s="567"/>
      <c r="I786" s="567"/>
      <c r="J786" s="567"/>
      <c r="K786" s="567"/>
      <c r="L786" s="567"/>
      <c r="M786" s="567"/>
      <c r="N786" s="567"/>
      <c r="O786" s="567"/>
      <c r="P786" s="567"/>
      <c r="Q786" s="567"/>
      <c r="R786" s="567"/>
      <c r="S786" s="567"/>
      <c r="T786" s="568"/>
      <c r="U786" s="220" t="s">
        <v>475</v>
      </c>
      <c r="V786" s="557" t="s">
        <v>107</v>
      </c>
      <c r="W786" s="558"/>
      <c r="X786" s="558"/>
      <c r="Y786" s="558"/>
      <c r="Z786" s="559"/>
      <c r="AA786" s="557" t="s">
        <v>102</v>
      </c>
      <c r="AB786" s="558"/>
      <c r="AC786" s="559"/>
      <c r="AD786" s="419">
        <v>9</v>
      </c>
      <c r="AE786" s="419" t="s">
        <v>103</v>
      </c>
      <c r="AF786" s="552" t="s">
        <v>926</v>
      </c>
      <c r="AG786" s="553"/>
      <c r="AH786" s="560"/>
      <c r="AI786" s="561"/>
      <c r="AJ786" s="562"/>
      <c r="AK786" s="333" t="s">
        <v>399</v>
      </c>
      <c r="AL786" s="29"/>
      <c r="AM786" s="16"/>
      <c r="AN786" s="3" t="str">
        <f t="shared" si="39"/>
        <v>■</v>
      </c>
    </row>
    <row r="787" spans="1:40" ht="13.4" customHeight="1">
      <c r="A787" s="20" t="str">
        <f t="shared" si="38"/>
        <v>MF</v>
      </c>
      <c r="B787" s="20"/>
      <c r="C787" s="552">
        <v>9</v>
      </c>
      <c r="D787" s="553"/>
      <c r="E787" s="566" t="s">
        <v>823</v>
      </c>
      <c r="F787" s="567"/>
      <c r="G787" s="567"/>
      <c r="H787" s="567"/>
      <c r="I787" s="567"/>
      <c r="J787" s="567"/>
      <c r="K787" s="567"/>
      <c r="L787" s="567"/>
      <c r="M787" s="567"/>
      <c r="N787" s="567"/>
      <c r="O787" s="567"/>
      <c r="P787" s="567"/>
      <c r="Q787" s="567"/>
      <c r="R787" s="567"/>
      <c r="S787" s="567"/>
      <c r="T787" s="568"/>
      <c r="U787" s="220" t="s">
        <v>765</v>
      </c>
      <c r="V787" s="557" t="s">
        <v>107</v>
      </c>
      <c r="W787" s="558"/>
      <c r="X787" s="558"/>
      <c r="Y787" s="558"/>
      <c r="Z787" s="559"/>
      <c r="AA787" s="557" t="s">
        <v>102</v>
      </c>
      <c r="AB787" s="558"/>
      <c r="AC787" s="559"/>
      <c r="AD787" s="419">
        <v>9</v>
      </c>
      <c r="AE787" s="419" t="s">
        <v>103</v>
      </c>
      <c r="AF787" s="552" t="s">
        <v>926</v>
      </c>
      <c r="AG787" s="553"/>
      <c r="AH787" s="560"/>
      <c r="AI787" s="561"/>
      <c r="AJ787" s="562"/>
      <c r="AK787" s="333" t="s">
        <v>399</v>
      </c>
      <c r="AL787" s="29"/>
      <c r="AM787" s="16"/>
      <c r="AN787" s="3" t="str">
        <f t="shared" si="39"/>
        <v>■</v>
      </c>
    </row>
    <row r="788" spans="1:40" ht="13.4" customHeight="1">
      <c r="A788" s="20" t="str">
        <f t="shared" si="38"/>
        <v>MF</v>
      </c>
      <c r="B788" s="20"/>
      <c r="C788" s="552">
        <v>10</v>
      </c>
      <c r="D788" s="553"/>
      <c r="E788" s="566" t="s">
        <v>824</v>
      </c>
      <c r="F788" s="567"/>
      <c r="G788" s="567"/>
      <c r="H788" s="567"/>
      <c r="I788" s="567"/>
      <c r="J788" s="567"/>
      <c r="K788" s="567"/>
      <c r="L788" s="567"/>
      <c r="M788" s="567"/>
      <c r="N788" s="567"/>
      <c r="O788" s="567"/>
      <c r="P788" s="567"/>
      <c r="Q788" s="567"/>
      <c r="R788" s="567"/>
      <c r="S788" s="567"/>
      <c r="T788" s="568"/>
      <c r="U788" s="220" t="s">
        <v>766</v>
      </c>
      <c r="V788" s="557" t="s">
        <v>107</v>
      </c>
      <c r="W788" s="558"/>
      <c r="X788" s="558"/>
      <c r="Y788" s="558"/>
      <c r="Z788" s="559"/>
      <c r="AA788" s="557" t="s">
        <v>102</v>
      </c>
      <c r="AB788" s="558"/>
      <c r="AC788" s="559"/>
      <c r="AD788" s="419">
        <v>9</v>
      </c>
      <c r="AE788" s="419" t="s">
        <v>103</v>
      </c>
      <c r="AF788" s="552" t="s">
        <v>926</v>
      </c>
      <c r="AG788" s="553"/>
      <c r="AH788" s="560"/>
      <c r="AI788" s="561"/>
      <c r="AJ788" s="562"/>
      <c r="AK788" s="333" t="s">
        <v>399</v>
      </c>
      <c r="AL788" s="29"/>
      <c r="AM788" s="16"/>
      <c r="AN788" s="3" t="str">
        <f t="shared" si="39"/>
        <v>■</v>
      </c>
    </row>
    <row r="789" spans="1:40" ht="13.4" customHeight="1">
      <c r="A789" s="20" t="str">
        <f t="shared" si="38"/>
        <v>MF</v>
      </c>
      <c r="B789" s="20"/>
      <c r="C789" s="552">
        <v>11</v>
      </c>
      <c r="D789" s="553"/>
      <c r="E789" s="566" t="s">
        <v>825</v>
      </c>
      <c r="F789" s="567"/>
      <c r="G789" s="567"/>
      <c r="H789" s="567"/>
      <c r="I789" s="567"/>
      <c r="J789" s="567"/>
      <c r="K789" s="567"/>
      <c r="L789" s="567"/>
      <c r="M789" s="567"/>
      <c r="N789" s="567"/>
      <c r="O789" s="567"/>
      <c r="P789" s="567"/>
      <c r="Q789" s="567"/>
      <c r="R789" s="567"/>
      <c r="S789" s="567"/>
      <c r="T789" s="568"/>
      <c r="U789" s="220" t="s">
        <v>768</v>
      </c>
      <c r="V789" s="557" t="s">
        <v>107</v>
      </c>
      <c r="W789" s="558"/>
      <c r="X789" s="558"/>
      <c r="Y789" s="558"/>
      <c r="Z789" s="559"/>
      <c r="AA789" s="557" t="s">
        <v>102</v>
      </c>
      <c r="AB789" s="558"/>
      <c r="AC789" s="559"/>
      <c r="AD789" s="419">
        <v>9</v>
      </c>
      <c r="AE789" s="419" t="s">
        <v>103</v>
      </c>
      <c r="AF789" s="552" t="s">
        <v>926</v>
      </c>
      <c r="AG789" s="553"/>
      <c r="AH789" s="560"/>
      <c r="AI789" s="561"/>
      <c r="AJ789" s="562"/>
      <c r="AK789" s="333" t="s">
        <v>399</v>
      </c>
      <c r="AL789" s="29"/>
      <c r="AM789" s="16"/>
      <c r="AN789" s="3" t="str">
        <f t="shared" si="39"/>
        <v>■</v>
      </c>
    </row>
    <row r="790" spans="1:40" ht="13.4" customHeight="1">
      <c r="A790" s="20" t="str">
        <f t="shared" si="38"/>
        <v>MF</v>
      </c>
      <c r="B790" s="20"/>
      <c r="C790" s="552">
        <v>12</v>
      </c>
      <c r="D790" s="553"/>
      <c r="E790" s="566" t="s">
        <v>826</v>
      </c>
      <c r="F790" s="567"/>
      <c r="G790" s="567"/>
      <c r="H790" s="567"/>
      <c r="I790" s="567"/>
      <c r="J790" s="567"/>
      <c r="K790" s="567"/>
      <c r="L790" s="567"/>
      <c r="M790" s="567"/>
      <c r="N790" s="567"/>
      <c r="O790" s="567"/>
      <c r="P790" s="567"/>
      <c r="Q790" s="567"/>
      <c r="R790" s="567"/>
      <c r="S790" s="567"/>
      <c r="T790" s="568"/>
      <c r="U790" s="220" t="s">
        <v>827</v>
      </c>
      <c r="V790" s="557" t="s">
        <v>107</v>
      </c>
      <c r="W790" s="558"/>
      <c r="X790" s="558"/>
      <c r="Y790" s="558"/>
      <c r="Z790" s="559"/>
      <c r="AA790" s="557" t="s">
        <v>102</v>
      </c>
      <c r="AB790" s="558"/>
      <c r="AC790" s="559"/>
      <c r="AD790" s="419">
        <v>9</v>
      </c>
      <c r="AE790" s="419" t="s">
        <v>103</v>
      </c>
      <c r="AF790" s="552" t="s">
        <v>926</v>
      </c>
      <c r="AG790" s="553"/>
      <c r="AH790" s="560"/>
      <c r="AI790" s="561"/>
      <c r="AJ790" s="562"/>
      <c r="AK790" s="333" t="s">
        <v>399</v>
      </c>
      <c r="AL790" s="29"/>
      <c r="AM790" s="16"/>
      <c r="AN790" s="3" t="str">
        <f t="shared" si="39"/>
        <v>■</v>
      </c>
    </row>
    <row r="791" spans="1:40" ht="13.4" customHeight="1">
      <c r="A791" s="20" t="str">
        <f t="shared" si="38"/>
        <v>MF</v>
      </c>
      <c r="B791" s="20"/>
      <c r="C791" s="552">
        <v>13</v>
      </c>
      <c r="D791" s="553"/>
      <c r="E791" s="566" t="s">
        <v>828</v>
      </c>
      <c r="F791" s="567"/>
      <c r="G791" s="567"/>
      <c r="H791" s="567"/>
      <c r="I791" s="567"/>
      <c r="J791" s="567"/>
      <c r="K791" s="567"/>
      <c r="L791" s="567"/>
      <c r="M791" s="567"/>
      <c r="N791" s="567"/>
      <c r="O791" s="567"/>
      <c r="P791" s="567"/>
      <c r="Q791" s="567"/>
      <c r="R791" s="567"/>
      <c r="S791" s="567"/>
      <c r="T791" s="568"/>
      <c r="U791" s="220" t="s">
        <v>829</v>
      </c>
      <c r="V791" s="557" t="s">
        <v>107</v>
      </c>
      <c r="W791" s="558"/>
      <c r="X791" s="558"/>
      <c r="Y791" s="558"/>
      <c r="Z791" s="559"/>
      <c r="AA791" s="557" t="s">
        <v>102</v>
      </c>
      <c r="AB791" s="558"/>
      <c r="AC791" s="559"/>
      <c r="AD791" s="419">
        <v>9</v>
      </c>
      <c r="AE791" s="419" t="s">
        <v>103</v>
      </c>
      <c r="AF791" s="552" t="s">
        <v>926</v>
      </c>
      <c r="AG791" s="553"/>
      <c r="AH791" s="560"/>
      <c r="AI791" s="561"/>
      <c r="AJ791" s="562"/>
      <c r="AK791" s="333" t="s">
        <v>399</v>
      </c>
      <c r="AL791" s="29"/>
      <c r="AM791" s="16"/>
      <c r="AN791" s="3" t="str">
        <f t="shared" si="39"/>
        <v>■</v>
      </c>
    </row>
    <row r="792" spans="1:40" ht="13.4" customHeight="1">
      <c r="A792" s="20" t="str">
        <f t="shared" si="38"/>
        <v>MF</v>
      </c>
      <c r="B792" s="20"/>
      <c r="C792" s="552">
        <v>14</v>
      </c>
      <c r="D792" s="553"/>
      <c r="E792" s="566" t="s">
        <v>830</v>
      </c>
      <c r="F792" s="567"/>
      <c r="G792" s="567"/>
      <c r="H792" s="567"/>
      <c r="I792" s="567"/>
      <c r="J792" s="567"/>
      <c r="K792" s="567"/>
      <c r="L792" s="567"/>
      <c r="M792" s="567"/>
      <c r="N792" s="567"/>
      <c r="O792" s="567"/>
      <c r="P792" s="567"/>
      <c r="Q792" s="567"/>
      <c r="R792" s="567"/>
      <c r="S792" s="567"/>
      <c r="T792" s="568"/>
      <c r="U792" s="220" t="s">
        <v>831</v>
      </c>
      <c r="V792" s="557" t="s">
        <v>107</v>
      </c>
      <c r="W792" s="558"/>
      <c r="X792" s="558"/>
      <c r="Y792" s="558"/>
      <c r="Z792" s="559"/>
      <c r="AA792" s="557" t="s">
        <v>102</v>
      </c>
      <c r="AB792" s="558"/>
      <c r="AC792" s="559"/>
      <c r="AD792" s="419">
        <v>9</v>
      </c>
      <c r="AE792" s="419" t="s">
        <v>103</v>
      </c>
      <c r="AF792" s="552" t="s">
        <v>926</v>
      </c>
      <c r="AG792" s="553"/>
      <c r="AH792" s="560"/>
      <c r="AI792" s="561"/>
      <c r="AJ792" s="562"/>
      <c r="AK792" s="333" t="s">
        <v>399</v>
      </c>
      <c r="AL792" s="29"/>
      <c r="AM792" s="16"/>
      <c r="AN792" s="3" t="str">
        <f t="shared" si="39"/>
        <v>■</v>
      </c>
    </row>
    <row r="793" spans="1:40" ht="13.4" customHeight="1">
      <c r="A793" s="20" t="str">
        <f t="shared" si="38"/>
        <v>MF</v>
      </c>
      <c r="B793" s="20"/>
      <c r="C793" s="552">
        <v>15</v>
      </c>
      <c r="D793" s="553"/>
      <c r="E793" s="566" t="s">
        <v>832</v>
      </c>
      <c r="F793" s="567"/>
      <c r="G793" s="567"/>
      <c r="H793" s="567"/>
      <c r="I793" s="567"/>
      <c r="J793" s="567"/>
      <c r="K793" s="567"/>
      <c r="L793" s="567"/>
      <c r="M793" s="567"/>
      <c r="N793" s="567"/>
      <c r="O793" s="567"/>
      <c r="P793" s="567"/>
      <c r="Q793" s="567"/>
      <c r="R793" s="567"/>
      <c r="S793" s="567"/>
      <c r="T793" s="568"/>
      <c r="U793" s="220" t="s">
        <v>833</v>
      </c>
      <c r="V793" s="557" t="s">
        <v>107</v>
      </c>
      <c r="W793" s="558"/>
      <c r="X793" s="558"/>
      <c r="Y793" s="558"/>
      <c r="Z793" s="559"/>
      <c r="AA793" s="557" t="s">
        <v>102</v>
      </c>
      <c r="AB793" s="558"/>
      <c r="AC793" s="559"/>
      <c r="AD793" s="419">
        <v>9</v>
      </c>
      <c r="AE793" s="419" t="s">
        <v>103</v>
      </c>
      <c r="AF793" s="552" t="s">
        <v>926</v>
      </c>
      <c r="AG793" s="553"/>
      <c r="AH793" s="560"/>
      <c r="AI793" s="561"/>
      <c r="AJ793" s="562"/>
      <c r="AK793" s="333" t="s">
        <v>399</v>
      </c>
      <c r="AL793" s="29"/>
      <c r="AM793" s="16"/>
      <c r="AN793" s="3" t="str">
        <f t="shared" si="39"/>
        <v>■</v>
      </c>
    </row>
    <row r="794" spans="1:40" ht="13.4" customHeight="1">
      <c r="A794" s="20" t="str">
        <f t="shared" si="38"/>
        <v>MF</v>
      </c>
      <c r="B794" s="20"/>
      <c r="C794" s="552">
        <v>16</v>
      </c>
      <c r="D794" s="553"/>
      <c r="E794" s="566" t="s">
        <v>834</v>
      </c>
      <c r="F794" s="567"/>
      <c r="G794" s="567"/>
      <c r="H794" s="567"/>
      <c r="I794" s="567"/>
      <c r="J794" s="567"/>
      <c r="K794" s="567"/>
      <c r="L794" s="567"/>
      <c r="M794" s="567"/>
      <c r="N794" s="567"/>
      <c r="O794" s="567"/>
      <c r="P794" s="567"/>
      <c r="Q794" s="567"/>
      <c r="R794" s="567"/>
      <c r="S794" s="567"/>
      <c r="T794" s="568"/>
      <c r="U794" s="220" t="s">
        <v>835</v>
      </c>
      <c r="V794" s="557" t="s">
        <v>107</v>
      </c>
      <c r="W794" s="558"/>
      <c r="X794" s="558"/>
      <c r="Y794" s="558"/>
      <c r="Z794" s="559"/>
      <c r="AA794" s="557" t="s">
        <v>102</v>
      </c>
      <c r="AB794" s="558"/>
      <c r="AC794" s="559"/>
      <c r="AD794" s="419">
        <v>9</v>
      </c>
      <c r="AE794" s="419" t="s">
        <v>103</v>
      </c>
      <c r="AF794" s="552" t="s">
        <v>926</v>
      </c>
      <c r="AG794" s="553"/>
      <c r="AH794" s="560"/>
      <c r="AI794" s="561"/>
      <c r="AJ794" s="562"/>
      <c r="AK794" s="333" t="s">
        <v>399</v>
      </c>
      <c r="AL794" s="29"/>
      <c r="AM794" s="16"/>
      <c r="AN794" s="3" t="str">
        <f t="shared" si="39"/>
        <v>■</v>
      </c>
    </row>
    <row r="795" spans="1:40" ht="13.4" customHeight="1">
      <c r="A795" s="20" t="str">
        <f t="shared" si="38"/>
        <v>MF</v>
      </c>
      <c r="B795" s="20"/>
      <c r="C795" s="552">
        <v>17</v>
      </c>
      <c r="D795" s="553"/>
      <c r="E795" s="566" t="s">
        <v>836</v>
      </c>
      <c r="F795" s="567"/>
      <c r="G795" s="567"/>
      <c r="H795" s="567"/>
      <c r="I795" s="567"/>
      <c r="J795" s="567"/>
      <c r="K795" s="567"/>
      <c r="L795" s="567"/>
      <c r="M795" s="567"/>
      <c r="N795" s="567"/>
      <c r="O795" s="567"/>
      <c r="P795" s="567"/>
      <c r="Q795" s="567"/>
      <c r="R795" s="567"/>
      <c r="S795" s="567"/>
      <c r="T795" s="568"/>
      <c r="U795" s="220" t="s">
        <v>837</v>
      </c>
      <c r="V795" s="557" t="s">
        <v>107</v>
      </c>
      <c r="W795" s="558"/>
      <c r="X795" s="558"/>
      <c r="Y795" s="558"/>
      <c r="Z795" s="559"/>
      <c r="AA795" s="557" t="s">
        <v>102</v>
      </c>
      <c r="AB795" s="558"/>
      <c r="AC795" s="559"/>
      <c r="AD795" s="419">
        <v>9</v>
      </c>
      <c r="AE795" s="419" t="s">
        <v>103</v>
      </c>
      <c r="AF795" s="552" t="s">
        <v>926</v>
      </c>
      <c r="AG795" s="553"/>
      <c r="AH795" s="560"/>
      <c r="AI795" s="561"/>
      <c r="AJ795" s="562"/>
      <c r="AK795" s="333" t="s">
        <v>399</v>
      </c>
      <c r="AL795" s="29"/>
      <c r="AM795" s="16"/>
      <c r="AN795" s="3" t="str">
        <f t="shared" si="39"/>
        <v>■</v>
      </c>
    </row>
    <row r="796" spans="1:40" ht="13.4" customHeight="1">
      <c r="A796" s="20" t="str">
        <f t="shared" si="38"/>
        <v>MF</v>
      </c>
      <c r="B796" s="20"/>
      <c r="C796" s="552">
        <v>18</v>
      </c>
      <c r="D796" s="553"/>
      <c r="E796" s="566" t="s">
        <v>838</v>
      </c>
      <c r="F796" s="567"/>
      <c r="G796" s="567"/>
      <c r="H796" s="567"/>
      <c r="I796" s="567"/>
      <c r="J796" s="567"/>
      <c r="K796" s="567"/>
      <c r="L796" s="567"/>
      <c r="M796" s="567"/>
      <c r="N796" s="567"/>
      <c r="O796" s="567"/>
      <c r="P796" s="567"/>
      <c r="Q796" s="567"/>
      <c r="R796" s="567"/>
      <c r="S796" s="567"/>
      <c r="T796" s="568"/>
      <c r="U796" s="220" t="s">
        <v>839</v>
      </c>
      <c r="V796" s="557" t="s">
        <v>107</v>
      </c>
      <c r="W796" s="558"/>
      <c r="X796" s="558"/>
      <c r="Y796" s="558"/>
      <c r="Z796" s="559"/>
      <c r="AA796" s="557" t="s">
        <v>102</v>
      </c>
      <c r="AB796" s="558"/>
      <c r="AC796" s="559"/>
      <c r="AD796" s="419">
        <v>9</v>
      </c>
      <c r="AE796" s="419" t="s">
        <v>103</v>
      </c>
      <c r="AF796" s="552" t="s">
        <v>926</v>
      </c>
      <c r="AG796" s="553"/>
      <c r="AH796" s="560"/>
      <c r="AI796" s="561"/>
      <c r="AJ796" s="562"/>
      <c r="AK796" s="333" t="s">
        <v>399</v>
      </c>
      <c r="AL796" s="29"/>
      <c r="AM796" s="16"/>
      <c r="AN796" s="3" t="str">
        <f t="shared" si="39"/>
        <v>■</v>
      </c>
    </row>
    <row r="797" spans="1:40" ht="13.4" customHeight="1">
      <c r="A797" s="20" t="str">
        <f t="shared" si="38"/>
        <v>MF</v>
      </c>
      <c r="B797" s="20"/>
      <c r="C797" s="552">
        <v>19</v>
      </c>
      <c r="D797" s="553"/>
      <c r="E797" s="566" t="s">
        <v>840</v>
      </c>
      <c r="F797" s="567"/>
      <c r="G797" s="567"/>
      <c r="H797" s="567"/>
      <c r="I797" s="567"/>
      <c r="J797" s="567"/>
      <c r="K797" s="567"/>
      <c r="L797" s="567"/>
      <c r="M797" s="567"/>
      <c r="N797" s="567"/>
      <c r="O797" s="567"/>
      <c r="P797" s="567"/>
      <c r="Q797" s="567"/>
      <c r="R797" s="567"/>
      <c r="S797" s="567"/>
      <c r="T797" s="568"/>
      <c r="U797" s="220" t="s">
        <v>841</v>
      </c>
      <c r="V797" s="557" t="s">
        <v>107</v>
      </c>
      <c r="W797" s="558"/>
      <c r="X797" s="558"/>
      <c r="Y797" s="558"/>
      <c r="Z797" s="559"/>
      <c r="AA797" s="557" t="s">
        <v>102</v>
      </c>
      <c r="AB797" s="558"/>
      <c r="AC797" s="559"/>
      <c r="AD797" s="419">
        <v>9</v>
      </c>
      <c r="AE797" s="419" t="s">
        <v>103</v>
      </c>
      <c r="AF797" s="552" t="s">
        <v>926</v>
      </c>
      <c r="AG797" s="553"/>
      <c r="AH797" s="560"/>
      <c r="AI797" s="561"/>
      <c r="AJ797" s="562"/>
      <c r="AK797" s="333" t="s">
        <v>399</v>
      </c>
      <c r="AL797" s="29"/>
      <c r="AM797" s="16"/>
      <c r="AN797" s="3" t="str">
        <f t="shared" si="39"/>
        <v>■</v>
      </c>
    </row>
    <row r="798" spans="1:40" ht="13.4" customHeight="1">
      <c r="A798" s="20" t="str">
        <f t="shared" si="38"/>
        <v>MF</v>
      </c>
      <c r="B798" s="20"/>
      <c r="C798" s="552">
        <v>20</v>
      </c>
      <c r="D798" s="553"/>
      <c r="E798" s="566" t="s">
        <v>842</v>
      </c>
      <c r="F798" s="567"/>
      <c r="G798" s="567"/>
      <c r="H798" s="567"/>
      <c r="I798" s="567"/>
      <c r="J798" s="567"/>
      <c r="K798" s="567"/>
      <c r="L798" s="567"/>
      <c r="M798" s="567"/>
      <c r="N798" s="567"/>
      <c r="O798" s="567"/>
      <c r="P798" s="567"/>
      <c r="Q798" s="567"/>
      <c r="R798" s="567"/>
      <c r="S798" s="567"/>
      <c r="T798" s="568"/>
      <c r="U798" s="220" t="s">
        <v>843</v>
      </c>
      <c r="V798" s="557" t="s">
        <v>107</v>
      </c>
      <c r="W798" s="558"/>
      <c r="X798" s="558"/>
      <c r="Y798" s="558"/>
      <c r="Z798" s="559"/>
      <c r="AA798" s="557" t="s">
        <v>102</v>
      </c>
      <c r="AB798" s="558"/>
      <c r="AC798" s="559"/>
      <c r="AD798" s="419">
        <v>9</v>
      </c>
      <c r="AE798" s="419" t="s">
        <v>103</v>
      </c>
      <c r="AF798" s="552" t="s">
        <v>926</v>
      </c>
      <c r="AG798" s="553"/>
      <c r="AH798" s="560"/>
      <c r="AI798" s="561"/>
      <c r="AJ798" s="562"/>
      <c r="AK798" s="333" t="s">
        <v>399</v>
      </c>
      <c r="AL798" s="29"/>
      <c r="AM798" s="16"/>
      <c r="AN798" s="3" t="str">
        <f t="shared" si="39"/>
        <v>■</v>
      </c>
    </row>
    <row r="799" spans="1:40" ht="13.4" customHeight="1">
      <c r="A799" s="20" t="str">
        <f t="shared" si="38"/>
        <v>MF</v>
      </c>
      <c r="B799" s="20"/>
      <c r="C799" s="552">
        <v>21</v>
      </c>
      <c r="D799" s="553"/>
      <c r="E799" s="566" t="s">
        <v>844</v>
      </c>
      <c r="F799" s="567"/>
      <c r="G799" s="567"/>
      <c r="H799" s="567"/>
      <c r="I799" s="567"/>
      <c r="J799" s="567"/>
      <c r="K799" s="567"/>
      <c r="L799" s="567"/>
      <c r="M799" s="567"/>
      <c r="N799" s="567"/>
      <c r="O799" s="567"/>
      <c r="P799" s="567"/>
      <c r="Q799" s="567"/>
      <c r="R799" s="567"/>
      <c r="S799" s="567"/>
      <c r="T799" s="568"/>
      <c r="U799" s="220" t="s">
        <v>845</v>
      </c>
      <c r="V799" s="557" t="s">
        <v>107</v>
      </c>
      <c r="W799" s="558"/>
      <c r="X799" s="558"/>
      <c r="Y799" s="558"/>
      <c r="Z799" s="559"/>
      <c r="AA799" s="557" t="s">
        <v>102</v>
      </c>
      <c r="AB799" s="558"/>
      <c r="AC799" s="559"/>
      <c r="AD799" s="419">
        <v>9</v>
      </c>
      <c r="AE799" s="419" t="s">
        <v>103</v>
      </c>
      <c r="AF799" s="552" t="s">
        <v>926</v>
      </c>
      <c r="AG799" s="553"/>
      <c r="AH799" s="560"/>
      <c r="AI799" s="561"/>
      <c r="AJ799" s="562"/>
      <c r="AK799" s="333" t="s">
        <v>399</v>
      </c>
      <c r="AL799" s="29"/>
      <c r="AM799" s="16"/>
      <c r="AN799" s="3" t="str">
        <f t="shared" si="39"/>
        <v>■</v>
      </c>
    </row>
    <row r="800" spans="1:40" ht="13.4" customHeight="1">
      <c r="A800" s="20" t="str">
        <f t="shared" si="38"/>
        <v>MF</v>
      </c>
      <c r="B800" s="20"/>
      <c r="C800" s="552">
        <v>22</v>
      </c>
      <c r="D800" s="553"/>
      <c r="E800" s="566" t="s">
        <v>846</v>
      </c>
      <c r="F800" s="567"/>
      <c r="G800" s="567"/>
      <c r="H800" s="567"/>
      <c r="I800" s="567"/>
      <c r="J800" s="567"/>
      <c r="K800" s="567"/>
      <c r="L800" s="567"/>
      <c r="M800" s="567"/>
      <c r="N800" s="567"/>
      <c r="O800" s="567"/>
      <c r="P800" s="567"/>
      <c r="Q800" s="567"/>
      <c r="R800" s="567"/>
      <c r="S800" s="567"/>
      <c r="T800" s="568"/>
      <c r="U800" s="220" t="s">
        <v>847</v>
      </c>
      <c r="V800" s="557" t="s">
        <v>107</v>
      </c>
      <c r="W800" s="558"/>
      <c r="X800" s="558"/>
      <c r="Y800" s="558"/>
      <c r="Z800" s="559"/>
      <c r="AA800" s="557" t="s">
        <v>102</v>
      </c>
      <c r="AB800" s="558"/>
      <c r="AC800" s="559"/>
      <c r="AD800" s="419">
        <v>9</v>
      </c>
      <c r="AE800" s="419" t="s">
        <v>103</v>
      </c>
      <c r="AF800" s="552" t="s">
        <v>926</v>
      </c>
      <c r="AG800" s="553"/>
      <c r="AH800" s="560"/>
      <c r="AI800" s="561"/>
      <c r="AJ800" s="562"/>
      <c r="AK800" s="333" t="s">
        <v>399</v>
      </c>
      <c r="AL800" s="29"/>
      <c r="AM800" s="16"/>
      <c r="AN800" s="3" t="str">
        <f t="shared" si="39"/>
        <v>■</v>
      </c>
    </row>
    <row r="801" spans="1:40" ht="13.4" customHeight="1">
      <c r="A801" s="20" t="str">
        <f t="shared" si="38"/>
        <v>MF</v>
      </c>
      <c r="B801" s="20"/>
      <c r="C801" s="552">
        <v>23</v>
      </c>
      <c r="D801" s="553"/>
      <c r="E801" s="566" t="s">
        <v>848</v>
      </c>
      <c r="F801" s="567"/>
      <c r="G801" s="567"/>
      <c r="H801" s="567"/>
      <c r="I801" s="567"/>
      <c r="J801" s="567"/>
      <c r="K801" s="567"/>
      <c r="L801" s="567"/>
      <c r="M801" s="567"/>
      <c r="N801" s="567"/>
      <c r="O801" s="567"/>
      <c r="P801" s="567"/>
      <c r="Q801" s="567"/>
      <c r="R801" s="567"/>
      <c r="S801" s="567"/>
      <c r="T801" s="568"/>
      <c r="U801" s="220" t="s">
        <v>849</v>
      </c>
      <c r="V801" s="557" t="s">
        <v>107</v>
      </c>
      <c r="W801" s="558"/>
      <c r="X801" s="558"/>
      <c r="Y801" s="558"/>
      <c r="Z801" s="559"/>
      <c r="AA801" s="557" t="s">
        <v>102</v>
      </c>
      <c r="AB801" s="558"/>
      <c r="AC801" s="559"/>
      <c r="AD801" s="419">
        <v>9</v>
      </c>
      <c r="AE801" s="419" t="s">
        <v>103</v>
      </c>
      <c r="AF801" s="552" t="s">
        <v>926</v>
      </c>
      <c r="AG801" s="553"/>
      <c r="AH801" s="560"/>
      <c r="AI801" s="561"/>
      <c r="AJ801" s="562"/>
      <c r="AK801" s="333" t="s">
        <v>399</v>
      </c>
      <c r="AL801" s="29"/>
      <c r="AM801" s="16"/>
      <c r="AN801" s="3" t="str">
        <f t="shared" si="39"/>
        <v>■</v>
      </c>
    </row>
    <row r="802" spans="1:40" ht="13.4" customHeight="1">
      <c r="A802" s="20" t="str">
        <f t="shared" si="38"/>
        <v>MF</v>
      </c>
      <c r="B802" s="20"/>
      <c r="C802" s="552">
        <v>24</v>
      </c>
      <c r="D802" s="553"/>
      <c r="E802" s="566" t="s">
        <v>850</v>
      </c>
      <c r="F802" s="567"/>
      <c r="G802" s="567"/>
      <c r="H802" s="567"/>
      <c r="I802" s="567"/>
      <c r="J802" s="567"/>
      <c r="K802" s="567"/>
      <c r="L802" s="567"/>
      <c r="M802" s="567"/>
      <c r="N802" s="567"/>
      <c r="O802" s="567"/>
      <c r="P802" s="567"/>
      <c r="Q802" s="567"/>
      <c r="R802" s="567"/>
      <c r="S802" s="567"/>
      <c r="T802" s="568"/>
      <c r="U802" s="220" t="s">
        <v>851</v>
      </c>
      <c r="V802" s="557" t="s">
        <v>107</v>
      </c>
      <c r="W802" s="558"/>
      <c r="X802" s="558"/>
      <c r="Y802" s="558"/>
      <c r="Z802" s="559"/>
      <c r="AA802" s="557" t="s">
        <v>102</v>
      </c>
      <c r="AB802" s="558"/>
      <c r="AC802" s="559"/>
      <c r="AD802" s="419">
        <v>9</v>
      </c>
      <c r="AE802" s="419" t="s">
        <v>103</v>
      </c>
      <c r="AF802" s="552" t="s">
        <v>926</v>
      </c>
      <c r="AG802" s="553"/>
      <c r="AH802" s="560"/>
      <c r="AI802" s="561"/>
      <c r="AJ802" s="562"/>
      <c r="AK802" s="333" t="s">
        <v>399</v>
      </c>
      <c r="AL802" s="29"/>
      <c r="AM802" s="16"/>
      <c r="AN802" s="3" t="str">
        <f t="shared" si="39"/>
        <v>■</v>
      </c>
    </row>
    <row r="803" spans="1:40" ht="13.4" customHeight="1">
      <c r="A803" s="20" t="str">
        <f t="shared" ref="A803:A846" si="40">IF(LEN(J803)&gt;0,MID(J803,FIND("（",J803,1)+1,2),A802)</f>
        <v>MF</v>
      </c>
      <c r="B803" s="20"/>
      <c r="C803" s="552">
        <v>25</v>
      </c>
      <c r="D803" s="553"/>
      <c r="E803" s="566" t="s">
        <v>852</v>
      </c>
      <c r="F803" s="567"/>
      <c r="G803" s="567"/>
      <c r="H803" s="567"/>
      <c r="I803" s="567"/>
      <c r="J803" s="567"/>
      <c r="K803" s="567"/>
      <c r="L803" s="567"/>
      <c r="M803" s="567"/>
      <c r="N803" s="567"/>
      <c r="O803" s="567"/>
      <c r="P803" s="567"/>
      <c r="Q803" s="567"/>
      <c r="R803" s="567"/>
      <c r="S803" s="567"/>
      <c r="T803" s="568"/>
      <c r="U803" s="220" t="s">
        <v>853</v>
      </c>
      <c r="V803" s="557" t="s">
        <v>107</v>
      </c>
      <c r="W803" s="558"/>
      <c r="X803" s="558"/>
      <c r="Y803" s="558"/>
      <c r="Z803" s="559"/>
      <c r="AA803" s="557" t="s">
        <v>102</v>
      </c>
      <c r="AB803" s="558"/>
      <c r="AC803" s="559"/>
      <c r="AD803" s="419">
        <v>9</v>
      </c>
      <c r="AE803" s="419" t="s">
        <v>103</v>
      </c>
      <c r="AF803" s="552" t="s">
        <v>926</v>
      </c>
      <c r="AG803" s="553"/>
      <c r="AH803" s="560"/>
      <c r="AI803" s="561"/>
      <c r="AJ803" s="562"/>
      <c r="AK803" s="333" t="s">
        <v>399</v>
      </c>
      <c r="AL803" s="29"/>
      <c r="AM803" s="16"/>
      <c r="AN803" s="3" t="str">
        <f t="shared" si="39"/>
        <v>■</v>
      </c>
    </row>
    <row r="804" spans="1:40" ht="13.4" customHeight="1">
      <c r="A804" s="20" t="str">
        <f t="shared" si="40"/>
        <v>MF</v>
      </c>
      <c r="B804" s="20"/>
      <c r="C804" s="552">
        <v>26</v>
      </c>
      <c r="D804" s="553"/>
      <c r="E804" s="566" t="s">
        <v>854</v>
      </c>
      <c r="F804" s="567"/>
      <c r="G804" s="567"/>
      <c r="H804" s="567"/>
      <c r="I804" s="567"/>
      <c r="J804" s="567"/>
      <c r="K804" s="567"/>
      <c r="L804" s="567"/>
      <c r="M804" s="567"/>
      <c r="N804" s="567"/>
      <c r="O804" s="567"/>
      <c r="P804" s="567"/>
      <c r="Q804" s="567"/>
      <c r="R804" s="567"/>
      <c r="S804" s="567"/>
      <c r="T804" s="568"/>
      <c r="U804" s="220" t="s">
        <v>855</v>
      </c>
      <c r="V804" s="557" t="s">
        <v>107</v>
      </c>
      <c r="W804" s="558"/>
      <c r="X804" s="558"/>
      <c r="Y804" s="558"/>
      <c r="Z804" s="559"/>
      <c r="AA804" s="557" t="s">
        <v>102</v>
      </c>
      <c r="AB804" s="558"/>
      <c r="AC804" s="559"/>
      <c r="AD804" s="419">
        <v>9</v>
      </c>
      <c r="AE804" s="419" t="s">
        <v>103</v>
      </c>
      <c r="AF804" s="552" t="s">
        <v>926</v>
      </c>
      <c r="AG804" s="553"/>
      <c r="AH804" s="560"/>
      <c r="AI804" s="561"/>
      <c r="AJ804" s="562"/>
      <c r="AK804" s="333" t="s">
        <v>399</v>
      </c>
      <c r="AL804" s="29"/>
      <c r="AM804" s="16"/>
      <c r="AN804" s="3" t="str">
        <f t="shared" si="39"/>
        <v>■</v>
      </c>
    </row>
    <row r="805" spans="1:40" ht="13.4" customHeight="1">
      <c r="A805" s="20" t="str">
        <f t="shared" si="40"/>
        <v>MF</v>
      </c>
      <c r="B805" s="20"/>
      <c r="C805" s="552">
        <v>27</v>
      </c>
      <c r="D805" s="553"/>
      <c r="E805" s="566" t="s">
        <v>856</v>
      </c>
      <c r="F805" s="567"/>
      <c r="G805" s="567"/>
      <c r="H805" s="567"/>
      <c r="I805" s="567"/>
      <c r="J805" s="567"/>
      <c r="K805" s="567"/>
      <c r="L805" s="567"/>
      <c r="M805" s="567"/>
      <c r="N805" s="567"/>
      <c r="O805" s="567"/>
      <c r="P805" s="567"/>
      <c r="Q805" s="567"/>
      <c r="R805" s="567"/>
      <c r="S805" s="567"/>
      <c r="T805" s="568"/>
      <c r="U805" s="220" t="s">
        <v>857</v>
      </c>
      <c r="V805" s="557" t="s">
        <v>107</v>
      </c>
      <c r="W805" s="558"/>
      <c r="X805" s="558"/>
      <c r="Y805" s="558"/>
      <c r="Z805" s="559"/>
      <c r="AA805" s="557" t="s">
        <v>102</v>
      </c>
      <c r="AB805" s="558"/>
      <c r="AC805" s="559"/>
      <c r="AD805" s="419">
        <v>9</v>
      </c>
      <c r="AE805" s="419" t="s">
        <v>103</v>
      </c>
      <c r="AF805" s="552" t="s">
        <v>926</v>
      </c>
      <c r="AG805" s="553"/>
      <c r="AH805" s="560"/>
      <c r="AI805" s="561"/>
      <c r="AJ805" s="562"/>
      <c r="AK805" s="333" t="s">
        <v>399</v>
      </c>
      <c r="AL805" s="29"/>
      <c r="AM805" s="16"/>
      <c r="AN805" s="3" t="str">
        <f t="shared" si="39"/>
        <v>■</v>
      </c>
    </row>
    <row r="806" spans="1:40" ht="13.4" customHeight="1">
      <c r="A806" s="20" t="str">
        <f t="shared" si="40"/>
        <v>MF</v>
      </c>
      <c r="B806" s="20"/>
      <c r="C806" s="552">
        <v>28</v>
      </c>
      <c r="D806" s="553"/>
      <c r="E806" s="566" t="s">
        <v>858</v>
      </c>
      <c r="F806" s="567"/>
      <c r="G806" s="567"/>
      <c r="H806" s="567"/>
      <c r="I806" s="567"/>
      <c r="J806" s="567"/>
      <c r="K806" s="567"/>
      <c r="L806" s="567"/>
      <c r="M806" s="567"/>
      <c r="N806" s="567"/>
      <c r="O806" s="567"/>
      <c r="P806" s="567"/>
      <c r="Q806" s="567"/>
      <c r="R806" s="567"/>
      <c r="S806" s="567"/>
      <c r="T806" s="568"/>
      <c r="U806" s="220" t="s">
        <v>859</v>
      </c>
      <c r="V806" s="557" t="s">
        <v>107</v>
      </c>
      <c r="W806" s="558"/>
      <c r="X806" s="558"/>
      <c r="Y806" s="558"/>
      <c r="Z806" s="559"/>
      <c r="AA806" s="557" t="s">
        <v>102</v>
      </c>
      <c r="AB806" s="558"/>
      <c r="AC806" s="559"/>
      <c r="AD806" s="419">
        <v>9</v>
      </c>
      <c r="AE806" s="419" t="s">
        <v>103</v>
      </c>
      <c r="AF806" s="552" t="s">
        <v>926</v>
      </c>
      <c r="AG806" s="553"/>
      <c r="AH806" s="560"/>
      <c r="AI806" s="561"/>
      <c r="AJ806" s="562"/>
      <c r="AK806" s="333" t="s">
        <v>399</v>
      </c>
      <c r="AL806" s="29"/>
      <c r="AM806" s="16"/>
      <c r="AN806" s="3" t="str">
        <f t="shared" si="39"/>
        <v>■</v>
      </c>
    </row>
    <row r="807" spans="1:40" ht="13.4" customHeight="1">
      <c r="A807" s="20" t="str">
        <f t="shared" si="40"/>
        <v>MF</v>
      </c>
      <c r="B807" s="20"/>
      <c r="C807" s="552">
        <v>29</v>
      </c>
      <c r="D807" s="553"/>
      <c r="E807" s="566" t="s">
        <v>860</v>
      </c>
      <c r="F807" s="567"/>
      <c r="G807" s="567"/>
      <c r="H807" s="567"/>
      <c r="I807" s="567"/>
      <c r="J807" s="567"/>
      <c r="K807" s="567"/>
      <c r="L807" s="567"/>
      <c r="M807" s="567"/>
      <c r="N807" s="567"/>
      <c r="O807" s="567"/>
      <c r="P807" s="567"/>
      <c r="Q807" s="567"/>
      <c r="R807" s="567"/>
      <c r="S807" s="567"/>
      <c r="T807" s="568"/>
      <c r="U807" s="220" t="s">
        <v>861</v>
      </c>
      <c r="V807" s="557" t="s">
        <v>107</v>
      </c>
      <c r="W807" s="558"/>
      <c r="X807" s="558"/>
      <c r="Y807" s="558"/>
      <c r="Z807" s="559"/>
      <c r="AA807" s="557" t="s">
        <v>102</v>
      </c>
      <c r="AB807" s="558"/>
      <c r="AC807" s="559"/>
      <c r="AD807" s="419">
        <v>9</v>
      </c>
      <c r="AE807" s="419" t="s">
        <v>103</v>
      </c>
      <c r="AF807" s="552" t="s">
        <v>926</v>
      </c>
      <c r="AG807" s="553"/>
      <c r="AH807" s="560"/>
      <c r="AI807" s="561"/>
      <c r="AJ807" s="562"/>
      <c r="AK807" s="333" t="s">
        <v>399</v>
      </c>
      <c r="AL807" s="29"/>
      <c r="AM807" s="16"/>
      <c r="AN807" s="3" t="str">
        <f t="shared" si="39"/>
        <v>■</v>
      </c>
    </row>
    <row r="808" spans="1:40" ht="13.4" customHeight="1">
      <c r="A808" s="20" t="str">
        <f t="shared" si="40"/>
        <v>MF</v>
      </c>
      <c r="B808" s="20"/>
      <c r="C808" s="552">
        <v>30</v>
      </c>
      <c r="D808" s="553"/>
      <c r="E808" s="566" t="s">
        <v>862</v>
      </c>
      <c r="F808" s="567"/>
      <c r="G808" s="567"/>
      <c r="H808" s="567"/>
      <c r="I808" s="567"/>
      <c r="J808" s="567"/>
      <c r="K808" s="567"/>
      <c r="L808" s="567"/>
      <c r="M808" s="567"/>
      <c r="N808" s="567"/>
      <c r="O808" s="567"/>
      <c r="P808" s="567"/>
      <c r="Q808" s="567"/>
      <c r="R808" s="567"/>
      <c r="S808" s="567"/>
      <c r="T808" s="568"/>
      <c r="U808" s="220" t="s">
        <v>863</v>
      </c>
      <c r="V808" s="557" t="s">
        <v>107</v>
      </c>
      <c r="W808" s="558"/>
      <c r="X808" s="558"/>
      <c r="Y808" s="558"/>
      <c r="Z808" s="559"/>
      <c r="AA808" s="557" t="s">
        <v>102</v>
      </c>
      <c r="AB808" s="558"/>
      <c r="AC808" s="559"/>
      <c r="AD808" s="419">
        <v>9</v>
      </c>
      <c r="AE808" s="419" t="s">
        <v>103</v>
      </c>
      <c r="AF808" s="552" t="s">
        <v>926</v>
      </c>
      <c r="AG808" s="553"/>
      <c r="AH808" s="560"/>
      <c r="AI808" s="561"/>
      <c r="AJ808" s="562"/>
      <c r="AK808" s="333" t="s">
        <v>399</v>
      </c>
      <c r="AL808" s="29"/>
      <c r="AM808" s="16"/>
      <c r="AN808" s="3" t="str">
        <f t="shared" si="39"/>
        <v>■</v>
      </c>
    </row>
    <row r="809" spans="1:40" ht="13.4" customHeight="1">
      <c r="A809" s="20" t="str">
        <f t="shared" si="40"/>
        <v>MF</v>
      </c>
      <c r="B809" s="20"/>
      <c r="C809" s="552">
        <v>31</v>
      </c>
      <c r="D809" s="553"/>
      <c r="E809" s="566" t="s">
        <v>864</v>
      </c>
      <c r="F809" s="567"/>
      <c r="G809" s="567"/>
      <c r="H809" s="567"/>
      <c r="I809" s="567"/>
      <c r="J809" s="567"/>
      <c r="K809" s="567"/>
      <c r="L809" s="567"/>
      <c r="M809" s="567"/>
      <c r="N809" s="567"/>
      <c r="O809" s="567"/>
      <c r="P809" s="567"/>
      <c r="Q809" s="567"/>
      <c r="R809" s="567"/>
      <c r="S809" s="567"/>
      <c r="T809" s="568"/>
      <c r="U809" s="220" t="s">
        <v>865</v>
      </c>
      <c r="V809" s="557" t="s">
        <v>107</v>
      </c>
      <c r="W809" s="558"/>
      <c r="X809" s="558"/>
      <c r="Y809" s="558"/>
      <c r="Z809" s="559"/>
      <c r="AA809" s="557" t="s">
        <v>102</v>
      </c>
      <c r="AB809" s="558"/>
      <c r="AC809" s="559"/>
      <c r="AD809" s="419">
        <v>9</v>
      </c>
      <c r="AE809" s="419" t="s">
        <v>103</v>
      </c>
      <c r="AF809" s="552" t="s">
        <v>926</v>
      </c>
      <c r="AG809" s="553"/>
      <c r="AH809" s="560"/>
      <c r="AI809" s="561"/>
      <c r="AJ809" s="562"/>
      <c r="AK809" s="333" t="s">
        <v>399</v>
      </c>
      <c r="AL809" s="29"/>
      <c r="AM809" s="16"/>
      <c r="AN809" s="3" t="str">
        <f t="shared" si="39"/>
        <v>■</v>
      </c>
    </row>
    <row r="810" spans="1:40" ht="13.4" customHeight="1">
      <c r="A810" s="20" t="str">
        <f t="shared" si="40"/>
        <v>MF</v>
      </c>
      <c r="B810" s="20"/>
      <c r="C810" s="552">
        <v>32</v>
      </c>
      <c r="D810" s="553"/>
      <c r="E810" s="566" t="s">
        <v>866</v>
      </c>
      <c r="F810" s="567"/>
      <c r="G810" s="567"/>
      <c r="H810" s="567"/>
      <c r="I810" s="567"/>
      <c r="J810" s="567"/>
      <c r="K810" s="567"/>
      <c r="L810" s="567"/>
      <c r="M810" s="567"/>
      <c r="N810" s="567"/>
      <c r="O810" s="567"/>
      <c r="P810" s="567"/>
      <c r="Q810" s="567"/>
      <c r="R810" s="567"/>
      <c r="S810" s="567"/>
      <c r="T810" s="568"/>
      <c r="U810" s="220" t="s">
        <v>867</v>
      </c>
      <c r="V810" s="557" t="s">
        <v>107</v>
      </c>
      <c r="W810" s="558"/>
      <c r="X810" s="558"/>
      <c r="Y810" s="558"/>
      <c r="Z810" s="559"/>
      <c r="AA810" s="557" t="s">
        <v>102</v>
      </c>
      <c r="AB810" s="558"/>
      <c r="AC810" s="559"/>
      <c r="AD810" s="419">
        <v>9</v>
      </c>
      <c r="AE810" s="419" t="s">
        <v>103</v>
      </c>
      <c r="AF810" s="552" t="s">
        <v>926</v>
      </c>
      <c r="AG810" s="553"/>
      <c r="AH810" s="560"/>
      <c r="AI810" s="561"/>
      <c r="AJ810" s="562"/>
      <c r="AK810" s="333" t="s">
        <v>399</v>
      </c>
      <c r="AL810" s="29"/>
      <c r="AM810" s="16"/>
      <c r="AN810" s="3" t="str">
        <f t="shared" si="39"/>
        <v>■</v>
      </c>
    </row>
    <row r="811" spans="1:40" ht="13.4" customHeight="1">
      <c r="A811" s="20" t="str">
        <f t="shared" si="40"/>
        <v>MF</v>
      </c>
      <c r="B811" s="20"/>
      <c r="C811" s="552">
        <v>33</v>
      </c>
      <c r="D811" s="553"/>
      <c r="E811" s="566" t="s">
        <v>868</v>
      </c>
      <c r="F811" s="567"/>
      <c r="G811" s="567"/>
      <c r="H811" s="567"/>
      <c r="I811" s="567"/>
      <c r="J811" s="567"/>
      <c r="K811" s="567"/>
      <c r="L811" s="567"/>
      <c r="M811" s="567"/>
      <c r="N811" s="567"/>
      <c r="O811" s="567"/>
      <c r="P811" s="567"/>
      <c r="Q811" s="567"/>
      <c r="R811" s="567"/>
      <c r="S811" s="567"/>
      <c r="T811" s="568"/>
      <c r="U811" s="220" t="s">
        <v>869</v>
      </c>
      <c r="V811" s="557" t="s">
        <v>107</v>
      </c>
      <c r="W811" s="558"/>
      <c r="X811" s="558"/>
      <c r="Y811" s="558"/>
      <c r="Z811" s="559"/>
      <c r="AA811" s="557" t="s">
        <v>102</v>
      </c>
      <c r="AB811" s="558"/>
      <c r="AC811" s="559"/>
      <c r="AD811" s="419">
        <v>9</v>
      </c>
      <c r="AE811" s="419" t="s">
        <v>103</v>
      </c>
      <c r="AF811" s="552" t="s">
        <v>926</v>
      </c>
      <c r="AG811" s="553"/>
      <c r="AH811" s="560"/>
      <c r="AI811" s="561"/>
      <c r="AJ811" s="562"/>
      <c r="AK811" s="333" t="s">
        <v>399</v>
      </c>
      <c r="AL811" s="29"/>
      <c r="AM811" s="16"/>
      <c r="AN811" s="3" t="str">
        <f t="shared" si="39"/>
        <v>■</v>
      </c>
    </row>
    <row r="812" spans="1:40" ht="13.4" customHeight="1">
      <c r="A812" s="20" t="str">
        <f t="shared" si="40"/>
        <v>MF</v>
      </c>
      <c r="B812" s="20"/>
      <c r="C812" s="552">
        <v>34</v>
      </c>
      <c r="D812" s="553"/>
      <c r="E812" s="566" t="s">
        <v>870</v>
      </c>
      <c r="F812" s="567"/>
      <c r="G812" s="567"/>
      <c r="H812" s="567"/>
      <c r="I812" s="567"/>
      <c r="J812" s="567"/>
      <c r="K812" s="567"/>
      <c r="L812" s="567"/>
      <c r="M812" s="567"/>
      <c r="N812" s="567"/>
      <c r="O812" s="567"/>
      <c r="P812" s="567"/>
      <c r="Q812" s="567"/>
      <c r="R812" s="567"/>
      <c r="S812" s="567"/>
      <c r="T812" s="568"/>
      <c r="U812" s="220" t="s">
        <v>871</v>
      </c>
      <c r="V812" s="557" t="s">
        <v>107</v>
      </c>
      <c r="W812" s="558"/>
      <c r="X812" s="558"/>
      <c r="Y812" s="558"/>
      <c r="Z812" s="559"/>
      <c r="AA812" s="557" t="s">
        <v>102</v>
      </c>
      <c r="AB812" s="558"/>
      <c r="AC812" s="559"/>
      <c r="AD812" s="419">
        <v>9</v>
      </c>
      <c r="AE812" s="419" t="s">
        <v>103</v>
      </c>
      <c r="AF812" s="552" t="s">
        <v>926</v>
      </c>
      <c r="AG812" s="553"/>
      <c r="AH812" s="560"/>
      <c r="AI812" s="561"/>
      <c r="AJ812" s="562"/>
      <c r="AK812" s="333" t="s">
        <v>399</v>
      </c>
      <c r="AL812" s="29"/>
      <c r="AM812" s="16"/>
      <c r="AN812" s="3" t="str">
        <f t="shared" si="39"/>
        <v>■</v>
      </c>
    </row>
    <row r="813" spans="1:40" ht="13.4" customHeight="1">
      <c r="A813" s="20" t="str">
        <f t="shared" si="40"/>
        <v>MF</v>
      </c>
      <c r="B813" s="20"/>
      <c r="C813" s="552">
        <v>35</v>
      </c>
      <c r="D813" s="553"/>
      <c r="E813" s="566" t="s">
        <v>872</v>
      </c>
      <c r="F813" s="567"/>
      <c r="G813" s="567"/>
      <c r="H813" s="567"/>
      <c r="I813" s="567"/>
      <c r="J813" s="567"/>
      <c r="K813" s="567"/>
      <c r="L813" s="567"/>
      <c r="M813" s="567"/>
      <c r="N813" s="567"/>
      <c r="O813" s="567"/>
      <c r="P813" s="567"/>
      <c r="Q813" s="567"/>
      <c r="R813" s="567"/>
      <c r="S813" s="567"/>
      <c r="T813" s="568"/>
      <c r="U813" s="220" t="s">
        <v>873</v>
      </c>
      <c r="V813" s="557" t="s">
        <v>107</v>
      </c>
      <c r="W813" s="558"/>
      <c r="X813" s="558"/>
      <c r="Y813" s="558"/>
      <c r="Z813" s="559"/>
      <c r="AA813" s="557" t="s">
        <v>102</v>
      </c>
      <c r="AB813" s="558"/>
      <c r="AC813" s="559"/>
      <c r="AD813" s="419">
        <v>9</v>
      </c>
      <c r="AE813" s="419" t="s">
        <v>103</v>
      </c>
      <c r="AF813" s="552" t="s">
        <v>926</v>
      </c>
      <c r="AG813" s="553"/>
      <c r="AH813" s="560"/>
      <c r="AI813" s="561"/>
      <c r="AJ813" s="562"/>
      <c r="AK813" s="333" t="s">
        <v>399</v>
      </c>
      <c r="AL813" s="29"/>
      <c r="AM813" s="16"/>
      <c r="AN813" s="3" t="str">
        <f t="shared" si="39"/>
        <v>■</v>
      </c>
    </row>
    <row r="814" spans="1:40" ht="13.4" customHeight="1">
      <c r="A814" s="20" t="str">
        <f t="shared" si="40"/>
        <v>MF</v>
      </c>
      <c r="B814" s="20"/>
      <c r="C814" s="552">
        <v>36</v>
      </c>
      <c r="D814" s="553"/>
      <c r="E814" s="566" t="s">
        <v>874</v>
      </c>
      <c r="F814" s="567"/>
      <c r="G814" s="567"/>
      <c r="H814" s="567"/>
      <c r="I814" s="567"/>
      <c r="J814" s="567"/>
      <c r="K814" s="567"/>
      <c r="L814" s="567"/>
      <c r="M814" s="567"/>
      <c r="N814" s="567"/>
      <c r="O814" s="567"/>
      <c r="P814" s="567"/>
      <c r="Q814" s="567"/>
      <c r="R814" s="567"/>
      <c r="S814" s="567"/>
      <c r="T814" s="568"/>
      <c r="U814" s="220" t="s">
        <v>875</v>
      </c>
      <c r="V814" s="557" t="s">
        <v>107</v>
      </c>
      <c r="W814" s="558"/>
      <c r="X814" s="558"/>
      <c r="Y814" s="558"/>
      <c r="Z814" s="559"/>
      <c r="AA814" s="557" t="s">
        <v>102</v>
      </c>
      <c r="AB814" s="558"/>
      <c r="AC814" s="559"/>
      <c r="AD814" s="419">
        <v>9</v>
      </c>
      <c r="AE814" s="419" t="s">
        <v>103</v>
      </c>
      <c r="AF814" s="552" t="s">
        <v>926</v>
      </c>
      <c r="AG814" s="553"/>
      <c r="AH814" s="560"/>
      <c r="AI814" s="561"/>
      <c r="AJ814" s="562"/>
      <c r="AK814" s="333" t="s">
        <v>399</v>
      </c>
      <c r="AL814" s="29"/>
      <c r="AM814" s="16"/>
      <c r="AN814" s="3" t="str">
        <f t="shared" si="39"/>
        <v>■</v>
      </c>
    </row>
    <row r="815" spans="1:40" ht="13.4" customHeight="1">
      <c r="A815" s="20" t="str">
        <f t="shared" si="40"/>
        <v>MF</v>
      </c>
      <c r="B815" s="20"/>
      <c r="C815" s="552">
        <v>37</v>
      </c>
      <c r="D815" s="553"/>
      <c r="E815" s="566" t="s">
        <v>876</v>
      </c>
      <c r="F815" s="567"/>
      <c r="G815" s="567"/>
      <c r="H815" s="567"/>
      <c r="I815" s="567"/>
      <c r="J815" s="567"/>
      <c r="K815" s="567"/>
      <c r="L815" s="567"/>
      <c r="M815" s="567"/>
      <c r="N815" s="567"/>
      <c r="O815" s="567"/>
      <c r="P815" s="567"/>
      <c r="Q815" s="567"/>
      <c r="R815" s="567"/>
      <c r="S815" s="567"/>
      <c r="T815" s="568"/>
      <c r="U815" s="220" t="s">
        <v>877</v>
      </c>
      <c r="V815" s="557" t="s">
        <v>107</v>
      </c>
      <c r="W815" s="558"/>
      <c r="X815" s="558"/>
      <c r="Y815" s="558"/>
      <c r="Z815" s="559"/>
      <c r="AA815" s="557" t="s">
        <v>102</v>
      </c>
      <c r="AB815" s="558"/>
      <c r="AC815" s="559"/>
      <c r="AD815" s="419">
        <v>9</v>
      </c>
      <c r="AE815" s="419" t="s">
        <v>103</v>
      </c>
      <c r="AF815" s="552" t="s">
        <v>926</v>
      </c>
      <c r="AG815" s="553"/>
      <c r="AH815" s="560"/>
      <c r="AI815" s="561"/>
      <c r="AJ815" s="562"/>
      <c r="AK815" s="333" t="s">
        <v>399</v>
      </c>
      <c r="AL815" s="29"/>
      <c r="AM815" s="16"/>
      <c r="AN815" s="3" t="str">
        <f t="shared" si="39"/>
        <v>■</v>
      </c>
    </row>
    <row r="816" spans="1:40" ht="13.4" customHeight="1">
      <c r="A816" s="20" t="str">
        <f t="shared" si="40"/>
        <v>MF</v>
      </c>
      <c r="B816" s="25"/>
      <c r="C816" s="541">
        <v>38</v>
      </c>
      <c r="D816" s="542"/>
      <c r="E816" s="543" t="s">
        <v>817</v>
      </c>
      <c r="F816" s="544"/>
      <c r="G816" s="544"/>
      <c r="H816" s="544"/>
      <c r="I816" s="544"/>
      <c r="J816" s="544"/>
      <c r="K816" s="544"/>
      <c r="L816" s="544"/>
      <c r="M816" s="544"/>
      <c r="N816" s="544"/>
      <c r="O816" s="544"/>
      <c r="P816" s="544"/>
      <c r="Q816" s="544"/>
      <c r="R816" s="544"/>
      <c r="S816" s="544"/>
      <c r="T816" s="545"/>
      <c r="U816" s="221" t="s">
        <v>453</v>
      </c>
      <c r="V816" s="546" t="s">
        <v>107</v>
      </c>
      <c r="W816" s="547"/>
      <c r="X816" s="547"/>
      <c r="Y816" s="547"/>
      <c r="Z816" s="548"/>
      <c r="AA816" s="546" t="s">
        <v>102</v>
      </c>
      <c r="AB816" s="547"/>
      <c r="AC816" s="548"/>
      <c r="AD816" s="415">
        <v>6</v>
      </c>
      <c r="AE816" s="415" t="s">
        <v>103</v>
      </c>
      <c r="AF816" s="541"/>
      <c r="AG816" s="542"/>
      <c r="AH816" s="549"/>
      <c r="AI816" s="550"/>
      <c r="AJ816" s="551"/>
      <c r="AK816" s="332"/>
      <c r="AL816" s="29"/>
      <c r="AM816" s="16"/>
      <c r="AN816" s="3" t="str">
        <f t="shared" si="39"/>
        <v>■</v>
      </c>
    </row>
    <row r="817" spans="1:40" ht="13.4" customHeight="1">
      <c r="A817" s="20" t="str">
        <f t="shared" si="40"/>
        <v>MF</v>
      </c>
      <c r="B817" s="25"/>
      <c r="C817" s="541">
        <v>39</v>
      </c>
      <c r="D817" s="542"/>
      <c r="E817" s="543" t="s">
        <v>411</v>
      </c>
      <c r="F817" s="544"/>
      <c r="G817" s="544"/>
      <c r="H817" s="544"/>
      <c r="I817" s="544"/>
      <c r="J817" s="544"/>
      <c r="K817" s="544"/>
      <c r="L817" s="544"/>
      <c r="M817" s="544"/>
      <c r="N817" s="544"/>
      <c r="O817" s="544"/>
      <c r="P817" s="544"/>
      <c r="Q817" s="544"/>
      <c r="R817" s="544"/>
      <c r="S817" s="544"/>
      <c r="T817" s="545"/>
      <c r="U817" s="221" t="s">
        <v>516</v>
      </c>
      <c r="V817" s="546" t="s">
        <v>107</v>
      </c>
      <c r="W817" s="547"/>
      <c r="X817" s="547"/>
      <c r="Y817" s="547"/>
      <c r="Z817" s="548"/>
      <c r="AA817" s="546" t="s">
        <v>102</v>
      </c>
      <c r="AB817" s="547"/>
      <c r="AC817" s="548"/>
      <c r="AD817" s="415">
        <v>6</v>
      </c>
      <c r="AE817" s="415" t="s">
        <v>103</v>
      </c>
      <c r="AF817" s="541"/>
      <c r="AG817" s="542"/>
      <c r="AH817" s="549"/>
      <c r="AI817" s="550"/>
      <c r="AJ817" s="551"/>
      <c r="AK817" s="332"/>
      <c r="AL817" s="29"/>
      <c r="AM817" s="16"/>
      <c r="AN817" s="3" t="str">
        <f t="shared" si="39"/>
        <v>■</v>
      </c>
    </row>
    <row r="818" spans="1:40" ht="13.4" customHeight="1">
      <c r="A818" s="20" t="str">
        <f t="shared" si="40"/>
        <v>MF</v>
      </c>
      <c r="B818" s="25"/>
      <c r="C818" s="541">
        <v>40</v>
      </c>
      <c r="D818" s="542"/>
      <c r="E818" s="543" t="s">
        <v>970</v>
      </c>
      <c r="F818" s="544"/>
      <c r="G818" s="544"/>
      <c r="H818" s="544"/>
      <c r="I818" s="544"/>
      <c r="J818" s="544"/>
      <c r="K818" s="544"/>
      <c r="L818" s="544"/>
      <c r="M818" s="544"/>
      <c r="N818" s="544"/>
      <c r="O818" s="544"/>
      <c r="P818" s="544"/>
      <c r="Q818" s="544"/>
      <c r="R818" s="544"/>
      <c r="S818" s="544"/>
      <c r="T818" s="545"/>
      <c r="U818" s="221" t="s">
        <v>971</v>
      </c>
      <c r="V818" s="546" t="s">
        <v>107</v>
      </c>
      <c r="W818" s="547"/>
      <c r="X818" s="547"/>
      <c r="Y818" s="547"/>
      <c r="Z818" s="548"/>
      <c r="AA818" s="546" t="s">
        <v>102</v>
      </c>
      <c r="AB818" s="547"/>
      <c r="AC818" s="548"/>
      <c r="AD818" s="415">
        <v>1</v>
      </c>
      <c r="AE818" s="415" t="s">
        <v>103</v>
      </c>
      <c r="AF818" s="541"/>
      <c r="AG818" s="542"/>
      <c r="AH818" s="549"/>
      <c r="AI818" s="550"/>
      <c r="AJ818" s="551"/>
      <c r="AK818" s="332"/>
      <c r="AL818" s="29"/>
      <c r="AM818" s="16"/>
      <c r="AN818" s="3" t="str">
        <f t="shared" si="39"/>
        <v>■</v>
      </c>
    </row>
    <row r="819" spans="1:40" ht="13.4" customHeight="1">
      <c r="A819" s="20" t="str">
        <f t="shared" si="40"/>
        <v>MF</v>
      </c>
      <c r="B819" s="25"/>
      <c r="C819" s="541">
        <v>41</v>
      </c>
      <c r="D819" s="542"/>
      <c r="E819" s="543" t="s">
        <v>976</v>
      </c>
      <c r="F819" s="544"/>
      <c r="G819" s="544"/>
      <c r="H819" s="544"/>
      <c r="I819" s="544"/>
      <c r="J819" s="544"/>
      <c r="K819" s="544"/>
      <c r="L819" s="544"/>
      <c r="M819" s="544"/>
      <c r="N819" s="544"/>
      <c r="O819" s="544"/>
      <c r="P819" s="544"/>
      <c r="Q819" s="544"/>
      <c r="R819" s="544"/>
      <c r="S819" s="544"/>
      <c r="T819" s="545"/>
      <c r="U819" s="221" t="s">
        <v>977</v>
      </c>
      <c r="V819" s="546" t="s">
        <v>107</v>
      </c>
      <c r="W819" s="547"/>
      <c r="X819" s="547"/>
      <c r="Y819" s="547"/>
      <c r="Z819" s="548"/>
      <c r="AA819" s="546" t="s">
        <v>108</v>
      </c>
      <c r="AB819" s="547"/>
      <c r="AC819" s="548"/>
      <c r="AD819" s="415">
        <v>2</v>
      </c>
      <c r="AE819" s="415">
        <v>0</v>
      </c>
      <c r="AF819" s="541"/>
      <c r="AG819" s="542"/>
      <c r="AH819" s="549"/>
      <c r="AI819" s="550"/>
      <c r="AJ819" s="551"/>
      <c r="AK819" s="332"/>
      <c r="AL819" s="29"/>
      <c r="AM819" s="16"/>
      <c r="AN819" s="3" t="str">
        <f t="shared" si="39"/>
        <v>■</v>
      </c>
    </row>
    <row r="820" spans="1:40" ht="13.4" customHeight="1">
      <c r="A820" s="20" t="str">
        <f t="shared" si="40"/>
        <v>MF</v>
      </c>
      <c r="B820" s="25"/>
      <c r="C820" s="122"/>
      <c r="D820" s="122"/>
      <c r="E820" s="208"/>
      <c r="F820" s="208"/>
      <c r="G820" s="208"/>
      <c r="H820" s="208"/>
      <c r="I820" s="208"/>
      <c r="J820" s="208"/>
      <c r="K820" s="208"/>
      <c r="L820" s="208"/>
      <c r="M820" s="208"/>
      <c r="N820" s="208"/>
      <c r="O820" s="208"/>
      <c r="P820" s="208"/>
      <c r="Q820" s="208"/>
      <c r="R820" s="208"/>
      <c r="S820" s="208"/>
      <c r="T820" s="208"/>
      <c r="U820" s="214"/>
      <c r="V820" s="205"/>
      <c r="W820" s="205"/>
      <c r="X820" s="205"/>
      <c r="Y820" s="205"/>
      <c r="Z820" s="205"/>
      <c r="AA820" s="619"/>
      <c r="AB820" s="619"/>
      <c r="AC820" s="619"/>
      <c r="AD820" s="206"/>
      <c r="AE820" s="206"/>
      <c r="AF820" s="326"/>
      <c r="AG820" s="412"/>
      <c r="AH820" s="238"/>
      <c r="AI820" s="238"/>
      <c r="AJ820" s="238"/>
      <c r="AK820" s="26"/>
      <c r="AL820" s="29"/>
      <c r="AM820" s="16"/>
    </row>
    <row r="821" spans="1:40" ht="13.4" customHeight="1">
      <c r="A821" s="20" t="str">
        <f t="shared" si="40"/>
        <v>ON</v>
      </c>
      <c r="B821" s="25"/>
      <c r="C821" s="52" t="s">
        <v>380</v>
      </c>
      <c r="D821" s="122"/>
      <c r="E821" s="208"/>
      <c r="F821" s="208"/>
      <c r="G821" s="208"/>
      <c r="H821" s="208"/>
      <c r="I821" s="208"/>
      <c r="J821" s="26" t="s">
        <v>878</v>
      </c>
      <c r="K821" s="208"/>
      <c r="L821" s="208"/>
      <c r="M821" s="208"/>
      <c r="N821" s="208"/>
      <c r="O821" s="208"/>
      <c r="P821" s="208"/>
      <c r="Q821" s="208"/>
      <c r="R821" s="208"/>
      <c r="S821" s="208"/>
      <c r="T821" s="208"/>
      <c r="U821" s="214" t="s">
        <v>1123</v>
      </c>
      <c r="V821" s="205"/>
      <c r="W821" s="205"/>
      <c r="X821" s="205"/>
      <c r="Y821" s="205"/>
      <c r="Z821" s="205"/>
      <c r="AA821" s="620"/>
      <c r="AB821" s="620"/>
      <c r="AC821" s="620"/>
      <c r="AD821" s="206"/>
      <c r="AE821" s="206"/>
      <c r="AF821" s="326"/>
      <c r="AG821" s="239"/>
      <c r="AH821" s="238"/>
      <c r="AI821" s="238"/>
      <c r="AJ821" s="238"/>
      <c r="AK821" s="26"/>
      <c r="AL821" s="29"/>
      <c r="AM821" s="16"/>
    </row>
    <row r="822" spans="1:40" ht="13.4" customHeight="1">
      <c r="A822" s="20" t="str">
        <f t="shared" si="40"/>
        <v>ON</v>
      </c>
      <c r="B822" s="25"/>
      <c r="C822" s="583" t="s">
        <v>73</v>
      </c>
      <c r="D822" s="573"/>
      <c r="E822" s="583" t="s">
        <v>94</v>
      </c>
      <c r="F822" s="583"/>
      <c r="G822" s="583"/>
      <c r="H822" s="583"/>
      <c r="I822" s="583"/>
      <c r="J822" s="583"/>
      <c r="K822" s="583"/>
      <c r="L822" s="583"/>
      <c r="M822" s="583"/>
      <c r="N822" s="583"/>
      <c r="O822" s="583"/>
      <c r="P822" s="583"/>
      <c r="Q822" s="583"/>
      <c r="R822" s="583"/>
      <c r="S822" s="583"/>
      <c r="T822" s="583"/>
      <c r="U822" s="226" t="s">
        <v>383</v>
      </c>
      <c r="V822" s="572" t="s">
        <v>138</v>
      </c>
      <c r="W822" s="572"/>
      <c r="X822" s="572"/>
      <c r="Y822" s="572"/>
      <c r="Z822" s="572"/>
      <c r="AA822" s="575" t="s">
        <v>959</v>
      </c>
      <c r="AB822" s="576"/>
      <c r="AC822" s="577"/>
      <c r="AD822" s="572" t="s">
        <v>97</v>
      </c>
      <c r="AE822" s="572"/>
      <c r="AF822" s="572" t="s">
        <v>98</v>
      </c>
      <c r="AG822" s="572"/>
      <c r="AH822" s="583" t="s">
        <v>75</v>
      </c>
      <c r="AI822" s="583"/>
      <c r="AJ822" s="583"/>
      <c r="AK822" s="572" t="s">
        <v>159</v>
      </c>
      <c r="AL822" s="29"/>
      <c r="AM822" s="16"/>
    </row>
    <row r="823" spans="1:40" ht="13.4" customHeight="1">
      <c r="A823" s="20" t="str">
        <f t="shared" si="40"/>
        <v>ON</v>
      </c>
      <c r="B823" s="25"/>
      <c r="C823" s="573"/>
      <c r="D823" s="573"/>
      <c r="E823" s="583"/>
      <c r="F823" s="583"/>
      <c r="G823" s="583"/>
      <c r="H823" s="583"/>
      <c r="I823" s="583"/>
      <c r="J823" s="583"/>
      <c r="K823" s="583"/>
      <c r="L823" s="583"/>
      <c r="M823" s="583"/>
      <c r="N823" s="583"/>
      <c r="O823" s="583"/>
      <c r="P823" s="583"/>
      <c r="Q823" s="583"/>
      <c r="R823" s="583"/>
      <c r="S823" s="583"/>
      <c r="T823" s="583"/>
      <c r="U823" s="227"/>
      <c r="V823" s="572"/>
      <c r="W823" s="572"/>
      <c r="X823" s="572"/>
      <c r="Y823" s="572"/>
      <c r="Z823" s="572"/>
      <c r="AA823" s="578"/>
      <c r="AB823" s="579"/>
      <c r="AC823" s="580"/>
      <c r="AD823" s="572"/>
      <c r="AE823" s="572"/>
      <c r="AF823" s="572"/>
      <c r="AG823" s="572"/>
      <c r="AH823" s="583"/>
      <c r="AI823" s="583"/>
      <c r="AJ823" s="583"/>
      <c r="AK823" s="572"/>
      <c r="AL823" s="29"/>
      <c r="AM823" s="16"/>
    </row>
    <row r="824" spans="1:40" ht="13.4" customHeight="1">
      <c r="A824" s="20" t="str">
        <f t="shared" si="40"/>
        <v>ON</v>
      </c>
      <c r="B824" s="25"/>
      <c r="C824" s="541">
        <v>1</v>
      </c>
      <c r="D824" s="542"/>
      <c r="E824" s="563" t="s">
        <v>440</v>
      </c>
      <c r="F824" s="564"/>
      <c r="G824" s="564"/>
      <c r="H824" s="564"/>
      <c r="I824" s="564"/>
      <c r="J824" s="564"/>
      <c r="K824" s="564"/>
      <c r="L824" s="564"/>
      <c r="M824" s="564"/>
      <c r="N824" s="564"/>
      <c r="O824" s="564"/>
      <c r="P824" s="564"/>
      <c r="Q824" s="564"/>
      <c r="R824" s="564"/>
      <c r="S824" s="564"/>
      <c r="T824" s="565"/>
      <c r="U824" s="219" t="s">
        <v>441</v>
      </c>
      <c r="V824" s="546" t="s">
        <v>101</v>
      </c>
      <c r="W824" s="547"/>
      <c r="X824" s="547"/>
      <c r="Y824" s="547"/>
      <c r="Z824" s="548"/>
      <c r="AA824" s="546" t="s">
        <v>102</v>
      </c>
      <c r="AB824" s="547"/>
      <c r="AC824" s="548"/>
      <c r="AD824" s="415">
        <v>10</v>
      </c>
      <c r="AE824" s="415" t="s">
        <v>103</v>
      </c>
      <c r="AF824" s="541"/>
      <c r="AG824" s="542"/>
      <c r="AH824" s="549"/>
      <c r="AI824" s="550"/>
      <c r="AJ824" s="551"/>
      <c r="AK824" s="332"/>
      <c r="AL824" s="29"/>
      <c r="AM824" s="16"/>
      <c r="AN824" s="3" t="str">
        <f>$P$23</f>
        <v>■</v>
      </c>
    </row>
    <row r="825" spans="1:40" ht="13.4" customHeight="1">
      <c r="A825" s="20" t="str">
        <f t="shared" si="40"/>
        <v>ON</v>
      </c>
      <c r="B825" s="25"/>
      <c r="C825" s="541">
        <v>2</v>
      </c>
      <c r="D825" s="542"/>
      <c r="E825" s="563" t="s">
        <v>442</v>
      </c>
      <c r="F825" s="564"/>
      <c r="G825" s="564"/>
      <c r="H825" s="564"/>
      <c r="I825" s="564"/>
      <c r="J825" s="564"/>
      <c r="K825" s="564"/>
      <c r="L825" s="564"/>
      <c r="M825" s="564"/>
      <c r="N825" s="564"/>
      <c r="O825" s="564"/>
      <c r="P825" s="564"/>
      <c r="Q825" s="564"/>
      <c r="R825" s="564"/>
      <c r="S825" s="564"/>
      <c r="T825" s="565"/>
      <c r="U825" s="219" t="s">
        <v>443</v>
      </c>
      <c r="V825" s="546" t="s">
        <v>101</v>
      </c>
      <c r="W825" s="547"/>
      <c r="X825" s="547"/>
      <c r="Y825" s="547"/>
      <c r="Z825" s="548"/>
      <c r="AA825" s="546" t="s">
        <v>102</v>
      </c>
      <c r="AB825" s="547"/>
      <c r="AC825" s="548"/>
      <c r="AD825" s="415">
        <v>51</v>
      </c>
      <c r="AE825" s="415" t="s">
        <v>103</v>
      </c>
      <c r="AF825" s="541"/>
      <c r="AG825" s="542"/>
      <c r="AH825" s="549"/>
      <c r="AI825" s="550"/>
      <c r="AJ825" s="551"/>
      <c r="AK825" s="332"/>
      <c r="AL825" s="29"/>
      <c r="AM825" s="16"/>
      <c r="AN825" s="3" t="str">
        <f t="shared" ref="AN825:AN846" si="41">$P$23</f>
        <v>■</v>
      </c>
    </row>
    <row r="826" spans="1:40" ht="13.4" customHeight="1">
      <c r="A826" s="20" t="str">
        <f t="shared" si="40"/>
        <v>ON</v>
      </c>
      <c r="B826" s="25"/>
      <c r="C826" s="552">
        <v>3</v>
      </c>
      <c r="D826" s="553"/>
      <c r="E826" s="566" t="s">
        <v>106</v>
      </c>
      <c r="F826" s="567"/>
      <c r="G826" s="567"/>
      <c r="H826" s="567"/>
      <c r="I826" s="567"/>
      <c r="J826" s="567"/>
      <c r="K826" s="567"/>
      <c r="L826" s="567"/>
      <c r="M826" s="567"/>
      <c r="N826" s="567"/>
      <c r="O826" s="567"/>
      <c r="P826" s="567"/>
      <c r="Q826" s="567"/>
      <c r="R826" s="567"/>
      <c r="S826" s="567"/>
      <c r="T826" s="568"/>
      <c r="U826" s="220" t="s">
        <v>444</v>
      </c>
      <c r="V826" s="557" t="s">
        <v>107</v>
      </c>
      <c r="W826" s="558"/>
      <c r="X826" s="558"/>
      <c r="Y826" s="558"/>
      <c r="Z826" s="559"/>
      <c r="AA826" s="557" t="s">
        <v>108</v>
      </c>
      <c r="AB826" s="558"/>
      <c r="AC826" s="559"/>
      <c r="AD826" s="419">
        <v>1</v>
      </c>
      <c r="AE826" s="419">
        <v>0</v>
      </c>
      <c r="AF826" s="552" t="s">
        <v>109</v>
      </c>
      <c r="AG826" s="553"/>
      <c r="AH826" s="560"/>
      <c r="AI826" s="561"/>
      <c r="AJ826" s="562"/>
      <c r="AK826" s="333" t="s">
        <v>391</v>
      </c>
      <c r="AL826" s="29"/>
      <c r="AM826" s="16"/>
      <c r="AN826" s="3" t="str">
        <f t="shared" si="41"/>
        <v>■</v>
      </c>
    </row>
    <row r="827" spans="1:40" ht="13.4" customHeight="1">
      <c r="A827" s="20" t="str">
        <f t="shared" si="40"/>
        <v>ON</v>
      </c>
      <c r="B827" s="25"/>
      <c r="C827" s="541">
        <v>4</v>
      </c>
      <c r="D827" s="542"/>
      <c r="E827" s="563" t="s">
        <v>110</v>
      </c>
      <c r="F827" s="564"/>
      <c r="G827" s="564"/>
      <c r="H827" s="564"/>
      <c r="I827" s="564"/>
      <c r="J827" s="564"/>
      <c r="K827" s="564"/>
      <c r="L827" s="564"/>
      <c r="M827" s="564"/>
      <c r="N827" s="564"/>
      <c r="O827" s="564"/>
      <c r="P827" s="564"/>
      <c r="Q827" s="564"/>
      <c r="R827" s="564"/>
      <c r="S827" s="564"/>
      <c r="T827" s="565"/>
      <c r="U827" s="221" t="s">
        <v>445</v>
      </c>
      <c r="V827" s="546" t="s">
        <v>107</v>
      </c>
      <c r="W827" s="547"/>
      <c r="X827" s="547"/>
      <c r="Y827" s="547"/>
      <c r="Z827" s="548"/>
      <c r="AA827" s="546" t="s">
        <v>108</v>
      </c>
      <c r="AB827" s="547"/>
      <c r="AC827" s="548"/>
      <c r="AD827" s="415">
        <v>1</v>
      </c>
      <c r="AE827" s="415">
        <v>0</v>
      </c>
      <c r="AF827" s="541"/>
      <c r="AG827" s="542"/>
      <c r="AH827" s="549"/>
      <c r="AI827" s="550"/>
      <c r="AJ827" s="551"/>
      <c r="AK827" s="332"/>
      <c r="AL827" s="29"/>
      <c r="AM827" s="16"/>
      <c r="AN827" s="3" t="str">
        <f t="shared" si="41"/>
        <v>■</v>
      </c>
    </row>
    <row r="828" spans="1:40" ht="13.4" customHeight="1">
      <c r="A828" s="20" t="str">
        <f t="shared" si="40"/>
        <v>ON</v>
      </c>
      <c r="B828" s="25"/>
      <c r="C828" s="541">
        <v>5</v>
      </c>
      <c r="D828" s="542"/>
      <c r="E828" s="543" t="s">
        <v>80</v>
      </c>
      <c r="F828" s="544"/>
      <c r="G828" s="544"/>
      <c r="H828" s="544"/>
      <c r="I828" s="544"/>
      <c r="J828" s="544"/>
      <c r="K828" s="544"/>
      <c r="L828" s="544"/>
      <c r="M828" s="544"/>
      <c r="N828" s="544"/>
      <c r="O828" s="544"/>
      <c r="P828" s="544"/>
      <c r="Q828" s="544"/>
      <c r="R828" s="544"/>
      <c r="S828" s="544"/>
      <c r="T828" s="545"/>
      <c r="U828" s="221" t="s">
        <v>446</v>
      </c>
      <c r="V828" s="546" t="s">
        <v>101</v>
      </c>
      <c r="W828" s="547"/>
      <c r="X828" s="547"/>
      <c r="Y828" s="547"/>
      <c r="Z828" s="548"/>
      <c r="AA828" s="546" t="s">
        <v>102</v>
      </c>
      <c r="AB828" s="547"/>
      <c r="AC828" s="548"/>
      <c r="AD828" s="415">
        <v>2</v>
      </c>
      <c r="AE828" s="415" t="s">
        <v>103</v>
      </c>
      <c r="AF828" s="541"/>
      <c r="AG828" s="542"/>
      <c r="AH828" s="549"/>
      <c r="AI828" s="550"/>
      <c r="AJ828" s="551"/>
      <c r="AK828" s="332"/>
      <c r="AL828" s="29"/>
      <c r="AM828" s="16"/>
      <c r="AN828" s="3" t="str">
        <f t="shared" si="41"/>
        <v>■</v>
      </c>
    </row>
    <row r="829" spans="1:40" ht="13.4" customHeight="1">
      <c r="A829" s="20" t="str">
        <f t="shared" si="40"/>
        <v>ON</v>
      </c>
      <c r="B829" s="25"/>
      <c r="C829" s="541">
        <v>6</v>
      </c>
      <c r="D829" s="542"/>
      <c r="E829" s="543" t="s">
        <v>779</v>
      </c>
      <c r="F829" s="544"/>
      <c r="G829" s="544"/>
      <c r="H829" s="544"/>
      <c r="I829" s="544"/>
      <c r="J829" s="544"/>
      <c r="K829" s="544"/>
      <c r="L829" s="544"/>
      <c r="M829" s="544"/>
      <c r="N829" s="544"/>
      <c r="O829" s="544"/>
      <c r="P829" s="544"/>
      <c r="Q829" s="544"/>
      <c r="R829" s="544"/>
      <c r="S829" s="544"/>
      <c r="T829" s="545"/>
      <c r="U829" s="221" t="s">
        <v>780</v>
      </c>
      <c r="V829" s="546" t="s">
        <v>107</v>
      </c>
      <c r="W829" s="547"/>
      <c r="X829" s="547"/>
      <c r="Y829" s="547"/>
      <c r="Z829" s="548"/>
      <c r="AA829" s="546" t="s">
        <v>108</v>
      </c>
      <c r="AB829" s="547"/>
      <c r="AC829" s="548"/>
      <c r="AD829" s="415">
        <v>1</v>
      </c>
      <c r="AE829" s="415">
        <v>0</v>
      </c>
      <c r="AF829" s="541"/>
      <c r="AG829" s="542"/>
      <c r="AH829" s="549"/>
      <c r="AI829" s="550"/>
      <c r="AJ829" s="551"/>
      <c r="AK829" s="332"/>
      <c r="AL829" s="29"/>
      <c r="AM829" s="16"/>
      <c r="AN829" s="3" t="str">
        <f t="shared" si="41"/>
        <v>■</v>
      </c>
    </row>
    <row r="830" spans="1:40" ht="13.4" customHeight="1">
      <c r="A830" s="20" t="str">
        <f t="shared" si="40"/>
        <v>ON</v>
      </c>
      <c r="B830" s="25"/>
      <c r="C830" s="541">
        <v>7</v>
      </c>
      <c r="D830" s="542"/>
      <c r="E830" s="543" t="s">
        <v>880</v>
      </c>
      <c r="F830" s="544"/>
      <c r="G830" s="544"/>
      <c r="H830" s="544"/>
      <c r="I830" s="544"/>
      <c r="J830" s="544"/>
      <c r="K830" s="544"/>
      <c r="L830" s="544"/>
      <c r="M830" s="544"/>
      <c r="N830" s="544"/>
      <c r="O830" s="544"/>
      <c r="P830" s="544"/>
      <c r="Q830" s="544"/>
      <c r="R830" s="544"/>
      <c r="S830" s="544"/>
      <c r="T830" s="545"/>
      <c r="U830" s="221" t="s">
        <v>881</v>
      </c>
      <c r="V830" s="546" t="s">
        <v>107</v>
      </c>
      <c r="W830" s="547"/>
      <c r="X830" s="547"/>
      <c r="Y830" s="547"/>
      <c r="Z830" s="548"/>
      <c r="AA830" s="546" t="s">
        <v>102</v>
      </c>
      <c r="AB830" s="547"/>
      <c r="AC830" s="548"/>
      <c r="AD830" s="415">
        <v>8</v>
      </c>
      <c r="AE830" s="415" t="s">
        <v>103</v>
      </c>
      <c r="AF830" s="541"/>
      <c r="AG830" s="542"/>
      <c r="AH830" s="549"/>
      <c r="AI830" s="550"/>
      <c r="AJ830" s="551"/>
      <c r="AK830" s="332"/>
      <c r="AL830" s="29"/>
      <c r="AM830" s="16"/>
      <c r="AN830" s="3" t="str">
        <f t="shared" si="41"/>
        <v>■</v>
      </c>
    </row>
    <row r="831" spans="1:40" ht="13.4" customHeight="1">
      <c r="A831" s="20" t="str">
        <f t="shared" si="40"/>
        <v>ON</v>
      </c>
      <c r="B831" s="25"/>
      <c r="C831" s="541">
        <v>8</v>
      </c>
      <c r="D831" s="542"/>
      <c r="E831" s="543" t="s">
        <v>882</v>
      </c>
      <c r="F831" s="544"/>
      <c r="G831" s="544"/>
      <c r="H831" s="544"/>
      <c r="I831" s="544"/>
      <c r="J831" s="544"/>
      <c r="K831" s="544"/>
      <c r="L831" s="544"/>
      <c r="M831" s="544"/>
      <c r="N831" s="544"/>
      <c r="O831" s="544"/>
      <c r="P831" s="544"/>
      <c r="Q831" s="544"/>
      <c r="R831" s="544"/>
      <c r="S831" s="544"/>
      <c r="T831" s="545"/>
      <c r="U831" s="221" t="s">
        <v>883</v>
      </c>
      <c r="V831" s="546" t="s">
        <v>107</v>
      </c>
      <c r="W831" s="547"/>
      <c r="X831" s="547"/>
      <c r="Y831" s="547"/>
      <c r="Z831" s="548"/>
      <c r="AA831" s="546" t="s">
        <v>102</v>
      </c>
      <c r="AB831" s="547"/>
      <c r="AC831" s="548"/>
      <c r="AD831" s="415">
        <v>8</v>
      </c>
      <c r="AE831" s="415" t="s">
        <v>103</v>
      </c>
      <c r="AF831" s="541"/>
      <c r="AG831" s="542"/>
      <c r="AH831" s="549"/>
      <c r="AI831" s="550"/>
      <c r="AJ831" s="551"/>
      <c r="AK831" s="332"/>
      <c r="AL831" s="29"/>
      <c r="AM831" s="16"/>
      <c r="AN831" s="3" t="str">
        <f t="shared" si="41"/>
        <v>■</v>
      </c>
    </row>
    <row r="832" spans="1:40" ht="13.4" customHeight="1">
      <c r="A832" s="20" t="str">
        <f t="shared" si="40"/>
        <v>ON</v>
      </c>
      <c r="B832" s="25"/>
      <c r="C832" s="541">
        <v>9</v>
      </c>
      <c r="D832" s="542"/>
      <c r="E832" s="543" t="s">
        <v>884</v>
      </c>
      <c r="F832" s="544"/>
      <c r="G832" s="544"/>
      <c r="H832" s="544"/>
      <c r="I832" s="544"/>
      <c r="J832" s="544"/>
      <c r="K832" s="544"/>
      <c r="L832" s="544"/>
      <c r="M832" s="544"/>
      <c r="N832" s="544"/>
      <c r="O832" s="544"/>
      <c r="P832" s="544"/>
      <c r="Q832" s="544"/>
      <c r="R832" s="544"/>
      <c r="S832" s="544"/>
      <c r="T832" s="545"/>
      <c r="U832" s="221" t="s">
        <v>885</v>
      </c>
      <c r="V832" s="546" t="s">
        <v>107</v>
      </c>
      <c r="W832" s="547"/>
      <c r="X832" s="547"/>
      <c r="Y832" s="547"/>
      <c r="Z832" s="548"/>
      <c r="AA832" s="546" t="s">
        <v>102</v>
      </c>
      <c r="AB832" s="547"/>
      <c r="AC832" s="548"/>
      <c r="AD832" s="415">
        <v>12</v>
      </c>
      <c r="AE832" s="415" t="s">
        <v>103</v>
      </c>
      <c r="AF832" s="541"/>
      <c r="AG832" s="542"/>
      <c r="AH832" s="549"/>
      <c r="AI832" s="550"/>
      <c r="AJ832" s="551"/>
      <c r="AK832" s="332"/>
      <c r="AL832" s="29"/>
      <c r="AM832" s="16"/>
      <c r="AN832" s="3" t="str">
        <f t="shared" si="41"/>
        <v>■</v>
      </c>
    </row>
    <row r="833" spans="1:40" ht="13.4" customHeight="1">
      <c r="A833" s="20" t="str">
        <f t="shared" si="40"/>
        <v>ON</v>
      </c>
      <c r="B833" s="25"/>
      <c r="C833" s="541">
        <v>10</v>
      </c>
      <c r="D833" s="542"/>
      <c r="E833" s="543" t="s">
        <v>886</v>
      </c>
      <c r="F833" s="544"/>
      <c r="G833" s="544"/>
      <c r="H833" s="544"/>
      <c r="I833" s="544"/>
      <c r="J833" s="544"/>
      <c r="K833" s="544"/>
      <c r="L833" s="544"/>
      <c r="M833" s="544"/>
      <c r="N833" s="544"/>
      <c r="O833" s="544"/>
      <c r="P833" s="544"/>
      <c r="Q833" s="544"/>
      <c r="R833" s="544"/>
      <c r="S833" s="544"/>
      <c r="T833" s="545"/>
      <c r="U833" s="221" t="s">
        <v>887</v>
      </c>
      <c r="V833" s="546" t="s">
        <v>107</v>
      </c>
      <c r="W833" s="547"/>
      <c r="X833" s="547"/>
      <c r="Y833" s="547"/>
      <c r="Z833" s="548"/>
      <c r="AA833" s="546" t="s">
        <v>102</v>
      </c>
      <c r="AB833" s="547"/>
      <c r="AC833" s="548"/>
      <c r="AD833" s="415">
        <v>30</v>
      </c>
      <c r="AE833" s="415" t="s">
        <v>103</v>
      </c>
      <c r="AF833" s="541"/>
      <c r="AG833" s="542"/>
      <c r="AH833" s="549"/>
      <c r="AI833" s="550"/>
      <c r="AJ833" s="551"/>
      <c r="AK833" s="332"/>
      <c r="AL833" s="29"/>
      <c r="AM833" s="16"/>
      <c r="AN833" s="3" t="str">
        <f t="shared" si="41"/>
        <v>■</v>
      </c>
    </row>
    <row r="834" spans="1:40" ht="13.4" customHeight="1">
      <c r="A834" s="20" t="str">
        <f t="shared" si="40"/>
        <v>ON</v>
      </c>
      <c r="B834" s="25"/>
      <c r="C834" s="541">
        <v>11</v>
      </c>
      <c r="D834" s="542"/>
      <c r="E834" s="543" t="s">
        <v>888</v>
      </c>
      <c r="F834" s="544"/>
      <c r="G834" s="544"/>
      <c r="H834" s="544"/>
      <c r="I834" s="544"/>
      <c r="J834" s="544"/>
      <c r="K834" s="544"/>
      <c r="L834" s="544"/>
      <c r="M834" s="544"/>
      <c r="N834" s="544"/>
      <c r="O834" s="544"/>
      <c r="P834" s="544"/>
      <c r="Q834" s="544"/>
      <c r="R834" s="544"/>
      <c r="S834" s="544"/>
      <c r="T834" s="545"/>
      <c r="U834" s="221" t="s">
        <v>889</v>
      </c>
      <c r="V834" s="546" t="s">
        <v>107</v>
      </c>
      <c r="W834" s="547"/>
      <c r="X834" s="547"/>
      <c r="Y834" s="547"/>
      <c r="Z834" s="548"/>
      <c r="AA834" s="546" t="s">
        <v>108</v>
      </c>
      <c r="AB834" s="547"/>
      <c r="AC834" s="548"/>
      <c r="AD834" s="415">
        <v>1</v>
      </c>
      <c r="AE834" s="415">
        <v>0</v>
      </c>
      <c r="AF834" s="541"/>
      <c r="AG834" s="542"/>
      <c r="AH834" s="549"/>
      <c r="AI834" s="550"/>
      <c r="AJ834" s="551"/>
      <c r="AK834" s="332"/>
      <c r="AL834" s="29"/>
      <c r="AM834" s="16"/>
      <c r="AN834" s="3" t="str">
        <f t="shared" si="41"/>
        <v>■</v>
      </c>
    </row>
    <row r="835" spans="1:40" ht="13.4" customHeight="1">
      <c r="A835" s="20" t="str">
        <f t="shared" si="40"/>
        <v>ON</v>
      </c>
      <c r="B835" s="20"/>
      <c r="C835" s="552">
        <v>12</v>
      </c>
      <c r="D835" s="553"/>
      <c r="E835" s="554" t="s">
        <v>890</v>
      </c>
      <c r="F835" s="555"/>
      <c r="G835" s="555"/>
      <c r="H835" s="555"/>
      <c r="I835" s="555"/>
      <c r="J835" s="555"/>
      <c r="K835" s="555"/>
      <c r="L835" s="555"/>
      <c r="M835" s="555"/>
      <c r="N835" s="555"/>
      <c r="O835" s="555"/>
      <c r="P835" s="555"/>
      <c r="Q835" s="555"/>
      <c r="R835" s="555"/>
      <c r="S835" s="555"/>
      <c r="T835" s="556"/>
      <c r="U835" s="220" t="s">
        <v>891</v>
      </c>
      <c r="V835" s="557" t="s">
        <v>101</v>
      </c>
      <c r="W835" s="558"/>
      <c r="X835" s="558"/>
      <c r="Y835" s="558"/>
      <c r="Z835" s="559"/>
      <c r="AA835" s="557" t="s">
        <v>102</v>
      </c>
      <c r="AB835" s="558"/>
      <c r="AC835" s="559"/>
      <c r="AD835" s="419">
        <v>100</v>
      </c>
      <c r="AE835" s="419" t="s">
        <v>103</v>
      </c>
      <c r="AF835" s="552" t="s">
        <v>926</v>
      </c>
      <c r="AG835" s="553"/>
      <c r="AH835" s="560"/>
      <c r="AI835" s="561"/>
      <c r="AJ835" s="562"/>
      <c r="AK835" s="333" t="s">
        <v>480</v>
      </c>
      <c r="AL835" s="29"/>
      <c r="AM835" s="16"/>
      <c r="AN835" s="3" t="str">
        <f t="shared" si="41"/>
        <v>■</v>
      </c>
    </row>
    <row r="836" spans="1:40" ht="13.4" customHeight="1">
      <c r="A836" s="20" t="str">
        <f t="shared" si="40"/>
        <v>ON</v>
      </c>
      <c r="B836" s="25"/>
      <c r="C836" s="541">
        <v>13</v>
      </c>
      <c r="D836" s="542"/>
      <c r="E836" s="543" t="s">
        <v>892</v>
      </c>
      <c r="F836" s="544"/>
      <c r="G836" s="544"/>
      <c r="H836" s="544"/>
      <c r="I836" s="544"/>
      <c r="J836" s="544"/>
      <c r="K836" s="544"/>
      <c r="L836" s="544"/>
      <c r="M836" s="544"/>
      <c r="N836" s="544"/>
      <c r="O836" s="544"/>
      <c r="P836" s="544"/>
      <c r="Q836" s="544"/>
      <c r="R836" s="544"/>
      <c r="S836" s="544"/>
      <c r="T836" s="545"/>
      <c r="U836" s="221" t="s">
        <v>893</v>
      </c>
      <c r="V836" s="546" t="s">
        <v>107</v>
      </c>
      <c r="W836" s="547"/>
      <c r="X836" s="547"/>
      <c r="Y836" s="547"/>
      <c r="Z836" s="548"/>
      <c r="AA836" s="546" t="s">
        <v>102</v>
      </c>
      <c r="AB836" s="547"/>
      <c r="AC836" s="548"/>
      <c r="AD836" s="415">
        <v>8</v>
      </c>
      <c r="AE836" s="415" t="s">
        <v>103</v>
      </c>
      <c r="AF836" s="541"/>
      <c r="AG836" s="542"/>
      <c r="AH836" s="549"/>
      <c r="AI836" s="550"/>
      <c r="AJ836" s="551"/>
      <c r="AK836" s="332"/>
      <c r="AL836" s="29"/>
      <c r="AM836" s="16"/>
      <c r="AN836" s="3" t="str">
        <f t="shared" si="41"/>
        <v>■</v>
      </c>
    </row>
    <row r="837" spans="1:40" ht="13.4" customHeight="1">
      <c r="A837" s="20" t="str">
        <f t="shared" si="40"/>
        <v>ON</v>
      </c>
      <c r="B837" s="25"/>
      <c r="C837" s="541">
        <v>14</v>
      </c>
      <c r="D837" s="542"/>
      <c r="E837" s="543" t="s">
        <v>894</v>
      </c>
      <c r="F837" s="544"/>
      <c r="G837" s="544"/>
      <c r="H837" s="544"/>
      <c r="I837" s="544"/>
      <c r="J837" s="544"/>
      <c r="K837" s="544"/>
      <c r="L837" s="544"/>
      <c r="M837" s="544"/>
      <c r="N837" s="544"/>
      <c r="O837" s="544"/>
      <c r="P837" s="544"/>
      <c r="Q837" s="544"/>
      <c r="R837" s="544"/>
      <c r="S837" s="544"/>
      <c r="T837" s="545"/>
      <c r="U837" s="221" t="s">
        <v>895</v>
      </c>
      <c r="V837" s="546" t="s">
        <v>107</v>
      </c>
      <c r="W837" s="547"/>
      <c r="X837" s="547"/>
      <c r="Y837" s="547"/>
      <c r="Z837" s="548"/>
      <c r="AA837" s="546" t="s">
        <v>102</v>
      </c>
      <c r="AB837" s="547"/>
      <c r="AC837" s="548"/>
      <c r="AD837" s="415">
        <v>8</v>
      </c>
      <c r="AE837" s="415" t="s">
        <v>103</v>
      </c>
      <c r="AF837" s="541"/>
      <c r="AG837" s="542"/>
      <c r="AH837" s="549"/>
      <c r="AI837" s="550"/>
      <c r="AJ837" s="551"/>
      <c r="AK837" s="332"/>
      <c r="AL837" s="29"/>
      <c r="AM837" s="16"/>
      <c r="AN837" s="3" t="str">
        <f t="shared" si="41"/>
        <v>■</v>
      </c>
    </row>
    <row r="838" spans="1:40" ht="13.4" customHeight="1">
      <c r="A838" s="20" t="str">
        <f t="shared" si="40"/>
        <v>ON</v>
      </c>
      <c r="B838" s="25"/>
      <c r="C838" s="541">
        <v>15</v>
      </c>
      <c r="D838" s="542"/>
      <c r="E838" s="543" t="s">
        <v>896</v>
      </c>
      <c r="F838" s="544"/>
      <c r="G838" s="544"/>
      <c r="H838" s="544"/>
      <c r="I838" s="544"/>
      <c r="J838" s="544"/>
      <c r="K838" s="544"/>
      <c r="L838" s="544"/>
      <c r="M838" s="544"/>
      <c r="N838" s="544"/>
      <c r="O838" s="544"/>
      <c r="P838" s="544"/>
      <c r="Q838" s="544"/>
      <c r="R838" s="544"/>
      <c r="S838" s="544"/>
      <c r="T838" s="545"/>
      <c r="U838" s="221" t="s">
        <v>897</v>
      </c>
      <c r="V838" s="546" t="s">
        <v>107</v>
      </c>
      <c r="W838" s="547"/>
      <c r="X838" s="547"/>
      <c r="Y838" s="547"/>
      <c r="Z838" s="548"/>
      <c r="AA838" s="546" t="s">
        <v>102</v>
      </c>
      <c r="AB838" s="547"/>
      <c r="AC838" s="548"/>
      <c r="AD838" s="415">
        <v>8</v>
      </c>
      <c r="AE838" s="415" t="s">
        <v>103</v>
      </c>
      <c r="AF838" s="541"/>
      <c r="AG838" s="542"/>
      <c r="AH838" s="549"/>
      <c r="AI838" s="550"/>
      <c r="AJ838" s="551"/>
      <c r="AK838" s="332"/>
      <c r="AL838" s="29"/>
      <c r="AM838" s="16"/>
      <c r="AN838" s="3" t="str">
        <f t="shared" si="41"/>
        <v>■</v>
      </c>
    </row>
    <row r="839" spans="1:40" ht="13.4" customHeight="1">
      <c r="A839" s="20" t="str">
        <f t="shared" si="40"/>
        <v>ON</v>
      </c>
      <c r="B839" s="25"/>
      <c r="C839" s="541">
        <v>16</v>
      </c>
      <c r="D839" s="542"/>
      <c r="E839" s="543" t="s">
        <v>898</v>
      </c>
      <c r="F839" s="544"/>
      <c r="G839" s="544"/>
      <c r="H839" s="544"/>
      <c r="I839" s="544"/>
      <c r="J839" s="544"/>
      <c r="K839" s="544"/>
      <c r="L839" s="544"/>
      <c r="M839" s="544"/>
      <c r="N839" s="544"/>
      <c r="O839" s="544"/>
      <c r="P839" s="544"/>
      <c r="Q839" s="544"/>
      <c r="R839" s="544"/>
      <c r="S839" s="544"/>
      <c r="T839" s="545"/>
      <c r="U839" s="221" t="s">
        <v>899</v>
      </c>
      <c r="V839" s="546" t="s">
        <v>107</v>
      </c>
      <c r="W839" s="547"/>
      <c r="X839" s="547"/>
      <c r="Y839" s="547"/>
      <c r="Z839" s="548"/>
      <c r="AA839" s="546" t="s">
        <v>102</v>
      </c>
      <c r="AB839" s="547"/>
      <c r="AC839" s="548"/>
      <c r="AD839" s="415">
        <v>8</v>
      </c>
      <c r="AE839" s="415" t="s">
        <v>103</v>
      </c>
      <c r="AF839" s="541"/>
      <c r="AG839" s="542"/>
      <c r="AH839" s="549"/>
      <c r="AI839" s="550"/>
      <c r="AJ839" s="551"/>
      <c r="AK839" s="332"/>
      <c r="AL839" s="29"/>
      <c r="AM839" s="16"/>
      <c r="AN839" s="3" t="str">
        <f t="shared" si="41"/>
        <v>■</v>
      </c>
    </row>
    <row r="840" spans="1:40" ht="13.4" customHeight="1">
      <c r="A840" s="20" t="str">
        <f t="shared" si="40"/>
        <v>ON</v>
      </c>
      <c r="B840" s="25"/>
      <c r="C840" s="541">
        <v>17</v>
      </c>
      <c r="D840" s="542"/>
      <c r="E840" s="543" t="s">
        <v>900</v>
      </c>
      <c r="F840" s="544"/>
      <c r="G840" s="544"/>
      <c r="H840" s="544"/>
      <c r="I840" s="544"/>
      <c r="J840" s="544"/>
      <c r="K840" s="544"/>
      <c r="L840" s="544"/>
      <c r="M840" s="544"/>
      <c r="N840" s="544"/>
      <c r="O840" s="544"/>
      <c r="P840" s="544"/>
      <c r="Q840" s="544"/>
      <c r="R840" s="544"/>
      <c r="S840" s="544"/>
      <c r="T840" s="545"/>
      <c r="U840" s="221" t="s">
        <v>901</v>
      </c>
      <c r="V840" s="546" t="s">
        <v>107</v>
      </c>
      <c r="W840" s="547"/>
      <c r="X840" s="547"/>
      <c r="Y840" s="547"/>
      <c r="Z840" s="548"/>
      <c r="AA840" s="546" t="s">
        <v>102</v>
      </c>
      <c r="AB840" s="547"/>
      <c r="AC840" s="548"/>
      <c r="AD840" s="415">
        <v>8</v>
      </c>
      <c r="AE840" s="415" t="s">
        <v>103</v>
      </c>
      <c r="AF840" s="541"/>
      <c r="AG840" s="542"/>
      <c r="AH840" s="549"/>
      <c r="AI840" s="550"/>
      <c r="AJ840" s="551"/>
      <c r="AK840" s="332"/>
      <c r="AL840" s="29"/>
      <c r="AM840" s="16"/>
      <c r="AN840" s="3" t="str">
        <f t="shared" si="41"/>
        <v>■</v>
      </c>
    </row>
    <row r="841" spans="1:40" ht="13.4" customHeight="1">
      <c r="A841" s="20" t="str">
        <f t="shared" si="40"/>
        <v>ON</v>
      </c>
      <c r="B841" s="25"/>
      <c r="C841" s="541">
        <v>18</v>
      </c>
      <c r="D841" s="542"/>
      <c r="E841" s="543" t="s">
        <v>902</v>
      </c>
      <c r="F841" s="544"/>
      <c r="G841" s="544"/>
      <c r="H841" s="544"/>
      <c r="I841" s="544"/>
      <c r="J841" s="544"/>
      <c r="K841" s="544"/>
      <c r="L841" s="544"/>
      <c r="M841" s="544"/>
      <c r="N841" s="544"/>
      <c r="O841" s="544"/>
      <c r="P841" s="544"/>
      <c r="Q841" s="544"/>
      <c r="R841" s="544"/>
      <c r="S841" s="544"/>
      <c r="T841" s="545"/>
      <c r="U841" s="221" t="s">
        <v>903</v>
      </c>
      <c r="V841" s="546" t="s">
        <v>107</v>
      </c>
      <c r="W841" s="547"/>
      <c r="X841" s="547"/>
      <c r="Y841" s="547"/>
      <c r="Z841" s="548"/>
      <c r="AA841" s="546" t="s">
        <v>102</v>
      </c>
      <c r="AB841" s="547"/>
      <c r="AC841" s="548"/>
      <c r="AD841" s="415">
        <v>8</v>
      </c>
      <c r="AE841" s="415" t="s">
        <v>103</v>
      </c>
      <c r="AF841" s="541"/>
      <c r="AG841" s="542"/>
      <c r="AH841" s="549"/>
      <c r="AI841" s="550"/>
      <c r="AJ841" s="551"/>
      <c r="AK841" s="332"/>
      <c r="AL841" s="29"/>
      <c r="AM841" s="16"/>
      <c r="AN841" s="3" t="str">
        <f t="shared" si="41"/>
        <v>■</v>
      </c>
    </row>
    <row r="842" spans="1:40" ht="13.4" customHeight="1">
      <c r="A842" s="20" t="str">
        <f t="shared" si="40"/>
        <v>ON</v>
      </c>
      <c r="B842" s="20"/>
      <c r="C842" s="552">
        <v>19</v>
      </c>
      <c r="D842" s="553"/>
      <c r="E842" s="554" t="s">
        <v>904</v>
      </c>
      <c r="F842" s="555"/>
      <c r="G842" s="555"/>
      <c r="H842" s="555"/>
      <c r="I842" s="555"/>
      <c r="J842" s="555"/>
      <c r="K842" s="555"/>
      <c r="L842" s="555"/>
      <c r="M842" s="555"/>
      <c r="N842" s="555"/>
      <c r="O842" s="555"/>
      <c r="P842" s="555"/>
      <c r="Q842" s="555"/>
      <c r="R842" s="555"/>
      <c r="S842" s="555"/>
      <c r="T842" s="556"/>
      <c r="U842" s="220" t="s">
        <v>905</v>
      </c>
      <c r="V842" s="557" t="s">
        <v>101</v>
      </c>
      <c r="W842" s="558"/>
      <c r="X842" s="558"/>
      <c r="Y842" s="558"/>
      <c r="Z842" s="559"/>
      <c r="AA842" s="557" t="s">
        <v>102</v>
      </c>
      <c r="AB842" s="558"/>
      <c r="AC842" s="559"/>
      <c r="AD842" s="419">
        <v>50</v>
      </c>
      <c r="AE842" s="419" t="s">
        <v>103</v>
      </c>
      <c r="AF842" s="552" t="s">
        <v>109</v>
      </c>
      <c r="AG842" s="553"/>
      <c r="AH842" s="560"/>
      <c r="AI842" s="561"/>
      <c r="AJ842" s="562"/>
      <c r="AK842" s="333" t="s">
        <v>399</v>
      </c>
      <c r="AL842" s="29"/>
      <c r="AM842" s="16"/>
      <c r="AN842" s="3" t="str">
        <f t="shared" si="41"/>
        <v>■</v>
      </c>
    </row>
    <row r="843" spans="1:40" ht="13.4" customHeight="1">
      <c r="A843" s="20" t="str">
        <f t="shared" si="40"/>
        <v>ON</v>
      </c>
      <c r="B843" s="25"/>
      <c r="C843" s="541">
        <v>20</v>
      </c>
      <c r="D843" s="542"/>
      <c r="E843" s="543" t="s">
        <v>906</v>
      </c>
      <c r="F843" s="544"/>
      <c r="G843" s="544"/>
      <c r="H843" s="544"/>
      <c r="I843" s="544"/>
      <c r="J843" s="544"/>
      <c r="K843" s="544"/>
      <c r="L843" s="544"/>
      <c r="M843" s="544"/>
      <c r="N843" s="544"/>
      <c r="O843" s="544"/>
      <c r="P843" s="544"/>
      <c r="Q843" s="544"/>
      <c r="R843" s="544"/>
      <c r="S843" s="544"/>
      <c r="T843" s="545"/>
      <c r="U843" s="221" t="s">
        <v>453</v>
      </c>
      <c r="V843" s="546" t="s">
        <v>107</v>
      </c>
      <c r="W843" s="547"/>
      <c r="X843" s="547"/>
      <c r="Y843" s="547"/>
      <c r="Z843" s="548"/>
      <c r="AA843" s="546" t="s">
        <v>102</v>
      </c>
      <c r="AB843" s="547"/>
      <c r="AC843" s="548"/>
      <c r="AD843" s="415">
        <v>6</v>
      </c>
      <c r="AE843" s="415" t="s">
        <v>103</v>
      </c>
      <c r="AF843" s="541"/>
      <c r="AG843" s="542"/>
      <c r="AH843" s="549"/>
      <c r="AI843" s="550"/>
      <c r="AJ843" s="551"/>
      <c r="AK843" s="332"/>
      <c r="AL843" s="29"/>
      <c r="AM843" s="16"/>
      <c r="AN843" s="3" t="str">
        <f t="shared" si="41"/>
        <v>■</v>
      </c>
    </row>
    <row r="844" spans="1:40" ht="13.4" customHeight="1">
      <c r="A844" s="20" t="str">
        <f t="shared" si="40"/>
        <v>ON</v>
      </c>
      <c r="B844" s="25"/>
      <c r="C844" s="541">
        <v>21</v>
      </c>
      <c r="D844" s="542"/>
      <c r="E844" s="543" t="s">
        <v>411</v>
      </c>
      <c r="F844" s="544"/>
      <c r="G844" s="544"/>
      <c r="H844" s="544"/>
      <c r="I844" s="544"/>
      <c r="J844" s="544"/>
      <c r="K844" s="544"/>
      <c r="L844" s="544"/>
      <c r="M844" s="544"/>
      <c r="N844" s="544"/>
      <c r="O844" s="544"/>
      <c r="P844" s="544"/>
      <c r="Q844" s="544"/>
      <c r="R844" s="544"/>
      <c r="S844" s="544"/>
      <c r="T844" s="545"/>
      <c r="U844" s="221" t="s">
        <v>516</v>
      </c>
      <c r="V844" s="546" t="s">
        <v>107</v>
      </c>
      <c r="W844" s="547"/>
      <c r="X844" s="547"/>
      <c r="Y844" s="547"/>
      <c r="Z844" s="548"/>
      <c r="AA844" s="546" t="s">
        <v>102</v>
      </c>
      <c r="AB844" s="547"/>
      <c r="AC844" s="548"/>
      <c r="AD844" s="415">
        <v>6</v>
      </c>
      <c r="AE844" s="415" t="s">
        <v>103</v>
      </c>
      <c r="AF844" s="541"/>
      <c r="AG844" s="542"/>
      <c r="AH844" s="549"/>
      <c r="AI844" s="550"/>
      <c r="AJ844" s="551"/>
      <c r="AK844" s="332"/>
      <c r="AL844" s="29"/>
      <c r="AM844" s="16"/>
      <c r="AN844" s="3" t="str">
        <f t="shared" si="41"/>
        <v>■</v>
      </c>
    </row>
    <row r="845" spans="1:40" ht="13.4" customHeight="1">
      <c r="A845" s="20" t="str">
        <f t="shared" si="40"/>
        <v>ON</v>
      </c>
      <c r="B845" s="25"/>
      <c r="C845" s="541">
        <v>22</v>
      </c>
      <c r="D845" s="542"/>
      <c r="E845" s="543" t="s">
        <v>970</v>
      </c>
      <c r="F845" s="544"/>
      <c r="G845" s="544"/>
      <c r="H845" s="544"/>
      <c r="I845" s="544"/>
      <c r="J845" s="544"/>
      <c r="K845" s="544"/>
      <c r="L845" s="544"/>
      <c r="M845" s="544"/>
      <c r="N845" s="544"/>
      <c r="O845" s="544"/>
      <c r="P845" s="544"/>
      <c r="Q845" s="544"/>
      <c r="R845" s="544"/>
      <c r="S845" s="544"/>
      <c r="T845" s="545"/>
      <c r="U845" s="221" t="s">
        <v>971</v>
      </c>
      <c r="V845" s="546" t="s">
        <v>107</v>
      </c>
      <c r="W845" s="547"/>
      <c r="X845" s="547"/>
      <c r="Y845" s="547"/>
      <c r="Z845" s="548"/>
      <c r="AA845" s="546" t="s">
        <v>102</v>
      </c>
      <c r="AB845" s="547"/>
      <c r="AC845" s="548"/>
      <c r="AD845" s="415">
        <v>1</v>
      </c>
      <c r="AE845" s="415" t="s">
        <v>103</v>
      </c>
      <c r="AF845" s="541"/>
      <c r="AG845" s="542"/>
      <c r="AH845" s="549"/>
      <c r="AI845" s="550"/>
      <c r="AJ845" s="551"/>
      <c r="AK845" s="332"/>
      <c r="AL845" s="29"/>
      <c r="AM845" s="16"/>
      <c r="AN845" s="3" t="str">
        <f t="shared" si="41"/>
        <v>■</v>
      </c>
    </row>
    <row r="846" spans="1:40" ht="13.4" customHeight="1">
      <c r="A846" s="20" t="str">
        <f t="shared" si="40"/>
        <v>ON</v>
      </c>
      <c r="B846" s="25"/>
      <c r="C846" s="541">
        <v>23</v>
      </c>
      <c r="D846" s="542"/>
      <c r="E846" s="543" t="s">
        <v>976</v>
      </c>
      <c r="F846" s="544"/>
      <c r="G846" s="544"/>
      <c r="H846" s="544"/>
      <c r="I846" s="544"/>
      <c r="J846" s="544"/>
      <c r="K846" s="544"/>
      <c r="L846" s="544"/>
      <c r="M846" s="544"/>
      <c r="N846" s="544"/>
      <c r="O846" s="544"/>
      <c r="P846" s="544"/>
      <c r="Q846" s="544"/>
      <c r="R846" s="544"/>
      <c r="S846" s="544"/>
      <c r="T846" s="545"/>
      <c r="U846" s="221" t="s">
        <v>977</v>
      </c>
      <c r="V846" s="546" t="s">
        <v>107</v>
      </c>
      <c r="W846" s="547"/>
      <c r="X846" s="547"/>
      <c r="Y846" s="547"/>
      <c r="Z846" s="548"/>
      <c r="AA846" s="546" t="s">
        <v>108</v>
      </c>
      <c r="AB846" s="547"/>
      <c r="AC846" s="548"/>
      <c r="AD846" s="415">
        <v>2</v>
      </c>
      <c r="AE846" s="415">
        <v>0</v>
      </c>
      <c r="AF846" s="541"/>
      <c r="AG846" s="542"/>
      <c r="AH846" s="549"/>
      <c r="AI846" s="550"/>
      <c r="AJ846" s="551"/>
      <c r="AK846" s="332"/>
      <c r="AL846" s="29"/>
      <c r="AM846" s="16"/>
      <c r="AN846" s="3" t="str">
        <f t="shared" si="41"/>
        <v>■</v>
      </c>
    </row>
    <row r="847" spans="1:40">
      <c r="A847" s="25"/>
      <c r="B847" s="25"/>
      <c r="U847" s="26" t="s">
        <v>1124</v>
      </c>
      <c r="AK847" s="55"/>
      <c r="AL847" s="29"/>
      <c r="AM847" s="16"/>
    </row>
    <row r="848" spans="1:40">
      <c r="A848" s="25"/>
      <c r="B848" s="25"/>
      <c r="AK848" s="55"/>
      <c r="AL848" s="29"/>
      <c r="AM848" s="16"/>
    </row>
    <row r="849" spans="1:39">
      <c r="A849" s="25"/>
      <c r="B849" s="25"/>
      <c r="C849" s="27" t="s">
        <v>908</v>
      </c>
      <c r="AK849" s="55"/>
      <c r="AL849" s="29"/>
      <c r="AM849" s="16"/>
    </row>
    <row r="850" spans="1:39">
      <c r="A850" s="25"/>
      <c r="B850" s="25"/>
      <c r="AK850" s="55"/>
      <c r="AL850" s="29"/>
      <c r="AM850" s="16"/>
    </row>
    <row r="851" spans="1:39">
      <c r="A851" s="25"/>
      <c r="B851" s="25"/>
      <c r="AK851" s="55"/>
      <c r="AL851" s="29"/>
      <c r="AM851" s="16"/>
    </row>
    <row r="852" spans="1:39">
      <c r="A852" s="25"/>
      <c r="B852" s="25"/>
      <c r="AK852" s="55"/>
      <c r="AL852" s="29"/>
      <c r="AM852" s="16"/>
    </row>
    <row r="853" spans="1:39">
      <c r="A853" s="25"/>
      <c r="B853" s="25"/>
      <c r="C853"/>
      <c r="AK853" s="55"/>
      <c r="AL853" s="29"/>
      <c r="AM853" s="16"/>
    </row>
    <row r="854" spans="1:39">
      <c r="A854" s="25"/>
      <c r="B854" s="25"/>
      <c r="AK854" s="55"/>
      <c r="AL854" s="29"/>
      <c r="AM854" s="16"/>
    </row>
    <row r="855" spans="1:39">
      <c r="A855" s="25"/>
      <c r="B855" s="25"/>
      <c r="AK855" s="55"/>
      <c r="AL855" s="29"/>
      <c r="AM855" s="16"/>
    </row>
    <row r="856" spans="1:39">
      <c r="A856" s="25"/>
      <c r="B856" s="25"/>
      <c r="AK856" s="55"/>
      <c r="AL856" s="29"/>
      <c r="AM856" s="16"/>
    </row>
    <row r="857" spans="1:39">
      <c r="A857" s="21"/>
      <c r="B857" s="21"/>
      <c r="C857" s="22"/>
      <c r="D857" s="22"/>
      <c r="E857" s="22"/>
      <c r="F857" s="22"/>
      <c r="G857" s="22"/>
      <c r="H857" s="22"/>
      <c r="I857" s="22"/>
      <c r="J857" s="22"/>
      <c r="K857" s="22"/>
      <c r="L857" s="22"/>
      <c r="M857" s="22"/>
      <c r="N857" s="22"/>
      <c r="O857" s="22"/>
      <c r="P857" s="22"/>
      <c r="Q857" s="22"/>
      <c r="R857" s="22"/>
      <c r="S857" s="22"/>
      <c r="T857" s="22"/>
      <c r="U857" s="58"/>
      <c r="V857" s="22"/>
      <c r="W857" s="22"/>
      <c r="X857" s="22"/>
      <c r="Y857" s="22"/>
      <c r="Z857" s="22"/>
      <c r="AA857" s="22"/>
      <c r="AB857" s="22"/>
      <c r="AC857" s="22"/>
      <c r="AD857" s="22"/>
      <c r="AE857" s="22"/>
      <c r="AF857" s="22"/>
      <c r="AG857" s="22"/>
      <c r="AH857" s="22"/>
      <c r="AI857" s="22"/>
      <c r="AJ857" s="22"/>
      <c r="AK857" s="245"/>
      <c r="AL857" s="62"/>
      <c r="AM857" s="16"/>
    </row>
    <row r="858" spans="1:39">
      <c r="A858" s="25"/>
      <c r="AK858" s="55"/>
      <c r="AL858" s="16"/>
      <c r="AM858" s="16"/>
    </row>
    <row r="859" spans="1:39">
      <c r="A859" s="25"/>
      <c r="AK859" s="55"/>
      <c r="AL859" s="16"/>
      <c r="AM859" s="16"/>
    </row>
    <row r="860" spans="1:39">
      <c r="A860" s="25"/>
      <c r="AK860" s="55"/>
      <c r="AL860" s="16"/>
      <c r="AM860" s="16"/>
    </row>
    <row r="861" spans="1:39">
      <c r="A861" s="25"/>
    </row>
    <row r="862" spans="1:39">
      <c r="A862" s="25"/>
    </row>
    <row r="863" spans="1:39">
      <c r="A863" s="25"/>
    </row>
    <row r="864" spans="1:39">
      <c r="A864" s="25"/>
    </row>
    <row r="865" spans="1:7">
      <c r="A865" s="25"/>
    </row>
    <row r="866" spans="1:7">
      <c r="A866" s="25"/>
      <c r="B866" t="s">
        <v>909</v>
      </c>
      <c r="C866" t="s">
        <v>910</v>
      </c>
      <c r="D866" t="s">
        <v>911</v>
      </c>
      <c r="E866" t="s">
        <v>912</v>
      </c>
      <c r="F866" t="s">
        <v>913</v>
      </c>
      <c r="G866" t="s">
        <v>914</v>
      </c>
    </row>
    <row r="867" spans="1:7">
      <c r="A867" s="25"/>
      <c r="B867" t="s">
        <v>340</v>
      </c>
      <c r="C867" t="s">
        <v>915</v>
      </c>
      <c r="D867" s="3" t="s">
        <v>82</v>
      </c>
      <c r="E867" t="s">
        <v>916</v>
      </c>
      <c r="F867" t="s">
        <v>917</v>
      </c>
      <c r="G867" t="s">
        <v>918</v>
      </c>
    </row>
    <row r="868" spans="1:7">
      <c r="A868" s="25"/>
      <c r="B868" t="s">
        <v>920</v>
      </c>
      <c r="C868" t="s">
        <v>921</v>
      </c>
      <c r="D868" s="3" t="s">
        <v>922</v>
      </c>
      <c r="E868" t="s">
        <v>923</v>
      </c>
      <c r="F868" t="s">
        <v>924</v>
      </c>
      <c r="G868" t="s">
        <v>925</v>
      </c>
    </row>
    <row r="869" spans="1:7">
      <c r="A869" s="25"/>
      <c r="B869" t="s">
        <v>927</v>
      </c>
      <c r="C869"/>
      <c r="D869" s="3" t="s">
        <v>928</v>
      </c>
      <c r="E869"/>
      <c r="F869" t="s">
        <v>929</v>
      </c>
      <c r="G869" t="s">
        <v>930</v>
      </c>
    </row>
    <row r="870" spans="1:7">
      <c r="A870" s="25"/>
      <c r="B870"/>
      <c r="C870"/>
      <c r="D870" s="3" t="s">
        <v>931</v>
      </c>
      <c r="E870"/>
      <c r="F870" t="s">
        <v>932</v>
      </c>
      <c r="G870" t="s">
        <v>933</v>
      </c>
    </row>
    <row r="871" spans="1:7">
      <c r="A871" s="21"/>
      <c r="B871"/>
      <c r="C871"/>
      <c r="D871" s="3" t="s">
        <v>230</v>
      </c>
      <c r="E871"/>
      <c r="F871"/>
      <c r="G871" t="s">
        <v>934</v>
      </c>
    </row>
    <row r="872" spans="1:7">
      <c r="B872"/>
      <c r="C872"/>
      <c r="D872" s="3" t="s">
        <v>177</v>
      </c>
      <c r="E872"/>
      <c r="F872"/>
      <c r="G872" t="s">
        <v>935</v>
      </c>
    </row>
    <row r="873" spans="1:7">
      <c r="B873"/>
      <c r="C873"/>
      <c r="D873"/>
      <c r="E873"/>
      <c r="F873"/>
      <c r="G873" t="s">
        <v>936</v>
      </c>
    </row>
    <row r="874" spans="1:7">
      <c r="B874"/>
      <c r="C874"/>
      <c r="D874"/>
      <c r="E874"/>
      <c r="F874"/>
      <c r="G874" t="s">
        <v>937</v>
      </c>
    </row>
    <row r="875" spans="1:7">
      <c r="B875"/>
      <c r="C875"/>
      <c r="D875"/>
      <c r="E875"/>
      <c r="F875"/>
      <c r="G875" t="s">
        <v>938</v>
      </c>
    </row>
    <row r="876" spans="1:7">
      <c r="B876"/>
      <c r="C876"/>
      <c r="D876"/>
      <c r="E876"/>
      <c r="F876"/>
      <c r="G876" t="s">
        <v>939</v>
      </c>
    </row>
    <row r="877" spans="1:7">
      <c r="B877"/>
      <c r="C877"/>
      <c r="D877"/>
      <c r="E877"/>
      <c r="F877"/>
      <c r="G877" t="s">
        <v>940</v>
      </c>
    </row>
    <row r="878" spans="1:7">
      <c r="B878"/>
      <c r="C878"/>
      <c r="D878"/>
      <c r="E878"/>
      <c r="F878"/>
      <c r="G878" t="s">
        <v>941</v>
      </c>
    </row>
    <row r="879" spans="1:7">
      <c r="B879"/>
      <c r="C879"/>
      <c r="D879"/>
      <c r="E879"/>
      <c r="F879"/>
      <c r="G879" t="s">
        <v>942</v>
      </c>
    </row>
    <row r="880" spans="1:7">
      <c r="B880"/>
      <c r="C880"/>
      <c r="D880"/>
      <c r="E880"/>
      <c r="F880"/>
      <c r="G880" t="s">
        <v>943</v>
      </c>
    </row>
    <row r="881" spans="2:7">
      <c r="B881"/>
      <c r="C881"/>
      <c r="D881"/>
      <c r="E881"/>
      <c r="F881"/>
      <c r="G881" t="s">
        <v>944</v>
      </c>
    </row>
    <row r="882" spans="2:7">
      <c r="B882"/>
      <c r="C882"/>
      <c r="D882"/>
      <c r="E882"/>
      <c r="F882"/>
      <c r="G882" t="s">
        <v>945</v>
      </c>
    </row>
  </sheetData>
  <mergeCells count="4579">
    <mergeCell ref="S6:T6"/>
    <mergeCell ref="W6:X6"/>
    <mergeCell ref="AK7:AL7"/>
    <mergeCell ref="G8:M8"/>
    <mergeCell ref="G10:M10"/>
    <mergeCell ref="R10:V10"/>
    <mergeCell ref="G4:N4"/>
    <mergeCell ref="G6:H6"/>
    <mergeCell ref="I6:J6"/>
    <mergeCell ref="L6:M6"/>
    <mergeCell ref="O6:P6"/>
    <mergeCell ref="Q6:R6"/>
    <mergeCell ref="X20:Y20"/>
    <mergeCell ref="AA20:AB20"/>
    <mergeCell ref="H21:I21"/>
    <mergeCell ref="K21:L21"/>
    <mergeCell ref="N21:O21"/>
    <mergeCell ref="Q21:R21"/>
    <mergeCell ref="T21:V21"/>
    <mergeCell ref="X21:Y21"/>
    <mergeCell ref="AA21:AB21"/>
    <mergeCell ref="T19:V19"/>
    <mergeCell ref="H20:I20"/>
    <mergeCell ref="K20:L20"/>
    <mergeCell ref="N20:O20"/>
    <mergeCell ref="Q20:R20"/>
    <mergeCell ref="T20:V20"/>
    <mergeCell ref="G12:S12"/>
    <mergeCell ref="G14:S14"/>
    <mergeCell ref="G16:S16"/>
    <mergeCell ref="H19:I19"/>
    <mergeCell ref="K19:L19"/>
    <mergeCell ref="N19:O19"/>
    <mergeCell ref="Q19:R19"/>
    <mergeCell ref="AH27:AJ28"/>
    <mergeCell ref="AK27:AK28"/>
    <mergeCell ref="C29:D29"/>
    <mergeCell ref="E29:T29"/>
    <mergeCell ref="V29:Z29"/>
    <mergeCell ref="AA29:AC29"/>
    <mergeCell ref="AF29:AG29"/>
    <mergeCell ref="AH29:AJ29"/>
    <mergeCell ref="C27:D28"/>
    <mergeCell ref="E27:T28"/>
    <mergeCell ref="V27:Z28"/>
    <mergeCell ref="AA27:AC28"/>
    <mergeCell ref="AD27:AE28"/>
    <mergeCell ref="AF27:AG28"/>
    <mergeCell ref="H22:I22"/>
    <mergeCell ref="K22:L22"/>
    <mergeCell ref="N22:O22"/>
    <mergeCell ref="Q22:R22"/>
    <mergeCell ref="T22:V22"/>
    <mergeCell ref="H23:I23"/>
    <mergeCell ref="K23:L23"/>
    <mergeCell ref="N23:O23"/>
    <mergeCell ref="Q23:R23"/>
    <mergeCell ref="C32:D32"/>
    <mergeCell ref="E32:T32"/>
    <mergeCell ref="V32:Z32"/>
    <mergeCell ref="AA32:AC32"/>
    <mergeCell ref="AF32:AG32"/>
    <mergeCell ref="AH32:AJ32"/>
    <mergeCell ref="C31:D31"/>
    <mergeCell ref="E31:T31"/>
    <mergeCell ref="V31:Z31"/>
    <mergeCell ref="AA31:AC31"/>
    <mergeCell ref="AF31:AG31"/>
    <mergeCell ref="AH31:AJ31"/>
    <mergeCell ref="C30:D30"/>
    <mergeCell ref="E30:T30"/>
    <mergeCell ref="V30:Z30"/>
    <mergeCell ref="AA30:AC30"/>
    <mergeCell ref="AF30:AG30"/>
    <mergeCell ref="AH30:AJ30"/>
    <mergeCell ref="C35:D35"/>
    <mergeCell ref="E35:T35"/>
    <mergeCell ref="V35:Z35"/>
    <mergeCell ref="AA35:AC35"/>
    <mergeCell ref="AF35:AG35"/>
    <mergeCell ref="AH35:AJ35"/>
    <mergeCell ref="C34:D34"/>
    <mergeCell ref="E34:T34"/>
    <mergeCell ref="V34:Z34"/>
    <mergeCell ref="AA34:AC34"/>
    <mergeCell ref="AF34:AG34"/>
    <mergeCell ref="AH34:AJ34"/>
    <mergeCell ref="C33:D33"/>
    <mergeCell ref="E33:T33"/>
    <mergeCell ref="V33:Z33"/>
    <mergeCell ref="AA33:AC33"/>
    <mergeCell ref="AF33:AG33"/>
    <mergeCell ref="AH33:AJ33"/>
    <mergeCell ref="C38:D38"/>
    <mergeCell ref="E38:T38"/>
    <mergeCell ref="V38:Z38"/>
    <mergeCell ref="AA38:AC38"/>
    <mergeCell ref="AF38:AG38"/>
    <mergeCell ref="AH38:AJ38"/>
    <mergeCell ref="C37:D37"/>
    <mergeCell ref="E37:T37"/>
    <mergeCell ref="V37:Z37"/>
    <mergeCell ref="AA37:AC37"/>
    <mergeCell ref="AF37:AG37"/>
    <mergeCell ref="AH37:AJ37"/>
    <mergeCell ref="C36:D36"/>
    <mergeCell ref="E36:T36"/>
    <mergeCell ref="V36:Z36"/>
    <mergeCell ref="AA36:AC36"/>
    <mergeCell ref="AF36:AG36"/>
    <mergeCell ref="AH36:AJ36"/>
    <mergeCell ref="C41:D41"/>
    <mergeCell ref="E41:T41"/>
    <mergeCell ref="V41:Z41"/>
    <mergeCell ref="AA41:AC41"/>
    <mergeCell ref="AF41:AG41"/>
    <mergeCell ref="AH41:AJ41"/>
    <mergeCell ref="C40:D40"/>
    <mergeCell ref="E40:T40"/>
    <mergeCell ref="V40:Z40"/>
    <mergeCell ref="AA40:AC40"/>
    <mergeCell ref="AF40:AG40"/>
    <mergeCell ref="AH40:AJ40"/>
    <mergeCell ref="C39:D39"/>
    <mergeCell ref="E39:T39"/>
    <mergeCell ref="V39:Z39"/>
    <mergeCell ref="AA39:AC39"/>
    <mergeCell ref="AF39:AG39"/>
    <mergeCell ref="AH39:AJ39"/>
    <mergeCell ref="C48:D48"/>
    <mergeCell ref="E48:T48"/>
    <mergeCell ref="V48:Z48"/>
    <mergeCell ref="AA48:AC48"/>
    <mergeCell ref="AF48:AG48"/>
    <mergeCell ref="AH48:AJ48"/>
    <mergeCell ref="C47:D47"/>
    <mergeCell ref="E47:T47"/>
    <mergeCell ref="V47:Z47"/>
    <mergeCell ref="AA47:AC47"/>
    <mergeCell ref="AF47:AG47"/>
    <mergeCell ref="AH47:AJ47"/>
    <mergeCell ref="AH44:AJ45"/>
    <mergeCell ref="AK44:AK45"/>
    <mergeCell ref="C46:D46"/>
    <mergeCell ref="E46:T46"/>
    <mergeCell ref="V46:Z46"/>
    <mergeCell ref="AA46:AC46"/>
    <mergeCell ref="AF46:AG46"/>
    <mergeCell ref="AH46:AJ46"/>
    <mergeCell ref="C44:D45"/>
    <mergeCell ref="E44:T45"/>
    <mergeCell ref="V44:Z45"/>
    <mergeCell ref="AA44:AC45"/>
    <mergeCell ref="AD44:AE45"/>
    <mergeCell ref="AF44:AG45"/>
    <mergeCell ref="C51:D51"/>
    <mergeCell ref="E51:T51"/>
    <mergeCell ref="V51:Z51"/>
    <mergeCell ref="AA51:AC51"/>
    <mergeCell ref="AF51:AG51"/>
    <mergeCell ref="AH51:AJ51"/>
    <mergeCell ref="C50:D50"/>
    <mergeCell ref="E50:T50"/>
    <mergeCell ref="V50:Z50"/>
    <mergeCell ref="AA50:AC50"/>
    <mergeCell ref="AF50:AG50"/>
    <mergeCell ref="AH50:AJ50"/>
    <mergeCell ref="C49:D49"/>
    <mergeCell ref="E49:T49"/>
    <mergeCell ref="V49:Z49"/>
    <mergeCell ref="AA49:AC49"/>
    <mergeCell ref="AF49:AG49"/>
    <mergeCell ref="AH49:AJ49"/>
    <mergeCell ref="C54:D54"/>
    <mergeCell ref="E54:T54"/>
    <mergeCell ref="V54:Z54"/>
    <mergeCell ref="AA54:AC54"/>
    <mergeCell ref="AF54:AG54"/>
    <mergeCell ref="AH54:AJ54"/>
    <mergeCell ref="C53:D53"/>
    <mergeCell ref="E53:T53"/>
    <mergeCell ref="V53:Z53"/>
    <mergeCell ref="AA53:AC53"/>
    <mergeCell ref="AF53:AG53"/>
    <mergeCell ref="AH53:AJ53"/>
    <mergeCell ref="C52:D52"/>
    <mergeCell ref="E52:T52"/>
    <mergeCell ref="V52:Z52"/>
    <mergeCell ref="AA52:AC52"/>
    <mergeCell ref="AF52:AG52"/>
    <mergeCell ref="AH52:AJ52"/>
    <mergeCell ref="C57:D57"/>
    <mergeCell ref="E57:T57"/>
    <mergeCell ref="V57:Z57"/>
    <mergeCell ref="AA57:AC57"/>
    <mergeCell ref="AF57:AG57"/>
    <mergeCell ref="AH57:AJ57"/>
    <mergeCell ref="C56:D56"/>
    <mergeCell ref="E56:T56"/>
    <mergeCell ref="V56:Z56"/>
    <mergeCell ref="AA56:AC56"/>
    <mergeCell ref="AF56:AG56"/>
    <mergeCell ref="AH56:AJ56"/>
    <mergeCell ref="C55:D55"/>
    <mergeCell ref="E55:T55"/>
    <mergeCell ref="V55:Z55"/>
    <mergeCell ref="AA55:AC55"/>
    <mergeCell ref="AF55:AG55"/>
    <mergeCell ref="AH55:AJ55"/>
    <mergeCell ref="C60:D60"/>
    <mergeCell ref="E60:T60"/>
    <mergeCell ref="V60:Z60"/>
    <mergeCell ref="AA60:AC60"/>
    <mergeCell ref="AF60:AG60"/>
    <mergeCell ref="AH60:AJ60"/>
    <mergeCell ref="C59:D59"/>
    <mergeCell ref="E59:T59"/>
    <mergeCell ref="V59:Z59"/>
    <mergeCell ref="AA59:AC59"/>
    <mergeCell ref="AF59:AG59"/>
    <mergeCell ref="AH59:AJ59"/>
    <mergeCell ref="C58:D58"/>
    <mergeCell ref="E58:T58"/>
    <mergeCell ref="V58:Z58"/>
    <mergeCell ref="AA58:AC58"/>
    <mergeCell ref="AF58:AG58"/>
    <mergeCell ref="AH58:AJ58"/>
    <mergeCell ref="AD64:AE65"/>
    <mergeCell ref="AF64:AG65"/>
    <mergeCell ref="AH64:AJ65"/>
    <mergeCell ref="AK64:AK65"/>
    <mergeCell ref="C66:D66"/>
    <mergeCell ref="E66:T66"/>
    <mergeCell ref="V66:Z66"/>
    <mergeCell ref="AA66:AC66"/>
    <mergeCell ref="AF66:AG66"/>
    <mergeCell ref="AH66:AJ66"/>
    <mergeCell ref="AA62:AC62"/>
    <mergeCell ref="AA63:AC63"/>
    <mergeCell ref="C64:D65"/>
    <mergeCell ref="E64:T65"/>
    <mergeCell ref="V64:Z65"/>
    <mergeCell ref="AA64:AC65"/>
    <mergeCell ref="C61:D61"/>
    <mergeCell ref="E61:T61"/>
    <mergeCell ref="V61:Z61"/>
    <mergeCell ref="AA61:AC61"/>
    <mergeCell ref="AF61:AG61"/>
    <mergeCell ref="AH61:AJ61"/>
    <mergeCell ref="C69:D69"/>
    <mergeCell ref="E69:T69"/>
    <mergeCell ref="V69:Z69"/>
    <mergeCell ref="AA69:AC69"/>
    <mergeCell ref="AF69:AG69"/>
    <mergeCell ref="AH69:AJ69"/>
    <mergeCell ref="C68:D68"/>
    <mergeCell ref="E68:T68"/>
    <mergeCell ref="V68:Z68"/>
    <mergeCell ref="AA68:AC68"/>
    <mergeCell ref="AF68:AG68"/>
    <mergeCell ref="AH68:AJ68"/>
    <mergeCell ref="C67:D67"/>
    <mergeCell ref="E67:T67"/>
    <mergeCell ref="V67:Z67"/>
    <mergeCell ref="AA67:AC67"/>
    <mergeCell ref="AF67:AG67"/>
    <mergeCell ref="AH67:AJ67"/>
    <mergeCell ref="C72:D72"/>
    <mergeCell ref="E72:T72"/>
    <mergeCell ref="V72:Z72"/>
    <mergeCell ref="AA72:AC72"/>
    <mergeCell ref="AF72:AG72"/>
    <mergeCell ref="AH72:AJ72"/>
    <mergeCell ref="C71:D71"/>
    <mergeCell ref="E71:T71"/>
    <mergeCell ref="V71:Z71"/>
    <mergeCell ref="AA71:AC71"/>
    <mergeCell ref="AF71:AG71"/>
    <mergeCell ref="AH71:AJ71"/>
    <mergeCell ref="C70:D70"/>
    <mergeCell ref="E70:T70"/>
    <mergeCell ref="V70:Z70"/>
    <mergeCell ref="AA70:AC70"/>
    <mergeCell ref="AF70:AG70"/>
    <mergeCell ref="AH70:AJ70"/>
    <mergeCell ref="C75:D75"/>
    <mergeCell ref="E75:T75"/>
    <mergeCell ref="V75:Z75"/>
    <mergeCell ref="AA75:AC75"/>
    <mergeCell ref="AF75:AG75"/>
    <mergeCell ref="AH75:AJ75"/>
    <mergeCell ref="C74:D74"/>
    <mergeCell ref="E74:T74"/>
    <mergeCell ref="V74:Z74"/>
    <mergeCell ref="AA74:AC74"/>
    <mergeCell ref="AF74:AG74"/>
    <mergeCell ref="AH74:AJ74"/>
    <mergeCell ref="C73:D73"/>
    <mergeCell ref="E73:T73"/>
    <mergeCell ref="V73:Z73"/>
    <mergeCell ref="AA73:AC73"/>
    <mergeCell ref="AF73:AG73"/>
    <mergeCell ref="AH73:AJ73"/>
    <mergeCell ref="C78:D78"/>
    <mergeCell ref="E78:T78"/>
    <mergeCell ref="V78:Z78"/>
    <mergeCell ref="AA78:AC78"/>
    <mergeCell ref="AF78:AG78"/>
    <mergeCell ref="AH78:AJ78"/>
    <mergeCell ref="C77:D77"/>
    <mergeCell ref="E77:T77"/>
    <mergeCell ref="V77:Z77"/>
    <mergeCell ref="AA77:AC77"/>
    <mergeCell ref="AF77:AG77"/>
    <mergeCell ref="AH77:AJ77"/>
    <mergeCell ref="C76:D76"/>
    <mergeCell ref="E76:T76"/>
    <mergeCell ref="V76:Z76"/>
    <mergeCell ref="AA76:AC76"/>
    <mergeCell ref="AF76:AG76"/>
    <mergeCell ref="AH76:AJ76"/>
    <mergeCell ref="C81:D81"/>
    <mergeCell ref="E81:T81"/>
    <mergeCell ref="V81:Z81"/>
    <mergeCell ref="AA81:AC81"/>
    <mergeCell ref="AF81:AG81"/>
    <mergeCell ref="AH81:AJ81"/>
    <mergeCell ref="C80:D80"/>
    <mergeCell ref="E80:T80"/>
    <mergeCell ref="V80:Z80"/>
    <mergeCell ref="AA80:AC80"/>
    <mergeCell ref="AF80:AG80"/>
    <mergeCell ref="AH80:AJ80"/>
    <mergeCell ref="C79:D79"/>
    <mergeCell ref="E79:T79"/>
    <mergeCell ref="V79:Z79"/>
    <mergeCell ref="AA79:AC79"/>
    <mergeCell ref="AF79:AG79"/>
    <mergeCell ref="AH79:AJ79"/>
    <mergeCell ref="C84:D84"/>
    <mergeCell ref="E84:T84"/>
    <mergeCell ref="V84:Z84"/>
    <mergeCell ref="AA84:AC84"/>
    <mergeCell ref="AF84:AG84"/>
    <mergeCell ref="AH84:AJ84"/>
    <mergeCell ref="C83:D83"/>
    <mergeCell ref="E83:T83"/>
    <mergeCell ref="V83:Z83"/>
    <mergeCell ref="AA83:AC83"/>
    <mergeCell ref="AF83:AG83"/>
    <mergeCell ref="AH83:AJ83"/>
    <mergeCell ref="C82:D82"/>
    <mergeCell ref="E82:T82"/>
    <mergeCell ref="V82:Z82"/>
    <mergeCell ref="AA82:AC82"/>
    <mergeCell ref="AF82:AG82"/>
    <mergeCell ref="AH82:AJ82"/>
    <mergeCell ref="C87:D87"/>
    <mergeCell ref="E87:T87"/>
    <mergeCell ref="V87:Z87"/>
    <mergeCell ref="AA87:AC87"/>
    <mergeCell ref="AF87:AG87"/>
    <mergeCell ref="AH87:AJ87"/>
    <mergeCell ref="C86:D86"/>
    <mergeCell ref="E86:T86"/>
    <mergeCell ref="V86:Z86"/>
    <mergeCell ref="AA86:AC86"/>
    <mergeCell ref="AF86:AG86"/>
    <mergeCell ref="AH86:AJ86"/>
    <mergeCell ref="C85:D85"/>
    <mergeCell ref="E85:T85"/>
    <mergeCell ref="V85:Z85"/>
    <mergeCell ref="AA85:AC85"/>
    <mergeCell ref="AF85:AG85"/>
    <mergeCell ref="AH85:AJ85"/>
    <mergeCell ref="C90:D90"/>
    <mergeCell ref="E90:T90"/>
    <mergeCell ref="V90:Z90"/>
    <mergeCell ref="AA90:AC90"/>
    <mergeCell ref="AF90:AG90"/>
    <mergeCell ref="AH90:AJ90"/>
    <mergeCell ref="C89:D89"/>
    <mergeCell ref="E89:T89"/>
    <mergeCell ref="V89:Z89"/>
    <mergeCell ref="AA89:AC89"/>
    <mergeCell ref="AF89:AG89"/>
    <mergeCell ref="AH89:AJ89"/>
    <mergeCell ref="C88:D88"/>
    <mergeCell ref="E88:T88"/>
    <mergeCell ref="V88:Z88"/>
    <mergeCell ref="AA88:AC88"/>
    <mergeCell ref="AF88:AG88"/>
    <mergeCell ref="AH88:AJ88"/>
    <mergeCell ref="C93:D93"/>
    <mergeCell ref="E93:T93"/>
    <mergeCell ref="V93:Z93"/>
    <mergeCell ref="AA93:AC93"/>
    <mergeCell ref="AF93:AG93"/>
    <mergeCell ref="AH93:AJ93"/>
    <mergeCell ref="C92:D92"/>
    <mergeCell ref="E92:T92"/>
    <mergeCell ref="V92:Z92"/>
    <mergeCell ref="AA92:AC92"/>
    <mergeCell ref="AF92:AG92"/>
    <mergeCell ref="AH92:AJ92"/>
    <mergeCell ref="C91:D91"/>
    <mergeCell ref="E91:T91"/>
    <mergeCell ref="V91:Z91"/>
    <mergeCell ref="AA91:AC91"/>
    <mergeCell ref="AF91:AG91"/>
    <mergeCell ref="AH91:AJ91"/>
    <mergeCell ref="C96:D96"/>
    <mergeCell ref="E96:T96"/>
    <mergeCell ref="V96:Z96"/>
    <mergeCell ref="AA96:AC96"/>
    <mergeCell ref="AF96:AG96"/>
    <mergeCell ref="AH96:AJ96"/>
    <mergeCell ref="C95:D95"/>
    <mergeCell ref="E95:T95"/>
    <mergeCell ref="V95:Z95"/>
    <mergeCell ref="AA95:AC95"/>
    <mergeCell ref="AF95:AG95"/>
    <mergeCell ref="AH95:AJ95"/>
    <mergeCell ref="C94:D94"/>
    <mergeCell ref="E94:T94"/>
    <mergeCell ref="V94:Z94"/>
    <mergeCell ref="AA94:AC94"/>
    <mergeCell ref="AF94:AG94"/>
    <mergeCell ref="AH94:AJ94"/>
    <mergeCell ref="C99:D99"/>
    <mergeCell ref="E99:T99"/>
    <mergeCell ref="V99:Z99"/>
    <mergeCell ref="AA99:AC99"/>
    <mergeCell ref="AF99:AG99"/>
    <mergeCell ref="AH99:AJ99"/>
    <mergeCell ref="C98:D98"/>
    <mergeCell ref="E98:T98"/>
    <mergeCell ref="V98:Z98"/>
    <mergeCell ref="AA98:AC98"/>
    <mergeCell ref="AF98:AG98"/>
    <mergeCell ref="AH98:AJ98"/>
    <mergeCell ref="C97:D97"/>
    <mergeCell ref="E97:T97"/>
    <mergeCell ref="V97:Z97"/>
    <mergeCell ref="AA97:AC97"/>
    <mergeCell ref="AF97:AG97"/>
    <mergeCell ref="AH97:AJ97"/>
    <mergeCell ref="C102:D102"/>
    <mergeCell ref="E102:T102"/>
    <mergeCell ref="V102:Z102"/>
    <mergeCell ref="AA102:AC102"/>
    <mergeCell ref="AF102:AG102"/>
    <mergeCell ref="AH102:AJ102"/>
    <mergeCell ref="C101:D101"/>
    <mergeCell ref="E101:T101"/>
    <mergeCell ref="V101:Z101"/>
    <mergeCell ref="AA101:AC101"/>
    <mergeCell ref="AF101:AG101"/>
    <mergeCell ref="AH101:AJ101"/>
    <mergeCell ref="C100:D100"/>
    <mergeCell ref="E100:T100"/>
    <mergeCell ref="V100:Z100"/>
    <mergeCell ref="AA100:AC100"/>
    <mergeCell ref="AF100:AG100"/>
    <mergeCell ref="AH100:AJ100"/>
    <mergeCell ref="C105:D105"/>
    <mergeCell ref="E105:T105"/>
    <mergeCell ref="V105:Z105"/>
    <mergeCell ref="AA105:AC105"/>
    <mergeCell ref="AF105:AG105"/>
    <mergeCell ref="AH105:AJ105"/>
    <mergeCell ref="C104:D104"/>
    <mergeCell ref="E104:T104"/>
    <mergeCell ref="V104:Z104"/>
    <mergeCell ref="AA104:AC104"/>
    <mergeCell ref="AF104:AG104"/>
    <mergeCell ref="AH104:AJ104"/>
    <mergeCell ref="C103:D103"/>
    <mergeCell ref="E103:T103"/>
    <mergeCell ref="V103:Z103"/>
    <mergeCell ref="AA103:AC103"/>
    <mergeCell ref="AF103:AG103"/>
    <mergeCell ref="AH103:AJ103"/>
    <mergeCell ref="C108:D108"/>
    <mergeCell ref="E108:T108"/>
    <mergeCell ref="V108:Z108"/>
    <mergeCell ref="AA108:AC108"/>
    <mergeCell ref="AF108:AG108"/>
    <mergeCell ref="AH108:AJ108"/>
    <mergeCell ref="C107:D107"/>
    <mergeCell ref="E107:T107"/>
    <mergeCell ref="V107:Z107"/>
    <mergeCell ref="AA107:AC107"/>
    <mergeCell ref="AF107:AG107"/>
    <mergeCell ref="AH107:AJ107"/>
    <mergeCell ref="C106:D106"/>
    <mergeCell ref="E106:T106"/>
    <mergeCell ref="V106:Z106"/>
    <mergeCell ref="AA106:AC106"/>
    <mergeCell ref="AF106:AG106"/>
    <mergeCell ref="AH106:AJ106"/>
    <mergeCell ref="C111:D111"/>
    <mergeCell ref="E111:T111"/>
    <mergeCell ref="V111:Z111"/>
    <mergeCell ref="AA111:AC111"/>
    <mergeCell ref="AF111:AG111"/>
    <mergeCell ref="AH111:AJ111"/>
    <mergeCell ref="C110:D110"/>
    <mergeCell ref="E110:T110"/>
    <mergeCell ref="V110:Z110"/>
    <mergeCell ref="AA110:AC110"/>
    <mergeCell ref="AF110:AG110"/>
    <mergeCell ref="AH110:AJ110"/>
    <mergeCell ref="C109:D109"/>
    <mergeCell ref="E109:T109"/>
    <mergeCell ref="V109:Z109"/>
    <mergeCell ref="AA109:AC109"/>
    <mergeCell ref="AF109:AG109"/>
    <mergeCell ref="AH109:AJ109"/>
    <mergeCell ref="AA114:AC114"/>
    <mergeCell ref="AA115:AC115"/>
    <mergeCell ref="C116:D117"/>
    <mergeCell ref="E116:T117"/>
    <mergeCell ref="V116:Z117"/>
    <mergeCell ref="AA116:AC117"/>
    <mergeCell ref="C113:D113"/>
    <mergeCell ref="E113:T113"/>
    <mergeCell ref="V113:Z113"/>
    <mergeCell ref="AA113:AC113"/>
    <mergeCell ref="AF113:AG113"/>
    <mergeCell ref="AH113:AJ113"/>
    <mergeCell ref="C112:D112"/>
    <mergeCell ref="E112:T112"/>
    <mergeCell ref="V112:Z112"/>
    <mergeCell ref="AA112:AC112"/>
    <mergeCell ref="AF112:AG112"/>
    <mergeCell ref="AH112:AJ112"/>
    <mergeCell ref="C120:D120"/>
    <mergeCell ref="E120:T120"/>
    <mergeCell ref="V120:Z120"/>
    <mergeCell ref="AA120:AC120"/>
    <mergeCell ref="AF120:AG120"/>
    <mergeCell ref="AH120:AJ120"/>
    <mergeCell ref="C119:D119"/>
    <mergeCell ref="E119:T119"/>
    <mergeCell ref="V119:Z119"/>
    <mergeCell ref="AA119:AC119"/>
    <mergeCell ref="AF119:AG119"/>
    <mergeCell ref="AH119:AJ119"/>
    <mergeCell ref="AD116:AE117"/>
    <mergeCell ref="AF116:AG117"/>
    <mergeCell ref="AH116:AJ117"/>
    <mergeCell ref="AK116:AK117"/>
    <mergeCell ref="C118:D118"/>
    <mergeCell ref="E118:T118"/>
    <mergeCell ref="V118:Z118"/>
    <mergeCell ref="AA118:AC118"/>
    <mergeCell ref="AF118:AG118"/>
    <mergeCell ref="AH118:AJ118"/>
    <mergeCell ref="C123:D123"/>
    <mergeCell ref="E123:T123"/>
    <mergeCell ref="V123:Z123"/>
    <mergeCell ref="AA123:AC123"/>
    <mergeCell ref="AF123:AG123"/>
    <mergeCell ref="AH123:AJ123"/>
    <mergeCell ref="C122:D122"/>
    <mergeCell ref="E122:T122"/>
    <mergeCell ref="V122:Z122"/>
    <mergeCell ref="AA122:AC122"/>
    <mergeCell ref="AF122:AG122"/>
    <mergeCell ref="AH122:AJ122"/>
    <mergeCell ref="C121:D121"/>
    <mergeCell ref="E121:T121"/>
    <mergeCell ref="V121:Z121"/>
    <mergeCell ref="AA121:AC121"/>
    <mergeCell ref="AF121:AG121"/>
    <mergeCell ref="AH121:AJ121"/>
    <mergeCell ref="C126:D126"/>
    <mergeCell ref="E126:T126"/>
    <mergeCell ref="V126:Z126"/>
    <mergeCell ref="AA126:AC126"/>
    <mergeCell ref="AF126:AG126"/>
    <mergeCell ref="AH126:AJ126"/>
    <mergeCell ref="C125:D125"/>
    <mergeCell ref="E125:T125"/>
    <mergeCell ref="V125:Z125"/>
    <mergeCell ref="AA125:AC125"/>
    <mergeCell ref="AF125:AG125"/>
    <mergeCell ref="AH125:AJ125"/>
    <mergeCell ref="C124:D124"/>
    <mergeCell ref="E124:T124"/>
    <mergeCell ref="V124:Z124"/>
    <mergeCell ref="AA124:AC124"/>
    <mergeCell ref="AF124:AG124"/>
    <mergeCell ref="AH124:AJ124"/>
    <mergeCell ref="C129:D129"/>
    <mergeCell ref="E129:T129"/>
    <mergeCell ref="V129:Z129"/>
    <mergeCell ref="AA129:AC129"/>
    <mergeCell ref="AF129:AG129"/>
    <mergeCell ref="AH129:AJ129"/>
    <mergeCell ref="C128:D128"/>
    <mergeCell ref="E128:T128"/>
    <mergeCell ref="V128:Z128"/>
    <mergeCell ref="AA128:AC128"/>
    <mergeCell ref="AF128:AG128"/>
    <mergeCell ref="AH128:AJ128"/>
    <mergeCell ref="C127:D127"/>
    <mergeCell ref="E127:T127"/>
    <mergeCell ref="V127:Z127"/>
    <mergeCell ref="AA127:AC127"/>
    <mergeCell ref="AF127:AG127"/>
    <mergeCell ref="AH127:AJ127"/>
    <mergeCell ref="C132:D132"/>
    <mergeCell ref="E132:T132"/>
    <mergeCell ref="V132:Z132"/>
    <mergeCell ref="AA132:AC132"/>
    <mergeCell ref="AF132:AG132"/>
    <mergeCell ref="AH132:AJ132"/>
    <mergeCell ref="C131:D131"/>
    <mergeCell ref="E131:T131"/>
    <mergeCell ref="V131:Z131"/>
    <mergeCell ref="AA131:AC131"/>
    <mergeCell ref="AF131:AG131"/>
    <mergeCell ref="AH131:AJ131"/>
    <mergeCell ref="C130:D130"/>
    <mergeCell ref="E130:T130"/>
    <mergeCell ref="V130:Z130"/>
    <mergeCell ref="AA130:AC130"/>
    <mergeCell ref="AF130:AG130"/>
    <mergeCell ref="AH130:AJ130"/>
    <mergeCell ref="C135:D135"/>
    <mergeCell ref="E135:T135"/>
    <mergeCell ref="V135:Z135"/>
    <mergeCell ref="AA135:AC135"/>
    <mergeCell ref="AF135:AG135"/>
    <mergeCell ref="AH135:AJ135"/>
    <mergeCell ref="C134:D134"/>
    <mergeCell ref="E134:T134"/>
    <mergeCell ref="V134:Z134"/>
    <mergeCell ref="AA134:AC134"/>
    <mergeCell ref="AF134:AG134"/>
    <mergeCell ref="AH134:AJ134"/>
    <mergeCell ref="C133:D133"/>
    <mergeCell ref="E133:T133"/>
    <mergeCell ref="V133:Z133"/>
    <mergeCell ref="AA133:AC133"/>
    <mergeCell ref="AF133:AG133"/>
    <mergeCell ref="AH133:AJ133"/>
    <mergeCell ref="C138:D138"/>
    <mergeCell ref="E138:T138"/>
    <mergeCell ref="V138:Z138"/>
    <mergeCell ref="AA138:AC138"/>
    <mergeCell ref="AF138:AG138"/>
    <mergeCell ref="AH138:AJ138"/>
    <mergeCell ref="C137:D137"/>
    <mergeCell ref="E137:T137"/>
    <mergeCell ref="V137:Z137"/>
    <mergeCell ref="AA137:AC137"/>
    <mergeCell ref="AF137:AG137"/>
    <mergeCell ref="AH137:AJ137"/>
    <mergeCell ref="C136:D136"/>
    <mergeCell ref="E136:T136"/>
    <mergeCell ref="V136:Z136"/>
    <mergeCell ref="AA136:AC136"/>
    <mergeCell ref="AF136:AG136"/>
    <mergeCell ref="AH136:AJ136"/>
    <mergeCell ref="C141:D141"/>
    <mergeCell ref="E141:T141"/>
    <mergeCell ref="V141:Z141"/>
    <mergeCell ref="AA141:AC141"/>
    <mergeCell ref="AF141:AG141"/>
    <mergeCell ref="AH141:AJ141"/>
    <mergeCell ref="C140:D140"/>
    <mergeCell ref="E140:T140"/>
    <mergeCell ref="V140:Z140"/>
    <mergeCell ref="AA140:AC140"/>
    <mergeCell ref="AF140:AG140"/>
    <mergeCell ref="AH140:AJ140"/>
    <mergeCell ref="C139:D139"/>
    <mergeCell ref="E139:T139"/>
    <mergeCell ref="V139:Z139"/>
    <mergeCell ref="AA139:AC139"/>
    <mergeCell ref="AF139:AG139"/>
    <mergeCell ref="AH139:AJ139"/>
    <mergeCell ref="C147:D147"/>
    <mergeCell ref="E147:T147"/>
    <mergeCell ref="V147:Z147"/>
    <mergeCell ref="AA147:AC147"/>
    <mergeCell ref="AF147:AG147"/>
    <mergeCell ref="AH147:AJ147"/>
    <mergeCell ref="AD144:AE145"/>
    <mergeCell ref="AF144:AG145"/>
    <mergeCell ref="AH144:AJ145"/>
    <mergeCell ref="AK144:AK145"/>
    <mergeCell ref="C146:D146"/>
    <mergeCell ref="E146:T146"/>
    <mergeCell ref="V146:Z146"/>
    <mergeCell ref="AA146:AC146"/>
    <mergeCell ref="AF146:AG146"/>
    <mergeCell ref="AH146:AJ146"/>
    <mergeCell ref="AA142:AC142"/>
    <mergeCell ref="AA143:AC143"/>
    <mergeCell ref="C144:D145"/>
    <mergeCell ref="E144:T145"/>
    <mergeCell ref="V144:Z145"/>
    <mergeCell ref="AA144:AC145"/>
    <mergeCell ref="C150:D150"/>
    <mergeCell ref="E150:T150"/>
    <mergeCell ref="V150:Z150"/>
    <mergeCell ref="AA150:AC150"/>
    <mergeCell ref="AF150:AG150"/>
    <mergeCell ref="AH150:AJ150"/>
    <mergeCell ref="C149:D149"/>
    <mergeCell ref="E149:T149"/>
    <mergeCell ref="V149:Z149"/>
    <mergeCell ref="AA149:AC149"/>
    <mergeCell ref="AF149:AG149"/>
    <mergeCell ref="AH149:AJ149"/>
    <mergeCell ref="C148:D148"/>
    <mergeCell ref="E148:T148"/>
    <mergeCell ref="V148:Z148"/>
    <mergeCell ref="AA148:AC148"/>
    <mergeCell ref="AF148:AG148"/>
    <mergeCell ref="AH148:AJ148"/>
    <mergeCell ref="C153:D153"/>
    <mergeCell ref="E153:T153"/>
    <mergeCell ref="V153:Z153"/>
    <mergeCell ref="AA153:AC153"/>
    <mergeCell ref="AF153:AG153"/>
    <mergeCell ref="AH153:AJ153"/>
    <mergeCell ref="C152:D152"/>
    <mergeCell ref="E152:T152"/>
    <mergeCell ref="V152:Z152"/>
    <mergeCell ref="AA152:AC152"/>
    <mergeCell ref="AF152:AG152"/>
    <mergeCell ref="AH152:AJ152"/>
    <mergeCell ref="C151:D151"/>
    <mergeCell ref="E151:T151"/>
    <mergeCell ref="V151:Z151"/>
    <mergeCell ref="AA151:AC151"/>
    <mergeCell ref="AF151:AG151"/>
    <mergeCell ref="AH151:AJ151"/>
    <mergeCell ref="C156:D156"/>
    <mergeCell ref="E156:T156"/>
    <mergeCell ref="V156:Z156"/>
    <mergeCell ref="AA156:AC156"/>
    <mergeCell ref="AF156:AG156"/>
    <mergeCell ref="AH156:AJ156"/>
    <mergeCell ref="C155:D155"/>
    <mergeCell ref="E155:T155"/>
    <mergeCell ref="V155:Z155"/>
    <mergeCell ref="AA155:AC155"/>
    <mergeCell ref="AF155:AG155"/>
    <mergeCell ref="AH155:AJ155"/>
    <mergeCell ref="C154:D154"/>
    <mergeCell ref="E154:T154"/>
    <mergeCell ref="V154:Z154"/>
    <mergeCell ref="AA154:AC154"/>
    <mergeCell ref="AF154:AG154"/>
    <mergeCell ref="AH154:AJ154"/>
    <mergeCell ref="C159:D159"/>
    <mergeCell ref="E159:T159"/>
    <mergeCell ref="V159:Z159"/>
    <mergeCell ref="AA159:AC159"/>
    <mergeCell ref="AF159:AG159"/>
    <mergeCell ref="AH159:AJ159"/>
    <mergeCell ref="C158:D158"/>
    <mergeCell ref="E158:T158"/>
    <mergeCell ref="V158:Z158"/>
    <mergeCell ref="AA158:AC158"/>
    <mergeCell ref="AF158:AG158"/>
    <mergeCell ref="AH158:AJ158"/>
    <mergeCell ref="C157:D157"/>
    <mergeCell ref="E157:T157"/>
    <mergeCell ref="V157:Z157"/>
    <mergeCell ref="AA157:AC157"/>
    <mergeCell ref="AF157:AG157"/>
    <mergeCell ref="AH157:AJ157"/>
    <mergeCell ref="C162:D162"/>
    <mergeCell ref="E162:T162"/>
    <mergeCell ref="V162:Z162"/>
    <mergeCell ref="AA162:AC162"/>
    <mergeCell ref="AF162:AG162"/>
    <mergeCell ref="AH162:AJ162"/>
    <mergeCell ref="C161:D161"/>
    <mergeCell ref="E161:T161"/>
    <mergeCell ref="V161:Z161"/>
    <mergeCell ref="AA161:AC161"/>
    <mergeCell ref="AF161:AG161"/>
    <mergeCell ref="AH161:AJ161"/>
    <mergeCell ref="C160:D160"/>
    <mergeCell ref="E160:T160"/>
    <mergeCell ref="V160:Z160"/>
    <mergeCell ref="AA160:AC160"/>
    <mergeCell ref="AF160:AG160"/>
    <mergeCell ref="AH160:AJ160"/>
    <mergeCell ref="C165:D165"/>
    <mergeCell ref="E165:T165"/>
    <mergeCell ref="V165:Z165"/>
    <mergeCell ref="AA165:AC165"/>
    <mergeCell ref="AF165:AG165"/>
    <mergeCell ref="AH165:AJ165"/>
    <mergeCell ref="C164:D164"/>
    <mergeCell ref="E164:T164"/>
    <mergeCell ref="V164:Z164"/>
    <mergeCell ref="AA164:AC164"/>
    <mergeCell ref="AF164:AG164"/>
    <mergeCell ref="AH164:AJ164"/>
    <mergeCell ref="C163:D163"/>
    <mergeCell ref="E163:T163"/>
    <mergeCell ref="V163:Z163"/>
    <mergeCell ref="AA163:AC163"/>
    <mergeCell ref="AF163:AG163"/>
    <mergeCell ref="AH163:AJ163"/>
    <mergeCell ref="C171:D171"/>
    <mergeCell ref="E171:T171"/>
    <mergeCell ref="V171:Z171"/>
    <mergeCell ref="AA171:AC171"/>
    <mergeCell ref="AF171:AG171"/>
    <mergeCell ref="AH171:AJ171"/>
    <mergeCell ref="AD168:AE169"/>
    <mergeCell ref="AF168:AG169"/>
    <mergeCell ref="AH168:AJ169"/>
    <mergeCell ref="AK168:AK169"/>
    <mergeCell ref="C170:D170"/>
    <mergeCell ref="E170:T170"/>
    <mergeCell ref="V170:Z170"/>
    <mergeCell ref="AA170:AC170"/>
    <mergeCell ref="AF170:AG170"/>
    <mergeCell ref="AH170:AJ170"/>
    <mergeCell ref="AA166:AC166"/>
    <mergeCell ref="AA167:AC167"/>
    <mergeCell ref="C168:D169"/>
    <mergeCell ref="E168:T169"/>
    <mergeCell ref="V168:Z169"/>
    <mergeCell ref="AA168:AC169"/>
    <mergeCell ref="C174:D174"/>
    <mergeCell ref="E174:T174"/>
    <mergeCell ref="V174:Z174"/>
    <mergeCell ref="AA174:AC174"/>
    <mergeCell ref="AF174:AG174"/>
    <mergeCell ref="AH174:AJ174"/>
    <mergeCell ref="C173:D173"/>
    <mergeCell ref="E173:T173"/>
    <mergeCell ref="V173:Z173"/>
    <mergeCell ref="AA173:AC173"/>
    <mergeCell ref="AF173:AG173"/>
    <mergeCell ref="AH173:AJ173"/>
    <mergeCell ref="C172:D172"/>
    <mergeCell ref="E172:T172"/>
    <mergeCell ref="V172:Z172"/>
    <mergeCell ref="AA172:AC172"/>
    <mergeCell ref="AF172:AG172"/>
    <mergeCell ref="AH172:AJ172"/>
    <mergeCell ref="C177:D177"/>
    <mergeCell ref="E177:T177"/>
    <mergeCell ref="V177:Z177"/>
    <mergeCell ref="AA177:AC177"/>
    <mergeCell ref="AF177:AG177"/>
    <mergeCell ref="AH177:AJ177"/>
    <mergeCell ref="C176:D176"/>
    <mergeCell ref="E176:T176"/>
    <mergeCell ref="V176:Z176"/>
    <mergeCell ref="AA176:AC176"/>
    <mergeCell ref="AF176:AG176"/>
    <mergeCell ref="AH176:AJ176"/>
    <mergeCell ref="C175:D175"/>
    <mergeCell ref="E175:T175"/>
    <mergeCell ref="V175:Z175"/>
    <mergeCell ref="AA175:AC175"/>
    <mergeCell ref="AF175:AG175"/>
    <mergeCell ref="AH175:AJ175"/>
    <mergeCell ref="C180:D180"/>
    <mergeCell ref="E180:T180"/>
    <mergeCell ref="V180:Z180"/>
    <mergeCell ref="AA180:AC180"/>
    <mergeCell ref="AF180:AG180"/>
    <mergeCell ref="AH180:AJ180"/>
    <mergeCell ref="C179:D179"/>
    <mergeCell ref="E179:T179"/>
    <mergeCell ref="V179:Z179"/>
    <mergeCell ref="AA179:AC179"/>
    <mergeCell ref="AF179:AG179"/>
    <mergeCell ref="AH179:AJ179"/>
    <mergeCell ref="C178:D178"/>
    <mergeCell ref="E178:T178"/>
    <mergeCell ref="V178:Z178"/>
    <mergeCell ref="AA178:AC178"/>
    <mergeCell ref="AF178:AG178"/>
    <mergeCell ref="AH178:AJ178"/>
    <mergeCell ref="C183:D183"/>
    <mergeCell ref="E183:T183"/>
    <mergeCell ref="V183:Z183"/>
    <mergeCell ref="AA183:AC183"/>
    <mergeCell ref="AF183:AG183"/>
    <mergeCell ref="AH183:AJ183"/>
    <mergeCell ref="C182:D182"/>
    <mergeCell ref="E182:T182"/>
    <mergeCell ref="V182:Z182"/>
    <mergeCell ref="AA182:AC182"/>
    <mergeCell ref="AF182:AG182"/>
    <mergeCell ref="AH182:AJ182"/>
    <mergeCell ref="C181:D181"/>
    <mergeCell ref="E181:T181"/>
    <mergeCell ref="V181:Z181"/>
    <mergeCell ref="AA181:AC181"/>
    <mergeCell ref="AF181:AG181"/>
    <mergeCell ref="AH181:AJ181"/>
    <mergeCell ref="AA186:AC186"/>
    <mergeCell ref="AA187:AC187"/>
    <mergeCell ref="C188:D189"/>
    <mergeCell ref="E188:T189"/>
    <mergeCell ref="V188:Z189"/>
    <mergeCell ref="AA188:AC189"/>
    <mergeCell ref="C185:D185"/>
    <mergeCell ref="E185:T185"/>
    <mergeCell ref="V185:Z185"/>
    <mergeCell ref="AA185:AC185"/>
    <mergeCell ref="AF185:AG185"/>
    <mergeCell ref="AH185:AJ185"/>
    <mergeCell ref="C184:D184"/>
    <mergeCell ref="E184:T184"/>
    <mergeCell ref="V184:Z184"/>
    <mergeCell ref="AA184:AC184"/>
    <mergeCell ref="AF184:AG184"/>
    <mergeCell ref="AH184:AJ184"/>
    <mergeCell ref="C192:D192"/>
    <mergeCell ref="E192:T192"/>
    <mergeCell ref="V192:Z192"/>
    <mergeCell ref="AA192:AC192"/>
    <mergeCell ref="AF192:AG192"/>
    <mergeCell ref="AH192:AJ192"/>
    <mergeCell ref="C191:D191"/>
    <mergeCell ref="E191:T191"/>
    <mergeCell ref="V191:Z191"/>
    <mergeCell ref="AA191:AC191"/>
    <mergeCell ref="AF191:AG191"/>
    <mergeCell ref="AH191:AJ191"/>
    <mergeCell ref="AD188:AE189"/>
    <mergeCell ref="AF188:AG189"/>
    <mergeCell ref="AH188:AJ189"/>
    <mergeCell ref="AK188:AK189"/>
    <mergeCell ref="C190:D190"/>
    <mergeCell ref="E190:T190"/>
    <mergeCell ref="V190:Z190"/>
    <mergeCell ref="AA190:AC190"/>
    <mergeCell ref="AF190:AG190"/>
    <mergeCell ref="AH190:AJ190"/>
    <mergeCell ref="C195:D195"/>
    <mergeCell ref="E195:T195"/>
    <mergeCell ref="V195:Z195"/>
    <mergeCell ref="AA195:AC195"/>
    <mergeCell ref="AF195:AG195"/>
    <mergeCell ref="AH195:AJ195"/>
    <mergeCell ref="C194:D194"/>
    <mergeCell ref="E194:T194"/>
    <mergeCell ref="V194:Z194"/>
    <mergeCell ref="AA194:AC194"/>
    <mergeCell ref="AF194:AG194"/>
    <mergeCell ref="AH194:AJ194"/>
    <mergeCell ref="C193:D193"/>
    <mergeCell ref="E193:T193"/>
    <mergeCell ref="V193:Z193"/>
    <mergeCell ref="AA193:AC193"/>
    <mergeCell ref="AF193:AG193"/>
    <mergeCell ref="AH193:AJ193"/>
    <mergeCell ref="C198:D198"/>
    <mergeCell ref="E198:T198"/>
    <mergeCell ref="V198:Z198"/>
    <mergeCell ref="AA198:AC198"/>
    <mergeCell ref="AF198:AG198"/>
    <mergeCell ref="AH198:AJ198"/>
    <mergeCell ref="C197:D197"/>
    <mergeCell ref="E197:T197"/>
    <mergeCell ref="V197:Z197"/>
    <mergeCell ref="AA197:AC197"/>
    <mergeCell ref="AF197:AG197"/>
    <mergeCell ref="AH197:AJ197"/>
    <mergeCell ref="C196:D196"/>
    <mergeCell ref="E196:T196"/>
    <mergeCell ref="V196:Z196"/>
    <mergeCell ref="AA196:AC196"/>
    <mergeCell ref="AF196:AG196"/>
    <mergeCell ref="AH196:AJ196"/>
    <mergeCell ref="AA201:AC201"/>
    <mergeCell ref="AA202:AC202"/>
    <mergeCell ref="C203:D204"/>
    <mergeCell ref="E203:T204"/>
    <mergeCell ref="V203:Z204"/>
    <mergeCell ref="AA203:AC204"/>
    <mergeCell ref="C200:D200"/>
    <mergeCell ref="E200:T200"/>
    <mergeCell ref="V200:Z200"/>
    <mergeCell ref="AA200:AC200"/>
    <mergeCell ref="AF200:AG200"/>
    <mergeCell ref="AH200:AJ200"/>
    <mergeCell ref="C199:D199"/>
    <mergeCell ref="E199:T199"/>
    <mergeCell ref="V199:Z199"/>
    <mergeCell ref="AA199:AC199"/>
    <mergeCell ref="AF199:AG199"/>
    <mergeCell ref="AH199:AJ199"/>
    <mergeCell ref="C207:D207"/>
    <mergeCell ref="E207:T207"/>
    <mergeCell ref="V207:Z207"/>
    <mergeCell ref="AA207:AC207"/>
    <mergeCell ref="AF207:AG207"/>
    <mergeCell ref="AH207:AJ207"/>
    <mergeCell ref="C206:D206"/>
    <mergeCell ref="E206:T206"/>
    <mergeCell ref="V206:Z206"/>
    <mergeCell ref="AA206:AC206"/>
    <mergeCell ref="AF206:AG206"/>
    <mergeCell ref="AH206:AJ206"/>
    <mergeCell ref="AD203:AE204"/>
    <mergeCell ref="AF203:AG204"/>
    <mergeCell ref="AH203:AJ204"/>
    <mergeCell ref="AK203:AK204"/>
    <mergeCell ref="C205:D205"/>
    <mergeCell ref="E205:T205"/>
    <mergeCell ref="V205:Z205"/>
    <mergeCell ref="AA205:AC205"/>
    <mergeCell ref="AF205:AG205"/>
    <mergeCell ref="AH205:AJ205"/>
    <mergeCell ref="C210:D210"/>
    <mergeCell ref="E210:T210"/>
    <mergeCell ref="V210:Z210"/>
    <mergeCell ref="AA210:AC210"/>
    <mergeCell ref="AF210:AG210"/>
    <mergeCell ref="AH210:AJ210"/>
    <mergeCell ref="C209:D209"/>
    <mergeCell ref="E209:T209"/>
    <mergeCell ref="V209:Z209"/>
    <mergeCell ref="AA209:AC209"/>
    <mergeCell ref="AF209:AG209"/>
    <mergeCell ref="AH209:AJ209"/>
    <mergeCell ref="C208:D208"/>
    <mergeCell ref="E208:T208"/>
    <mergeCell ref="V208:Z208"/>
    <mergeCell ref="AA208:AC208"/>
    <mergeCell ref="AF208:AG208"/>
    <mergeCell ref="AH208:AJ208"/>
    <mergeCell ref="C213:D213"/>
    <mergeCell ref="E213:T213"/>
    <mergeCell ref="V213:Z213"/>
    <mergeCell ref="AA213:AC213"/>
    <mergeCell ref="AF213:AG213"/>
    <mergeCell ref="AH213:AJ213"/>
    <mergeCell ref="C212:D212"/>
    <mergeCell ref="E212:T212"/>
    <mergeCell ref="V212:Z212"/>
    <mergeCell ref="AA212:AC212"/>
    <mergeCell ref="AF212:AG212"/>
    <mergeCell ref="AH212:AJ212"/>
    <mergeCell ref="C211:D211"/>
    <mergeCell ref="E211:T211"/>
    <mergeCell ref="V211:Z211"/>
    <mergeCell ref="AA211:AC211"/>
    <mergeCell ref="AF211:AG211"/>
    <mergeCell ref="AH211:AJ211"/>
    <mergeCell ref="C216:D216"/>
    <mergeCell ref="E216:T216"/>
    <mergeCell ref="V216:Z216"/>
    <mergeCell ref="AA216:AC216"/>
    <mergeCell ref="AF216:AG216"/>
    <mergeCell ref="AH216:AJ216"/>
    <mergeCell ref="C215:D215"/>
    <mergeCell ref="E215:T215"/>
    <mergeCell ref="V215:Z215"/>
    <mergeCell ref="AA215:AC215"/>
    <mergeCell ref="AF215:AG215"/>
    <mergeCell ref="AH215:AJ215"/>
    <mergeCell ref="C214:D214"/>
    <mergeCell ref="E214:T214"/>
    <mergeCell ref="V214:Z214"/>
    <mergeCell ref="AA214:AC214"/>
    <mergeCell ref="AF214:AG214"/>
    <mergeCell ref="AH214:AJ214"/>
    <mergeCell ref="AA219:AC219"/>
    <mergeCell ref="AA220:AC220"/>
    <mergeCell ref="C221:D222"/>
    <mergeCell ref="E221:T222"/>
    <mergeCell ref="V221:Z222"/>
    <mergeCell ref="AA221:AC222"/>
    <mergeCell ref="C218:D218"/>
    <mergeCell ref="E218:T218"/>
    <mergeCell ref="V218:Z218"/>
    <mergeCell ref="AA218:AC218"/>
    <mergeCell ref="AF218:AG218"/>
    <mergeCell ref="AH218:AJ218"/>
    <mergeCell ref="C217:D217"/>
    <mergeCell ref="E217:T217"/>
    <mergeCell ref="V217:Z217"/>
    <mergeCell ref="AA217:AC217"/>
    <mergeCell ref="AF217:AG217"/>
    <mergeCell ref="AH217:AJ217"/>
    <mergeCell ref="C225:D225"/>
    <mergeCell ref="E225:T225"/>
    <mergeCell ref="V225:Z225"/>
    <mergeCell ref="AA225:AC225"/>
    <mergeCell ref="AF225:AG225"/>
    <mergeCell ref="AH225:AJ225"/>
    <mergeCell ref="C224:D224"/>
    <mergeCell ref="E224:T224"/>
    <mergeCell ref="V224:Z224"/>
    <mergeCell ref="AA224:AC224"/>
    <mergeCell ref="AF224:AG224"/>
    <mergeCell ref="AH224:AJ224"/>
    <mergeCell ref="AD221:AE222"/>
    <mergeCell ref="AF221:AG222"/>
    <mergeCell ref="AH221:AJ222"/>
    <mergeCell ref="AK221:AK222"/>
    <mergeCell ref="C223:D223"/>
    <mergeCell ref="E223:T223"/>
    <mergeCell ref="V223:Z223"/>
    <mergeCell ref="AA223:AC223"/>
    <mergeCell ref="AF223:AG223"/>
    <mergeCell ref="AH223:AJ223"/>
    <mergeCell ref="C228:D228"/>
    <mergeCell ref="E228:T228"/>
    <mergeCell ref="V228:Z228"/>
    <mergeCell ref="AA228:AC228"/>
    <mergeCell ref="AF228:AG228"/>
    <mergeCell ref="AH228:AJ228"/>
    <mergeCell ref="C227:D227"/>
    <mergeCell ref="E227:T227"/>
    <mergeCell ref="V227:Z227"/>
    <mergeCell ref="AA227:AC227"/>
    <mergeCell ref="AF227:AG227"/>
    <mergeCell ref="AH227:AJ227"/>
    <mergeCell ref="C226:D226"/>
    <mergeCell ref="E226:T226"/>
    <mergeCell ref="V226:Z226"/>
    <mergeCell ref="AA226:AC226"/>
    <mergeCell ref="AF226:AG226"/>
    <mergeCell ref="AH226:AJ226"/>
    <mergeCell ref="C231:D231"/>
    <mergeCell ref="E231:T231"/>
    <mergeCell ref="V231:Z231"/>
    <mergeCell ref="AA231:AC231"/>
    <mergeCell ref="AF231:AG231"/>
    <mergeCell ref="AH231:AJ231"/>
    <mergeCell ref="C230:D230"/>
    <mergeCell ref="E230:T230"/>
    <mergeCell ref="V230:Z230"/>
    <mergeCell ref="AA230:AC230"/>
    <mergeCell ref="AF230:AG230"/>
    <mergeCell ref="AH230:AJ230"/>
    <mergeCell ref="C229:D229"/>
    <mergeCell ref="E229:T229"/>
    <mergeCell ref="V229:Z229"/>
    <mergeCell ref="AA229:AC229"/>
    <mergeCell ref="AF229:AG229"/>
    <mergeCell ref="AH229:AJ229"/>
    <mergeCell ref="C234:D234"/>
    <mergeCell ref="E234:T234"/>
    <mergeCell ref="V234:Z234"/>
    <mergeCell ref="AA234:AC234"/>
    <mergeCell ref="AF234:AG234"/>
    <mergeCell ref="AH234:AJ234"/>
    <mergeCell ref="C233:D233"/>
    <mergeCell ref="E233:T233"/>
    <mergeCell ref="V233:Z233"/>
    <mergeCell ref="AA233:AC233"/>
    <mergeCell ref="AF233:AG233"/>
    <mergeCell ref="AH233:AJ233"/>
    <mergeCell ref="C232:D232"/>
    <mergeCell ref="E232:T232"/>
    <mergeCell ref="V232:Z232"/>
    <mergeCell ref="AA232:AC232"/>
    <mergeCell ref="AF232:AG232"/>
    <mergeCell ref="AH232:AJ232"/>
    <mergeCell ref="C237:D237"/>
    <mergeCell ref="E237:T237"/>
    <mergeCell ref="V237:Z237"/>
    <mergeCell ref="AA237:AC237"/>
    <mergeCell ref="AF237:AG237"/>
    <mergeCell ref="AH237:AJ237"/>
    <mergeCell ref="C236:D236"/>
    <mergeCell ref="E236:T236"/>
    <mergeCell ref="V236:Z236"/>
    <mergeCell ref="AA236:AC236"/>
    <mergeCell ref="AF236:AG236"/>
    <mergeCell ref="AH236:AJ236"/>
    <mergeCell ref="C235:D235"/>
    <mergeCell ref="E235:T235"/>
    <mergeCell ref="V235:Z235"/>
    <mergeCell ref="AA235:AC235"/>
    <mergeCell ref="AF235:AG235"/>
    <mergeCell ref="AH235:AJ235"/>
    <mergeCell ref="C240:D240"/>
    <mergeCell ref="E240:T240"/>
    <mergeCell ref="V240:Z240"/>
    <mergeCell ref="AA240:AC240"/>
    <mergeCell ref="AF240:AG240"/>
    <mergeCell ref="AH240:AJ240"/>
    <mergeCell ref="C239:D239"/>
    <mergeCell ref="E239:T239"/>
    <mergeCell ref="V239:Z239"/>
    <mergeCell ref="AA239:AC239"/>
    <mergeCell ref="AF239:AG239"/>
    <mergeCell ref="AH239:AJ239"/>
    <mergeCell ref="C238:D238"/>
    <mergeCell ref="E238:T238"/>
    <mergeCell ref="V238:Z238"/>
    <mergeCell ref="AA238:AC238"/>
    <mergeCell ref="AF238:AG238"/>
    <mergeCell ref="AH238:AJ238"/>
    <mergeCell ref="AD244:AE245"/>
    <mergeCell ref="AF244:AG245"/>
    <mergeCell ref="AH244:AJ245"/>
    <mergeCell ref="AK244:AK245"/>
    <mergeCell ref="C246:D246"/>
    <mergeCell ref="E246:T246"/>
    <mergeCell ref="V246:Z246"/>
    <mergeCell ref="AA246:AC246"/>
    <mergeCell ref="AF246:AG246"/>
    <mergeCell ref="AH246:AJ246"/>
    <mergeCell ref="AA242:AC242"/>
    <mergeCell ref="AA243:AC243"/>
    <mergeCell ref="C244:D245"/>
    <mergeCell ref="E244:T245"/>
    <mergeCell ref="V244:Z245"/>
    <mergeCell ref="AA244:AC245"/>
    <mergeCell ref="C241:D241"/>
    <mergeCell ref="E241:T241"/>
    <mergeCell ref="V241:Z241"/>
    <mergeCell ref="AA241:AC241"/>
    <mergeCell ref="AF241:AG241"/>
    <mergeCell ref="AH241:AJ241"/>
    <mergeCell ref="C249:D249"/>
    <mergeCell ref="E249:T249"/>
    <mergeCell ref="V249:Z249"/>
    <mergeCell ref="AA249:AC249"/>
    <mergeCell ref="AF249:AG249"/>
    <mergeCell ref="AH249:AJ249"/>
    <mergeCell ref="C248:D248"/>
    <mergeCell ref="E248:T248"/>
    <mergeCell ref="V248:Z248"/>
    <mergeCell ref="AA248:AC248"/>
    <mergeCell ref="AF248:AG248"/>
    <mergeCell ref="AH248:AJ248"/>
    <mergeCell ref="C247:D247"/>
    <mergeCell ref="E247:T247"/>
    <mergeCell ref="V247:Z247"/>
    <mergeCell ref="AA247:AC247"/>
    <mergeCell ref="AF247:AG247"/>
    <mergeCell ref="AH247:AJ247"/>
    <mergeCell ref="C252:D252"/>
    <mergeCell ref="E252:T252"/>
    <mergeCell ref="V252:Z252"/>
    <mergeCell ref="AA252:AC252"/>
    <mergeCell ref="AF252:AG252"/>
    <mergeCell ref="AH252:AJ252"/>
    <mergeCell ref="C251:D251"/>
    <mergeCell ref="E251:T251"/>
    <mergeCell ref="V251:Z251"/>
    <mergeCell ref="AA251:AC251"/>
    <mergeCell ref="AF251:AG251"/>
    <mergeCell ref="AH251:AJ251"/>
    <mergeCell ref="C250:D250"/>
    <mergeCell ref="E250:T250"/>
    <mergeCell ref="V250:Z250"/>
    <mergeCell ref="AA250:AC250"/>
    <mergeCell ref="AF250:AG250"/>
    <mergeCell ref="AH250:AJ250"/>
    <mergeCell ref="C255:D255"/>
    <mergeCell ref="E255:T255"/>
    <mergeCell ref="V255:Z255"/>
    <mergeCell ref="AA255:AC255"/>
    <mergeCell ref="AF255:AG255"/>
    <mergeCell ref="AH255:AJ255"/>
    <mergeCell ref="C254:D254"/>
    <mergeCell ref="E254:T254"/>
    <mergeCell ref="V254:Z254"/>
    <mergeCell ref="AA254:AC254"/>
    <mergeCell ref="AF254:AG254"/>
    <mergeCell ref="AH254:AJ254"/>
    <mergeCell ref="C253:D253"/>
    <mergeCell ref="E253:T253"/>
    <mergeCell ref="V253:Z253"/>
    <mergeCell ref="AA253:AC253"/>
    <mergeCell ref="AF253:AG253"/>
    <mergeCell ref="AH253:AJ253"/>
    <mergeCell ref="C258:D258"/>
    <mergeCell ref="E258:T258"/>
    <mergeCell ref="V258:Z258"/>
    <mergeCell ref="AA258:AC258"/>
    <mergeCell ref="AF258:AG258"/>
    <mergeCell ref="AH258:AJ258"/>
    <mergeCell ref="C257:D257"/>
    <mergeCell ref="E257:T257"/>
    <mergeCell ref="V257:Z257"/>
    <mergeCell ref="AA257:AC257"/>
    <mergeCell ref="AF257:AG257"/>
    <mergeCell ref="AH257:AJ257"/>
    <mergeCell ref="C256:D256"/>
    <mergeCell ref="E256:T256"/>
    <mergeCell ref="V256:Z256"/>
    <mergeCell ref="AA256:AC256"/>
    <mergeCell ref="AF256:AG256"/>
    <mergeCell ref="AH256:AJ256"/>
    <mergeCell ref="C261:D261"/>
    <mergeCell ref="E261:T261"/>
    <mergeCell ref="V261:Z261"/>
    <mergeCell ref="AA261:AC261"/>
    <mergeCell ref="AF261:AG261"/>
    <mergeCell ref="AH261:AJ261"/>
    <mergeCell ref="C260:D260"/>
    <mergeCell ref="E260:T260"/>
    <mergeCell ref="V260:Z260"/>
    <mergeCell ref="AA260:AC260"/>
    <mergeCell ref="AF260:AG260"/>
    <mergeCell ref="AH260:AJ260"/>
    <mergeCell ref="C259:D259"/>
    <mergeCell ref="E259:T259"/>
    <mergeCell ref="V259:Z259"/>
    <mergeCell ref="AA259:AC259"/>
    <mergeCell ref="AF259:AG259"/>
    <mergeCell ref="AH259:AJ259"/>
    <mergeCell ref="AD265:AE266"/>
    <mergeCell ref="AF265:AG266"/>
    <mergeCell ref="AH265:AJ266"/>
    <mergeCell ref="AK265:AK266"/>
    <mergeCell ref="C267:D267"/>
    <mergeCell ref="E267:T267"/>
    <mergeCell ref="V267:Z267"/>
    <mergeCell ref="AA267:AC267"/>
    <mergeCell ref="AF267:AG267"/>
    <mergeCell ref="AH267:AJ267"/>
    <mergeCell ref="AA263:AC263"/>
    <mergeCell ref="AA264:AC264"/>
    <mergeCell ref="C265:D266"/>
    <mergeCell ref="E265:T266"/>
    <mergeCell ref="V265:Z266"/>
    <mergeCell ref="AA265:AC266"/>
    <mergeCell ref="C262:D262"/>
    <mergeCell ref="E262:T262"/>
    <mergeCell ref="V262:Z262"/>
    <mergeCell ref="AA262:AC262"/>
    <mergeCell ref="AF262:AG262"/>
    <mergeCell ref="AH262:AJ262"/>
    <mergeCell ref="C270:D270"/>
    <mergeCell ref="E270:T270"/>
    <mergeCell ref="V270:Z270"/>
    <mergeCell ref="AA270:AC270"/>
    <mergeCell ref="AF270:AG270"/>
    <mergeCell ref="AH270:AJ270"/>
    <mergeCell ref="C269:D269"/>
    <mergeCell ref="E269:T269"/>
    <mergeCell ref="V269:Z269"/>
    <mergeCell ref="AA269:AC269"/>
    <mergeCell ref="AF269:AG269"/>
    <mergeCell ref="AH269:AJ269"/>
    <mergeCell ref="C268:D268"/>
    <mergeCell ref="E268:T268"/>
    <mergeCell ref="V268:Z268"/>
    <mergeCell ref="AA268:AC268"/>
    <mergeCell ref="AF268:AG268"/>
    <mergeCell ref="AH268:AJ268"/>
    <mergeCell ref="C273:D273"/>
    <mergeCell ref="E273:T273"/>
    <mergeCell ref="V273:Z273"/>
    <mergeCell ref="AA273:AC273"/>
    <mergeCell ref="AF273:AG273"/>
    <mergeCell ref="AH273:AJ273"/>
    <mergeCell ref="C272:D272"/>
    <mergeCell ref="E272:T272"/>
    <mergeCell ref="V272:Z272"/>
    <mergeCell ref="AA272:AC272"/>
    <mergeCell ref="AF272:AG272"/>
    <mergeCell ref="AH272:AJ272"/>
    <mergeCell ref="C271:D271"/>
    <mergeCell ref="E271:T271"/>
    <mergeCell ref="V271:Z271"/>
    <mergeCell ref="AA271:AC271"/>
    <mergeCell ref="AF271:AG271"/>
    <mergeCell ref="AH271:AJ271"/>
    <mergeCell ref="C276:D276"/>
    <mergeCell ref="E276:T276"/>
    <mergeCell ref="V276:Z276"/>
    <mergeCell ref="AA276:AC276"/>
    <mergeCell ref="AF276:AG276"/>
    <mergeCell ref="AH276:AJ276"/>
    <mergeCell ref="C275:D275"/>
    <mergeCell ref="E275:T275"/>
    <mergeCell ref="V275:Z275"/>
    <mergeCell ref="AA275:AC275"/>
    <mergeCell ref="AF275:AG275"/>
    <mergeCell ref="AH275:AJ275"/>
    <mergeCell ref="C274:D274"/>
    <mergeCell ref="E274:T274"/>
    <mergeCell ref="V274:Z274"/>
    <mergeCell ref="AA274:AC274"/>
    <mergeCell ref="AF274:AG274"/>
    <mergeCell ref="AH274:AJ274"/>
    <mergeCell ref="C279:D279"/>
    <mergeCell ref="E279:T279"/>
    <mergeCell ref="V279:Z279"/>
    <mergeCell ref="AA279:AC279"/>
    <mergeCell ref="AF279:AG279"/>
    <mergeCell ref="AH279:AJ279"/>
    <mergeCell ref="C278:D278"/>
    <mergeCell ref="E278:T278"/>
    <mergeCell ref="V278:Z278"/>
    <mergeCell ref="AA278:AC278"/>
    <mergeCell ref="AF278:AG278"/>
    <mergeCell ref="AH278:AJ278"/>
    <mergeCell ref="C277:D277"/>
    <mergeCell ref="E277:T277"/>
    <mergeCell ref="V277:Z277"/>
    <mergeCell ref="AA277:AC277"/>
    <mergeCell ref="AF277:AG277"/>
    <mergeCell ref="AH277:AJ277"/>
    <mergeCell ref="C282:D282"/>
    <mergeCell ref="E282:T282"/>
    <mergeCell ref="V282:Z282"/>
    <mergeCell ref="AA282:AC282"/>
    <mergeCell ref="AF282:AG282"/>
    <mergeCell ref="AH282:AJ282"/>
    <mergeCell ref="C281:D281"/>
    <mergeCell ref="E281:T281"/>
    <mergeCell ref="V281:Z281"/>
    <mergeCell ref="AA281:AC281"/>
    <mergeCell ref="AF281:AG281"/>
    <mergeCell ref="AH281:AJ281"/>
    <mergeCell ref="C280:D280"/>
    <mergeCell ref="E280:T280"/>
    <mergeCell ref="V280:Z280"/>
    <mergeCell ref="AA280:AC280"/>
    <mergeCell ref="AF280:AG280"/>
    <mergeCell ref="AH280:AJ280"/>
    <mergeCell ref="C285:D285"/>
    <mergeCell ref="E285:T285"/>
    <mergeCell ref="V285:Z285"/>
    <mergeCell ref="AA285:AC285"/>
    <mergeCell ref="AF285:AG285"/>
    <mergeCell ref="AH285:AJ285"/>
    <mergeCell ref="C284:D284"/>
    <mergeCell ref="E284:T284"/>
    <mergeCell ref="V284:Z284"/>
    <mergeCell ref="AA284:AC284"/>
    <mergeCell ref="AF284:AG284"/>
    <mergeCell ref="AH284:AJ284"/>
    <mergeCell ref="C283:D283"/>
    <mergeCell ref="E283:T283"/>
    <mergeCell ref="V283:Z283"/>
    <mergeCell ref="AA283:AC283"/>
    <mergeCell ref="AF283:AG283"/>
    <mergeCell ref="AH283:AJ283"/>
    <mergeCell ref="C288:D288"/>
    <mergeCell ref="E288:T288"/>
    <mergeCell ref="V288:Z288"/>
    <mergeCell ref="AA288:AC288"/>
    <mergeCell ref="AF288:AG288"/>
    <mergeCell ref="AH288:AJ288"/>
    <mergeCell ref="C287:D287"/>
    <mergeCell ref="E287:T287"/>
    <mergeCell ref="V287:Z287"/>
    <mergeCell ref="AA287:AC287"/>
    <mergeCell ref="AF287:AG287"/>
    <mergeCell ref="AH287:AJ287"/>
    <mergeCell ref="C286:D286"/>
    <mergeCell ref="E286:T286"/>
    <mergeCell ref="V286:Z286"/>
    <mergeCell ref="AA286:AC286"/>
    <mergeCell ref="AF286:AG286"/>
    <mergeCell ref="AH286:AJ286"/>
    <mergeCell ref="AA291:AC291"/>
    <mergeCell ref="AA292:AC292"/>
    <mergeCell ref="C293:D294"/>
    <mergeCell ref="E293:T294"/>
    <mergeCell ref="V293:Z294"/>
    <mergeCell ref="AA293:AC294"/>
    <mergeCell ref="C290:D290"/>
    <mergeCell ref="E290:T290"/>
    <mergeCell ref="V290:Z290"/>
    <mergeCell ref="AA290:AC290"/>
    <mergeCell ref="AF290:AG290"/>
    <mergeCell ref="AH290:AJ290"/>
    <mergeCell ref="C289:D289"/>
    <mergeCell ref="E289:T289"/>
    <mergeCell ref="V289:Z289"/>
    <mergeCell ref="AA289:AC289"/>
    <mergeCell ref="AF289:AG289"/>
    <mergeCell ref="AH289:AJ289"/>
    <mergeCell ref="C297:D297"/>
    <mergeCell ref="E297:T297"/>
    <mergeCell ref="V297:Z297"/>
    <mergeCell ref="AA297:AC297"/>
    <mergeCell ref="AF297:AG297"/>
    <mergeCell ref="AH297:AJ297"/>
    <mergeCell ref="C296:D296"/>
    <mergeCell ref="E296:T296"/>
    <mergeCell ref="V296:Z296"/>
    <mergeCell ref="AA296:AC296"/>
    <mergeCell ref="AF296:AG296"/>
    <mergeCell ref="AH296:AJ296"/>
    <mergeCell ref="AD293:AE294"/>
    <mergeCell ref="AF293:AG294"/>
    <mergeCell ref="AH293:AJ294"/>
    <mergeCell ref="AK293:AK294"/>
    <mergeCell ref="C295:D295"/>
    <mergeCell ref="E295:T295"/>
    <mergeCell ref="V295:Z295"/>
    <mergeCell ref="AA295:AC295"/>
    <mergeCell ref="AF295:AG295"/>
    <mergeCell ref="AH295:AJ295"/>
    <mergeCell ref="C300:D300"/>
    <mergeCell ref="E300:T300"/>
    <mergeCell ref="V300:Z300"/>
    <mergeCell ref="AA300:AC300"/>
    <mergeCell ref="AF300:AG300"/>
    <mergeCell ref="AH300:AJ300"/>
    <mergeCell ref="C299:D299"/>
    <mergeCell ref="E299:T299"/>
    <mergeCell ref="V299:Z299"/>
    <mergeCell ref="AA299:AC299"/>
    <mergeCell ref="AF299:AG299"/>
    <mergeCell ref="AH299:AJ299"/>
    <mergeCell ref="C298:D298"/>
    <mergeCell ref="E298:T298"/>
    <mergeCell ref="V298:Z298"/>
    <mergeCell ref="AA298:AC298"/>
    <mergeCell ref="AF298:AG298"/>
    <mergeCell ref="AH298:AJ298"/>
    <mergeCell ref="C303:D303"/>
    <mergeCell ref="E303:T303"/>
    <mergeCell ref="V303:Z303"/>
    <mergeCell ref="AA303:AC303"/>
    <mergeCell ref="AF303:AG303"/>
    <mergeCell ref="AH303:AJ303"/>
    <mergeCell ref="C302:D302"/>
    <mergeCell ref="E302:T302"/>
    <mergeCell ref="V302:Z302"/>
    <mergeCell ref="AA302:AC302"/>
    <mergeCell ref="AF302:AG302"/>
    <mergeCell ref="AH302:AJ302"/>
    <mergeCell ref="C301:D301"/>
    <mergeCell ref="E301:T301"/>
    <mergeCell ref="V301:Z301"/>
    <mergeCell ref="AA301:AC301"/>
    <mergeCell ref="AF301:AG301"/>
    <mergeCell ref="AH301:AJ301"/>
    <mergeCell ref="C306:D306"/>
    <mergeCell ref="E306:T306"/>
    <mergeCell ref="V306:Z306"/>
    <mergeCell ref="AA306:AC306"/>
    <mergeCell ref="AF306:AG306"/>
    <mergeCell ref="AH306:AJ306"/>
    <mergeCell ref="C305:D305"/>
    <mergeCell ref="E305:T305"/>
    <mergeCell ref="V305:Z305"/>
    <mergeCell ref="AA305:AC305"/>
    <mergeCell ref="AF305:AG305"/>
    <mergeCell ref="AH305:AJ305"/>
    <mergeCell ref="C304:D304"/>
    <mergeCell ref="E304:T304"/>
    <mergeCell ref="V304:Z304"/>
    <mergeCell ref="AA304:AC304"/>
    <mergeCell ref="AF304:AG304"/>
    <mergeCell ref="AH304:AJ304"/>
    <mergeCell ref="C309:D309"/>
    <mergeCell ref="E309:T309"/>
    <mergeCell ref="V309:Z309"/>
    <mergeCell ref="AA309:AC309"/>
    <mergeCell ref="AF309:AG309"/>
    <mergeCell ref="AH309:AJ309"/>
    <mergeCell ref="C308:D308"/>
    <mergeCell ref="E308:T308"/>
    <mergeCell ref="V308:Z308"/>
    <mergeCell ref="AA308:AC308"/>
    <mergeCell ref="AF308:AG308"/>
    <mergeCell ref="AH308:AJ308"/>
    <mergeCell ref="C307:D307"/>
    <mergeCell ref="E307:T307"/>
    <mergeCell ref="V307:Z307"/>
    <mergeCell ref="AA307:AC307"/>
    <mergeCell ref="AF307:AG307"/>
    <mergeCell ref="AH307:AJ307"/>
    <mergeCell ref="C315:D315"/>
    <mergeCell ref="E315:T315"/>
    <mergeCell ref="V315:Z315"/>
    <mergeCell ref="AA315:AC315"/>
    <mergeCell ref="AF315:AG315"/>
    <mergeCell ref="AH315:AJ315"/>
    <mergeCell ref="AD312:AE313"/>
    <mergeCell ref="AF312:AG313"/>
    <mergeCell ref="AH312:AJ313"/>
    <mergeCell ref="AK312:AK313"/>
    <mergeCell ref="C314:D314"/>
    <mergeCell ref="E314:T314"/>
    <mergeCell ref="V314:Z314"/>
    <mergeCell ref="AA314:AC314"/>
    <mergeCell ref="AF314:AG314"/>
    <mergeCell ref="AH314:AJ314"/>
    <mergeCell ref="AA310:AC310"/>
    <mergeCell ref="AA311:AC311"/>
    <mergeCell ref="C312:D313"/>
    <mergeCell ref="E312:T313"/>
    <mergeCell ref="V312:Z313"/>
    <mergeCell ref="AA312:AC313"/>
    <mergeCell ref="C318:D318"/>
    <mergeCell ref="E318:T318"/>
    <mergeCell ref="V318:Z318"/>
    <mergeCell ref="AA318:AC318"/>
    <mergeCell ref="AF318:AG318"/>
    <mergeCell ref="AH318:AJ318"/>
    <mergeCell ref="C317:D317"/>
    <mergeCell ref="E317:T317"/>
    <mergeCell ref="V317:Z317"/>
    <mergeCell ref="AA317:AC317"/>
    <mergeCell ref="AF317:AG317"/>
    <mergeCell ref="AH317:AJ317"/>
    <mergeCell ref="C316:D316"/>
    <mergeCell ref="E316:T316"/>
    <mergeCell ref="V316:Z316"/>
    <mergeCell ref="AA316:AC316"/>
    <mergeCell ref="AF316:AG316"/>
    <mergeCell ref="AH316:AJ316"/>
    <mergeCell ref="C321:D321"/>
    <mergeCell ref="E321:T321"/>
    <mergeCell ref="V321:Z321"/>
    <mergeCell ref="AA321:AC321"/>
    <mergeCell ref="AF321:AG321"/>
    <mergeCell ref="AH321:AJ321"/>
    <mergeCell ref="C320:D320"/>
    <mergeCell ref="E320:T320"/>
    <mergeCell ref="V320:Z320"/>
    <mergeCell ref="AA320:AC320"/>
    <mergeCell ref="AF320:AG320"/>
    <mergeCell ref="AH320:AJ320"/>
    <mergeCell ref="C319:D319"/>
    <mergeCell ref="E319:T319"/>
    <mergeCell ref="V319:Z319"/>
    <mergeCell ref="AA319:AC319"/>
    <mergeCell ref="AF319:AG319"/>
    <mergeCell ref="AH319:AJ319"/>
    <mergeCell ref="C324:D324"/>
    <mergeCell ref="E324:T324"/>
    <mergeCell ref="V324:Z324"/>
    <mergeCell ref="AA324:AC324"/>
    <mergeCell ref="AF324:AG324"/>
    <mergeCell ref="AH324:AJ324"/>
    <mergeCell ref="C323:D323"/>
    <mergeCell ref="E323:T323"/>
    <mergeCell ref="V323:Z323"/>
    <mergeCell ref="AA323:AC323"/>
    <mergeCell ref="AF323:AG323"/>
    <mergeCell ref="AH323:AJ323"/>
    <mergeCell ref="C322:D322"/>
    <mergeCell ref="E322:T322"/>
    <mergeCell ref="V322:Z322"/>
    <mergeCell ref="AA322:AC322"/>
    <mergeCell ref="AF322:AG322"/>
    <mergeCell ref="AH322:AJ322"/>
    <mergeCell ref="C327:D327"/>
    <mergeCell ref="E327:T327"/>
    <mergeCell ref="V327:Z327"/>
    <mergeCell ref="AA327:AC327"/>
    <mergeCell ref="AF327:AG327"/>
    <mergeCell ref="AH327:AJ327"/>
    <mergeCell ref="C326:D326"/>
    <mergeCell ref="E326:T326"/>
    <mergeCell ref="V326:Z326"/>
    <mergeCell ref="AA326:AC326"/>
    <mergeCell ref="AF326:AG326"/>
    <mergeCell ref="AH326:AJ326"/>
    <mergeCell ref="C325:D325"/>
    <mergeCell ref="E325:T325"/>
    <mergeCell ref="V325:Z325"/>
    <mergeCell ref="AA325:AC325"/>
    <mergeCell ref="AF325:AG325"/>
    <mergeCell ref="AH325:AJ325"/>
    <mergeCell ref="AD331:AE332"/>
    <mergeCell ref="AF331:AG332"/>
    <mergeCell ref="AH331:AJ332"/>
    <mergeCell ref="AK331:AK332"/>
    <mergeCell ref="C333:D333"/>
    <mergeCell ref="E333:T333"/>
    <mergeCell ref="V333:Z333"/>
    <mergeCell ref="AA333:AC333"/>
    <mergeCell ref="AF333:AG333"/>
    <mergeCell ref="AH333:AJ333"/>
    <mergeCell ref="AA329:AC329"/>
    <mergeCell ref="AA330:AC330"/>
    <mergeCell ref="C331:D332"/>
    <mergeCell ref="E331:T332"/>
    <mergeCell ref="V331:Z332"/>
    <mergeCell ref="AA331:AC332"/>
    <mergeCell ref="C328:D328"/>
    <mergeCell ref="E328:T328"/>
    <mergeCell ref="V328:Z328"/>
    <mergeCell ref="AA328:AC328"/>
    <mergeCell ref="AF328:AG328"/>
    <mergeCell ref="AH328:AJ328"/>
    <mergeCell ref="C336:D336"/>
    <mergeCell ref="E336:T336"/>
    <mergeCell ref="V336:Z336"/>
    <mergeCell ref="AA336:AC336"/>
    <mergeCell ref="AF336:AG336"/>
    <mergeCell ref="AH336:AJ336"/>
    <mergeCell ref="C335:D335"/>
    <mergeCell ref="E335:T335"/>
    <mergeCell ref="V335:Z335"/>
    <mergeCell ref="AA335:AC335"/>
    <mergeCell ref="AF335:AG335"/>
    <mergeCell ref="AH335:AJ335"/>
    <mergeCell ref="C334:D334"/>
    <mergeCell ref="E334:T334"/>
    <mergeCell ref="V334:Z334"/>
    <mergeCell ref="AA334:AC334"/>
    <mergeCell ref="AF334:AG334"/>
    <mergeCell ref="AH334:AJ334"/>
    <mergeCell ref="C339:D339"/>
    <mergeCell ref="E339:T339"/>
    <mergeCell ref="V339:Z339"/>
    <mergeCell ref="AA339:AC339"/>
    <mergeCell ref="AF339:AG339"/>
    <mergeCell ref="AH339:AJ339"/>
    <mergeCell ref="C338:D338"/>
    <mergeCell ref="E338:T338"/>
    <mergeCell ref="V338:Z338"/>
    <mergeCell ref="AA338:AC338"/>
    <mergeCell ref="AF338:AG338"/>
    <mergeCell ref="AH338:AJ338"/>
    <mergeCell ref="C337:D337"/>
    <mergeCell ref="E337:T337"/>
    <mergeCell ref="V337:Z337"/>
    <mergeCell ref="AA337:AC337"/>
    <mergeCell ref="AF337:AG337"/>
    <mergeCell ref="AH337:AJ337"/>
    <mergeCell ref="C342:D342"/>
    <mergeCell ref="E342:T342"/>
    <mergeCell ref="V342:Z342"/>
    <mergeCell ref="AA342:AC342"/>
    <mergeCell ref="AF342:AG342"/>
    <mergeCell ref="AH342:AJ342"/>
    <mergeCell ref="C341:D341"/>
    <mergeCell ref="E341:T341"/>
    <mergeCell ref="V341:Z341"/>
    <mergeCell ref="AA341:AC341"/>
    <mergeCell ref="AF341:AG341"/>
    <mergeCell ref="AH341:AJ341"/>
    <mergeCell ref="C340:D340"/>
    <mergeCell ref="E340:T340"/>
    <mergeCell ref="V340:Z340"/>
    <mergeCell ref="AA340:AC340"/>
    <mergeCell ref="AF340:AG340"/>
    <mergeCell ref="AH340:AJ340"/>
    <mergeCell ref="C345:D345"/>
    <mergeCell ref="E345:T345"/>
    <mergeCell ref="V345:Z345"/>
    <mergeCell ref="AA345:AC345"/>
    <mergeCell ref="AF345:AG345"/>
    <mergeCell ref="AH345:AJ345"/>
    <mergeCell ref="C344:D344"/>
    <mergeCell ref="E344:T344"/>
    <mergeCell ref="V344:Z344"/>
    <mergeCell ref="AA344:AC344"/>
    <mergeCell ref="AF344:AG344"/>
    <mergeCell ref="AH344:AJ344"/>
    <mergeCell ref="C343:D343"/>
    <mergeCell ref="E343:T343"/>
    <mergeCell ref="V343:Z343"/>
    <mergeCell ref="AA343:AC343"/>
    <mergeCell ref="AF343:AG343"/>
    <mergeCell ref="AH343:AJ343"/>
    <mergeCell ref="C348:D348"/>
    <mergeCell ref="E348:T348"/>
    <mergeCell ref="V348:Z348"/>
    <mergeCell ref="AA348:AC348"/>
    <mergeCell ref="AF348:AG348"/>
    <mergeCell ref="AH348:AJ348"/>
    <mergeCell ref="C347:D347"/>
    <mergeCell ref="E347:T347"/>
    <mergeCell ref="V347:Z347"/>
    <mergeCell ref="AA347:AC347"/>
    <mergeCell ref="AF347:AG347"/>
    <mergeCell ref="AH347:AJ347"/>
    <mergeCell ref="C346:D346"/>
    <mergeCell ref="E346:T346"/>
    <mergeCell ref="V346:Z346"/>
    <mergeCell ref="AA346:AC346"/>
    <mergeCell ref="AF346:AG346"/>
    <mergeCell ref="AH346:AJ346"/>
    <mergeCell ref="AD352:AE353"/>
    <mergeCell ref="AF352:AG353"/>
    <mergeCell ref="AH352:AJ353"/>
    <mergeCell ref="AK352:AK353"/>
    <mergeCell ref="C354:D354"/>
    <mergeCell ref="E354:T354"/>
    <mergeCell ref="V354:Z354"/>
    <mergeCell ref="AA354:AC354"/>
    <mergeCell ref="AF354:AG354"/>
    <mergeCell ref="AH354:AJ354"/>
    <mergeCell ref="AA350:AC350"/>
    <mergeCell ref="AA351:AC351"/>
    <mergeCell ref="C352:D353"/>
    <mergeCell ref="E352:T353"/>
    <mergeCell ref="V352:Z353"/>
    <mergeCell ref="AA352:AC353"/>
    <mergeCell ref="C349:D349"/>
    <mergeCell ref="E349:T349"/>
    <mergeCell ref="V349:Z349"/>
    <mergeCell ref="AA349:AC349"/>
    <mergeCell ref="AF349:AG349"/>
    <mergeCell ref="AH349:AJ349"/>
    <mergeCell ref="C357:D357"/>
    <mergeCell ref="E357:T357"/>
    <mergeCell ref="V357:Z357"/>
    <mergeCell ref="AA357:AC357"/>
    <mergeCell ref="AF357:AG357"/>
    <mergeCell ref="AH357:AJ357"/>
    <mergeCell ref="C356:D356"/>
    <mergeCell ref="E356:T356"/>
    <mergeCell ref="V356:Z356"/>
    <mergeCell ref="AA356:AC356"/>
    <mergeCell ref="AF356:AG356"/>
    <mergeCell ref="AH356:AJ356"/>
    <mergeCell ref="C355:D355"/>
    <mergeCell ref="E355:T355"/>
    <mergeCell ref="V355:Z355"/>
    <mergeCell ref="AA355:AC355"/>
    <mergeCell ref="AF355:AG355"/>
    <mergeCell ref="AH355:AJ355"/>
    <mergeCell ref="C360:D360"/>
    <mergeCell ref="E360:T360"/>
    <mergeCell ref="V360:Z360"/>
    <mergeCell ref="AA360:AC360"/>
    <mergeCell ref="AF360:AG360"/>
    <mergeCell ref="AH360:AJ360"/>
    <mergeCell ref="C359:D359"/>
    <mergeCell ref="E359:T359"/>
    <mergeCell ref="V359:Z359"/>
    <mergeCell ref="AA359:AC359"/>
    <mergeCell ref="AF359:AG359"/>
    <mergeCell ref="AH359:AJ359"/>
    <mergeCell ref="C358:D358"/>
    <mergeCell ref="E358:T358"/>
    <mergeCell ref="V358:Z358"/>
    <mergeCell ref="AA358:AC358"/>
    <mergeCell ref="AF358:AG358"/>
    <mergeCell ref="AH358:AJ358"/>
    <mergeCell ref="C363:D363"/>
    <mergeCell ref="E363:T363"/>
    <mergeCell ref="V363:Z363"/>
    <mergeCell ref="AA363:AC363"/>
    <mergeCell ref="AF363:AG363"/>
    <mergeCell ref="AH363:AJ363"/>
    <mergeCell ref="C362:D362"/>
    <mergeCell ref="E362:T362"/>
    <mergeCell ref="V362:Z362"/>
    <mergeCell ref="AA362:AC362"/>
    <mergeCell ref="AF362:AG362"/>
    <mergeCell ref="AH362:AJ362"/>
    <mergeCell ref="C361:D361"/>
    <mergeCell ref="E361:T361"/>
    <mergeCell ref="V361:Z361"/>
    <mergeCell ref="AA361:AC361"/>
    <mergeCell ref="AF361:AG361"/>
    <mergeCell ref="AH361:AJ361"/>
    <mergeCell ref="C366:D366"/>
    <mergeCell ref="E366:T366"/>
    <mergeCell ref="V366:Z366"/>
    <mergeCell ref="AA366:AC366"/>
    <mergeCell ref="AF366:AG366"/>
    <mergeCell ref="AH366:AJ366"/>
    <mergeCell ref="C365:D365"/>
    <mergeCell ref="E365:T365"/>
    <mergeCell ref="V365:Z365"/>
    <mergeCell ref="AA365:AC365"/>
    <mergeCell ref="AF365:AG365"/>
    <mergeCell ref="AH365:AJ365"/>
    <mergeCell ref="C364:D364"/>
    <mergeCell ref="E364:T364"/>
    <mergeCell ref="V364:Z364"/>
    <mergeCell ref="AA364:AC364"/>
    <mergeCell ref="AF364:AG364"/>
    <mergeCell ref="AH364:AJ364"/>
    <mergeCell ref="C369:D369"/>
    <mergeCell ref="E369:T369"/>
    <mergeCell ref="V369:Z369"/>
    <mergeCell ref="AA369:AC369"/>
    <mergeCell ref="AF369:AG369"/>
    <mergeCell ref="AH369:AJ369"/>
    <mergeCell ref="C368:D368"/>
    <mergeCell ref="E368:T368"/>
    <mergeCell ref="V368:Z368"/>
    <mergeCell ref="AA368:AC368"/>
    <mergeCell ref="AF368:AG368"/>
    <mergeCell ref="AH368:AJ368"/>
    <mergeCell ref="C367:D367"/>
    <mergeCell ref="E367:T367"/>
    <mergeCell ref="V367:Z367"/>
    <mergeCell ref="AA367:AC367"/>
    <mergeCell ref="AF367:AG367"/>
    <mergeCell ref="AH367:AJ367"/>
    <mergeCell ref="C372:D372"/>
    <mergeCell ref="E372:T372"/>
    <mergeCell ref="V372:Z372"/>
    <mergeCell ref="AA372:AC372"/>
    <mergeCell ref="AF372:AG372"/>
    <mergeCell ref="AH372:AJ372"/>
    <mergeCell ref="C371:D371"/>
    <mergeCell ref="E371:T371"/>
    <mergeCell ref="V371:Z371"/>
    <mergeCell ref="AA371:AC371"/>
    <mergeCell ref="AF371:AG371"/>
    <mergeCell ref="AH371:AJ371"/>
    <mergeCell ref="C370:D370"/>
    <mergeCell ref="E370:T370"/>
    <mergeCell ref="V370:Z370"/>
    <mergeCell ref="AA370:AC370"/>
    <mergeCell ref="AF370:AG370"/>
    <mergeCell ref="AH370:AJ370"/>
    <mergeCell ref="AD376:AE377"/>
    <mergeCell ref="AF376:AG377"/>
    <mergeCell ref="AH376:AJ377"/>
    <mergeCell ref="AK376:AK377"/>
    <mergeCell ref="C378:D378"/>
    <mergeCell ref="E378:T378"/>
    <mergeCell ref="V378:Z378"/>
    <mergeCell ref="AA378:AC378"/>
    <mergeCell ref="AF378:AG378"/>
    <mergeCell ref="AH378:AJ378"/>
    <mergeCell ref="AA374:AC374"/>
    <mergeCell ref="AA375:AC375"/>
    <mergeCell ref="C376:D377"/>
    <mergeCell ref="E376:T377"/>
    <mergeCell ref="V376:Z377"/>
    <mergeCell ref="AA376:AC377"/>
    <mergeCell ref="C373:D373"/>
    <mergeCell ref="E373:T373"/>
    <mergeCell ref="V373:Z373"/>
    <mergeCell ref="AA373:AC373"/>
    <mergeCell ref="AF373:AG373"/>
    <mergeCell ref="AH373:AJ373"/>
    <mergeCell ref="C381:D381"/>
    <mergeCell ref="E381:T381"/>
    <mergeCell ref="V381:Z381"/>
    <mergeCell ref="AA381:AC381"/>
    <mergeCell ref="AF381:AG381"/>
    <mergeCell ref="AH381:AJ381"/>
    <mergeCell ref="C380:D380"/>
    <mergeCell ref="E380:T380"/>
    <mergeCell ref="V380:Z380"/>
    <mergeCell ref="AA380:AC380"/>
    <mergeCell ref="AF380:AG380"/>
    <mergeCell ref="AH380:AJ380"/>
    <mergeCell ref="C379:D379"/>
    <mergeCell ref="E379:T379"/>
    <mergeCell ref="V379:Z379"/>
    <mergeCell ref="AA379:AC379"/>
    <mergeCell ref="AF379:AG379"/>
    <mergeCell ref="AH379:AJ379"/>
    <mergeCell ref="C384:D384"/>
    <mergeCell ref="E384:T384"/>
    <mergeCell ref="V384:Z384"/>
    <mergeCell ref="AA384:AC384"/>
    <mergeCell ref="AF384:AG384"/>
    <mergeCell ref="AH384:AJ384"/>
    <mergeCell ref="C383:D383"/>
    <mergeCell ref="E383:T383"/>
    <mergeCell ref="V383:Z383"/>
    <mergeCell ref="AA383:AC383"/>
    <mergeCell ref="AF383:AG383"/>
    <mergeCell ref="AH383:AJ383"/>
    <mergeCell ref="C382:D382"/>
    <mergeCell ref="E382:T382"/>
    <mergeCell ref="V382:Z382"/>
    <mergeCell ref="AA382:AC382"/>
    <mergeCell ref="AF382:AG382"/>
    <mergeCell ref="AH382:AJ382"/>
    <mergeCell ref="C387:D387"/>
    <mergeCell ref="E387:T387"/>
    <mergeCell ref="V387:Z387"/>
    <mergeCell ref="AA387:AC387"/>
    <mergeCell ref="AF387:AG387"/>
    <mergeCell ref="AH387:AJ387"/>
    <mergeCell ref="C386:D386"/>
    <mergeCell ref="E386:T386"/>
    <mergeCell ref="V386:Z386"/>
    <mergeCell ref="AA386:AC386"/>
    <mergeCell ref="AF386:AG386"/>
    <mergeCell ref="AH386:AJ386"/>
    <mergeCell ref="C385:D385"/>
    <mergeCell ref="E385:T385"/>
    <mergeCell ref="V385:Z385"/>
    <mergeCell ref="AA385:AC385"/>
    <mergeCell ref="AF385:AG385"/>
    <mergeCell ref="AH385:AJ385"/>
    <mergeCell ref="C390:D390"/>
    <mergeCell ref="E390:T390"/>
    <mergeCell ref="V390:Z390"/>
    <mergeCell ref="AA390:AC390"/>
    <mergeCell ref="AF390:AG390"/>
    <mergeCell ref="AH390:AJ390"/>
    <mergeCell ref="C389:D389"/>
    <mergeCell ref="E389:T389"/>
    <mergeCell ref="V389:Z389"/>
    <mergeCell ref="AA389:AC389"/>
    <mergeCell ref="AF389:AG389"/>
    <mergeCell ref="AH389:AJ389"/>
    <mergeCell ref="C388:D388"/>
    <mergeCell ref="E388:T388"/>
    <mergeCell ref="V388:Z388"/>
    <mergeCell ref="AA388:AC388"/>
    <mergeCell ref="AF388:AG388"/>
    <mergeCell ref="AH388:AJ388"/>
    <mergeCell ref="C393:D393"/>
    <mergeCell ref="E393:T393"/>
    <mergeCell ref="V393:Z393"/>
    <mergeCell ref="AA393:AC393"/>
    <mergeCell ref="AF393:AG393"/>
    <mergeCell ref="AH393:AJ393"/>
    <mergeCell ref="C392:D392"/>
    <mergeCell ref="E392:T392"/>
    <mergeCell ref="V392:Z392"/>
    <mergeCell ref="AA392:AC392"/>
    <mergeCell ref="AF392:AG392"/>
    <mergeCell ref="AH392:AJ392"/>
    <mergeCell ref="C391:D391"/>
    <mergeCell ref="E391:T391"/>
    <mergeCell ref="V391:Z391"/>
    <mergeCell ref="AA391:AC391"/>
    <mergeCell ref="AF391:AG391"/>
    <mergeCell ref="AH391:AJ391"/>
    <mergeCell ref="C396:D396"/>
    <mergeCell ref="E396:T396"/>
    <mergeCell ref="V396:Z396"/>
    <mergeCell ref="AA396:AC396"/>
    <mergeCell ref="AF396:AG396"/>
    <mergeCell ref="AH396:AJ396"/>
    <mergeCell ref="C395:D395"/>
    <mergeCell ref="E395:T395"/>
    <mergeCell ref="V395:Z395"/>
    <mergeCell ref="AA395:AC395"/>
    <mergeCell ref="AF395:AG395"/>
    <mergeCell ref="AH395:AJ395"/>
    <mergeCell ref="C394:D394"/>
    <mergeCell ref="E394:T394"/>
    <mergeCell ref="V394:Z394"/>
    <mergeCell ref="AA394:AC394"/>
    <mergeCell ref="AF394:AG394"/>
    <mergeCell ref="AH394:AJ394"/>
    <mergeCell ref="C399:D399"/>
    <mergeCell ref="E399:T399"/>
    <mergeCell ref="V399:Z399"/>
    <mergeCell ref="AA399:AC399"/>
    <mergeCell ref="AF399:AG399"/>
    <mergeCell ref="AH399:AJ399"/>
    <mergeCell ref="C398:D398"/>
    <mergeCell ref="E398:T398"/>
    <mergeCell ref="V398:Z398"/>
    <mergeCell ref="AA398:AC398"/>
    <mergeCell ref="AF398:AG398"/>
    <mergeCell ref="AH398:AJ398"/>
    <mergeCell ref="C397:D397"/>
    <mergeCell ref="E397:T397"/>
    <mergeCell ref="V397:Z397"/>
    <mergeCell ref="AA397:AC397"/>
    <mergeCell ref="AF397:AG397"/>
    <mergeCell ref="AH397:AJ397"/>
    <mergeCell ref="C402:D402"/>
    <mergeCell ref="E402:T402"/>
    <mergeCell ref="V402:Z402"/>
    <mergeCell ref="AA402:AC402"/>
    <mergeCell ref="AF402:AG402"/>
    <mergeCell ref="AH402:AJ402"/>
    <mergeCell ref="C401:D401"/>
    <mergeCell ref="E401:T401"/>
    <mergeCell ref="V401:Z401"/>
    <mergeCell ref="AA401:AC401"/>
    <mergeCell ref="AF401:AG401"/>
    <mergeCell ref="AH401:AJ401"/>
    <mergeCell ref="C400:D400"/>
    <mergeCell ref="E400:T400"/>
    <mergeCell ref="V400:Z400"/>
    <mergeCell ref="AA400:AC400"/>
    <mergeCell ref="AF400:AG400"/>
    <mergeCell ref="AH400:AJ400"/>
    <mergeCell ref="C405:D405"/>
    <mergeCell ref="E405:T405"/>
    <mergeCell ref="V405:Z405"/>
    <mergeCell ref="AA405:AC405"/>
    <mergeCell ref="AF405:AG405"/>
    <mergeCell ref="AH405:AJ405"/>
    <mergeCell ref="C404:D404"/>
    <mergeCell ref="E404:T404"/>
    <mergeCell ref="V404:Z404"/>
    <mergeCell ref="AA404:AC404"/>
    <mergeCell ref="AF404:AG404"/>
    <mergeCell ref="AH404:AJ404"/>
    <mergeCell ref="C403:D403"/>
    <mergeCell ref="E403:T403"/>
    <mergeCell ref="V403:Z403"/>
    <mergeCell ref="AA403:AC403"/>
    <mergeCell ref="AF403:AG403"/>
    <mergeCell ref="AH403:AJ403"/>
    <mergeCell ref="C408:D408"/>
    <mergeCell ref="E408:T408"/>
    <mergeCell ref="V408:Z408"/>
    <mergeCell ref="AA408:AC408"/>
    <mergeCell ref="AF408:AG408"/>
    <mergeCell ref="AH408:AJ408"/>
    <mergeCell ref="C407:D407"/>
    <mergeCell ref="E407:T407"/>
    <mergeCell ref="V407:Z407"/>
    <mergeCell ref="AA407:AC407"/>
    <mergeCell ref="AF407:AG407"/>
    <mergeCell ref="AH407:AJ407"/>
    <mergeCell ref="C406:D406"/>
    <mergeCell ref="E406:T406"/>
    <mergeCell ref="V406:Z406"/>
    <mergeCell ref="AA406:AC406"/>
    <mergeCell ref="AF406:AG406"/>
    <mergeCell ref="AH406:AJ406"/>
    <mergeCell ref="C411:D411"/>
    <mergeCell ref="E411:T411"/>
    <mergeCell ref="V411:Z411"/>
    <mergeCell ref="AA411:AC411"/>
    <mergeCell ref="AF411:AG411"/>
    <mergeCell ref="AH411:AJ411"/>
    <mergeCell ref="C410:D410"/>
    <mergeCell ref="E410:T410"/>
    <mergeCell ref="V410:Z410"/>
    <mergeCell ref="AA410:AC410"/>
    <mergeCell ref="AF410:AG410"/>
    <mergeCell ref="AH410:AJ410"/>
    <mergeCell ref="C409:D409"/>
    <mergeCell ref="E409:T409"/>
    <mergeCell ref="V409:Z409"/>
    <mergeCell ref="AA409:AC409"/>
    <mergeCell ref="AF409:AG409"/>
    <mergeCell ref="AH409:AJ409"/>
    <mergeCell ref="C414:D414"/>
    <mergeCell ref="E414:T414"/>
    <mergeCell ref="V414:Z414"/>
    <mergeCell ref="AA414:AC414"/>
    <mergeCell ref="AF414:AG414"/>
    <mergeCell ref="AH414:AJ414"/>
    <mergeCell ref="C413:D413"/>
    <mergeCell ref="E413:T413"/>
    <mergeCell ref="V413:Z413"/>
    <mergeCell ref="AA413:AC413"/>
    <mergeCell ref="AF413:AG413"/>
    <mergeCell ref="AH413:AJ413"/>
    <mergeCell ref="C412:D412"/>
    <mergeCell ref="E412:T412"/>
    <mergeCell ref="V412:Z412"/>
    <mergeCell ref="AA412:AC412"/>
    <mergeCell ref="AF412:AG412"/>
    <mergeCell ref="AH412:AJ412"/>
    <mergeCell ref="C417:D417"/>
    <mergeCell ref="E417:T417"/>
    <mergeCell ref="V417:Z417"/>
    <mergeCell ref="AA417:AC417"/>
    <mergeCell ref="AF417:AG417"/>
    <mergeCell ref="AH417:AJ417"/>
    <mergeCell ref="C416:D416"/>
    <mergeCell ref="E416:T416"/>
    <mergeCell ref="V416:Z416"/>
    <mergeCell ref="AA416:AC416"/>
    <mergeCell ref="AF416:AG416"/>
    <mergeCell ref="AH416:AJ416"/>
    <mergeCell ref="C415:D415"/>
    <mergeCell ref="E415:T415"/>
    <mergeCell ref="V415:Z415"/>
    <mergeCell ref="AA415:AC415"/>
    <mergeCell ref="AF415:AG415"/>
    <mergeCell ref="AH415:AJ415"/>
    <mergeCell ref="C420:D420"/>
    <mergeCell ref="E420:T420"/>
    <mergeCell ref="V420:Z420"/>
    <mergeCell ref="AA420:AC420"/>
    <mergeCell ref="AF420:AG420"/>
    <mergeCell ref="AH420:AJ420"/>
    <mergeCell ref="C419:D419"/>
    <mergeCell ref="E419:T419"/>
    <mergeCell ref="V419:Z419"/>
    <mergeCell ref="AA419:AC419"/>
    <mergeCell ref="AF419:AG419"/>
    <mergeCell ref="AH419:AJ419"/>
    <mergeCell ref="C418:D418"/>
    <mergeCell ref="E418:T418"/>
    <mergeCell ref="V418:Z418"/>
    <mergeCell ref="AA418:AC418"/>
    <mergeCell ref="AF418:AG418"/>
    <mergeCell ref="AH418:AJ418"/>
    <mergeCell ref="C423:D423"/>
    <mergeCell ref="E423:T423"/>
    <mergeCell ref="V423:Z423"/>
    <mergeCell ref="AA423:AC423"/>
    <mergeCell ref="AF423:AG423"/>
    <mergeCell ref="AH423:AJ423"/>
    <mergeCell ref="C422:D422"/>
    <mergeCell ref="E422:T422"/>
    <mergeCell ref="V422:Z422"/>
    <mergeCell ref="AA422:AC422"/>
    <mergeCell ref="AF422:AG422"/>
    <mergeCell ref="AH422:AJ422"/>
    <mergeCell ref="C421:D421"/>
    <mergeCell ref="E421:T421"/>
    <mergeCell ref="V421:Z421"/>
    <mergeCell ref="AA421:AC421"/>
    <mergeCell ref="AF421:AG421"/>
    <mergeCell ref="AH421:AJ421"/>
    <mergeCell ref="C426:D426"/>
    <mergeCell ref="E426:T426"/>
    <mergeCell ref="V426:Z426"/>
    <mergeCell ref="AA426:AC426"/>
    <mergeCell ref="AF426:AG426"/>
    <mergeCell ref="AH426:AJ426"/>
    <mergeCell ref="C425:D425"/>
    <mergeCell ref="E425:T425"/>
    <mergeCell ref="V425:Z425"/>
    <mergeCell ref="AA425:AC425"/>
    <mergeCell ref="AF425:AG425"/>
    <mergeCell ref="AH425:AJ425"/>
    <mergeCell ref="C424:D424"/>
    <mergeCell ref="E424:T424"/>
    <mergeCell ref="V424:Z424"/>
    <mergeCell ref="AA424:AC424"/>
    <mergeCell ref="AF424:AG424"/>
    <mergeCell ref="AH424:AJ424"/>
    <mergeCell ref="C429:D429"/>
    <mergeCell ref="E429:T429"/>
    <mergeCell ref="V429:Z429"/>
    <mergeCell ref="AA429:AC429"/>
    <mergeCell ref="AF429:AG429"/>
    <mergeCell ref="AH429:AJ429"/>
    <mergeCell ref="C428:D428"/>
    <mergeCell ref="E428:T428"/>
    <mergeCell ref="V428:Z428"/>
    <mergeCell ref="AA428:AC428"/>
    <mergeCell ref="AF428:AG428"/>
    <mergeCell ref="AH428:AJ428"/>
    <mergeCell ref="C427:D427"/>
    <mergeCell ref="E427:T427"/>
    <mergeCell ref="V427:Z427"/>
    <mergeCell ref="AA427:AC427"/>
    <mergeCell ref="AF427:AG427"/>
    <mergeCell ref="AH427:AJ427"/>
    <mergeCell ref="C432:D432"/>
    <mergeCell ref="E432:T432"/>
    <mergeCell ref="V432:Z432"/>
    <mergeCell ref="AA432:AC432"/>
    <mergeCell ref="AF432:AG432"/>
    <mergeCell ref="AH432:AJ432"/>
    <mergeCell ref="C431:D431"/>
    <mergeCell ref="E431:T431"/>
    <mergeCell ref="V431:Z431"/>
    <mergeCell ref="AA431:AC431"/>
    <mergeCell ref="AF431:AG431"/>
    <mergeCell ref="AH431:AJ431"/>
    <mergeCell ref="C430:D430"/>
    <mergeCell ref="E430:T430"/>
    <mergeCell ref="V430:Z430"/>
    <mergeCell ref="AA430:AC430"/>
    <mergeCell ref="AF430:AG430"/>
    <mergeCell ref="AH430:AJ430"/>
    <mergeCell ref="C435:D435"/>
    <mergeCell ref="E435:T435"/>
    <mergeCell ref="V435:Z435"/>
    <mergeCell ref="AA435:AC435"/>
    <mergeCell ref="AF435:AG435"/>
    <mergeCell ref="AH435:AJ435"/>
    <mergeCell ref="C434:D434"/>
    <mergeCell ref="E434:T434"/>
    <mergeCell ref="V434:Z434"/>
    <mergeCell ref="AA434:AC434"/>
    <mergeCell ref="AF434:AG434"/>
    <mergeCell ref="AH434:AJ434"/>
    <mergeCell ref="C433:D433"/>
    <mergeCell ref="E433:T433"/>
    <mergeCell ref="V433:Z433"/>
    <mergeCell ref="AA433:AC433"/>
    <mergeCell ref="AF433:AG433"/>
    <mergeCell ref="AH433:AJ433"/>
    <mergeCell ref="AD439:AE440"/>
    <mergeCell ref="AF439:AG440"/>
    <mergeCell ref="AH439:AJ440"/>
    <mergeCell ref="AK439:AK440"/>
    <mergeCell ref="C441:D441"/>
    <mergeCell ref="E441:T441"/>
    <mergeCell ref="V441:Z441"/>
    <mergeCell ref="AA441:AC441"/>
    <mergeCell ref="AF441:AG441"/>
    <mergeCell ref="AH441:AJ441"/>
    <mergeCell ref="AA437:AC437"/>
    <mergeCell ref="AA438:AC438"/>
    <mergeCell ref="C439:D440"/>
    <mergeCell ref="E439:T440"/>
    <mergeCell ref="V439:Z440"/>
    <mergeCell ref="AA439:AC440"/>
    <mergeCell ref="C436:D436"/>
    <mergeCell ref="E436:T436"/>
    <mergeCell ref="V436:Z436"/>
    <mergeCell ref="AA436:AC436"/>
    <mergeCell ref="AF436:AG436"/>
    <mergeCell ref="AH436:AJ436"/>
    <mergeCell ref="C444:D444"/>
    <mergeCell ref="E444:T444"/>
    <mergeCell ref="V444:Z444"/>
    <mergeCell ref="AA444:AC444"/>
    <mergeCell ref="AF444:AG444"/>
    <mergeCell ref="AH444:AJ444"/>
    <mergeCell ref="C443:D443"/>
    <mergeCell ref="E443:T443"/>
    <mergeCell ref="V443:Z443"/>
    <mergeCell ref="AA443:AC443"/>
    <mergeCell ref="AF443:AG443"/>
    <mergeCell ref="AH443:AJ443"/>
    <mergeCell ref="C442:D442"/>
    <mergeCell ref="E442:T442"/>
    <mergeCell ref="V442:Z442"/>
    <mergeCell ref="AA442:AC442"/>
    <mergeCell ref="AF442:AG442"/>
    <mergeCell ref="AH442:AJ442"/>
    <mergeCell ref="C447:D447"/>
    <mergeCell ref="E447:T447"/>
    <mergeCell ref="V447:Z447"/>
    <mergeCell ref="AA447:AC447"/>
    <mergeCell ref="AF447:AG447"/>
    <mergeCell ref="AH447:AJ447"/>
    <mergeCell ref="C446:D446"/>
    <mergeCell ref="E446:T446"/>
    <mergeCell ref="V446:Z446"/>
    <mergeCell ref="AA446:AC446"/>
    <mergeCell ref="AF446:AG446"/>
    <mergeCell ref="AH446:AJ446"/>
    <mergeCell ref="C445:D445"/>
    <mergeCell ref="E445:T445"/>
    <mergeCell ref="V445:Z445"/>
    <mergeCell ref="AA445:AC445"/>
    <mergeCell ref="AF445:AG445"/>
    <mergeCell ref="AH445:AJ445"/>
    <mergeCell ref="C450:D450"/>
    <mergeCell ref="E450:T450"/>
    <mergeCell ref="V450:Z450"/>
    <mergeCell ref="AA450:AC450"/>
    <mergeCell ref="AF450:AG450"/>
    <mergeCell ref="AH450:AJ450"/>
    <mergeCell ref="C449:D449"/>
    <mergeCell ref="E449:T449"/>
    <mergeCell ref="V449:Z449"/>
    <mergeCell ref="AA449:AC449"/>
    <mergeCell ref="AF449:AG449"/>
    <mergeCell ref="AH449:AJ449"/>
    <mergeCell ref="C448:D448"/>
    <mergeCell ref="E448:T448"/>
    <mergeCell ref="V448:Z448"/>
    <mergeCell ref="AA448:AC448"/>
    <mergeCell ref="AF448:AG448"/>
    <mergeCell ref="AH448:AJ448"/>
    <mergeCell ref="C453:D453"/>
    <mergeCell ref="E453:T453"/>
    <mergeCell ref="V453:Z453"/>
    <mergeCell ref="AA453:AC453"/>
    <mergeCell ref="AF453:AG453"/>
    <mergeCell ref="AH453:AJ453"/>
    <mergeCell ref="C452:D452"/>
    <mergeCell ref="E452:T452"/>
    <mergeCell ref="V452:Z452"/>
    <mergeCell ref="AA452:AC452"/>
    <mergeCell ref="AF452:AG452"/>
    <mergeCell ref="AH452:AJ452"/>
    <mergeCell ref="C451:D451"/>
    <mergeCell ref="E451:T451"/>
    <mergeCell ref="V451:Z451"/>
    <mergeCell ref="AA451:AC451"/>
    <mergeCell ref="AF451:AG451"/>
    <mergeCell ref="AH451:AJ451"/>
    <mergeCell ref="C456:D456"/>
    <mergeCell ref="E456:T456"/>
    <mergeCell ref="V456:Z456"/>
    <mergeCell ref="AA456:AC456"/>
    <mergeCell ref="AF456:AG456"/>
    <mergeCell ref="AH456:AJ456"/>
    <mergeCell ref="C455:D455"/>
    <mergeCell ref="E455:T455"/>
    <mergeCell ref="V455:Z455"/>
    <mergeCell ref="AA455:AC455"/>
    <mergeCell ref="AF455:AG455"/>
    <mergeCell ref="AH455:AJ455"/>
    <mergeCell ref="C454:D454"/>
    <mergeCell ref="E454:T454"/>
    <mergeCell ref="V454:Z454"/>
    <mergeCell ref="AA454:AC454"/>
    <mergeCell ref="AF454:AG454"/>
    <mergeCell ref="AH454:AJ454"/>
    <mergeCell ref="C459:D459"/>
    <mergeCell ref="E459:T459"/>
    <mergeCell ref="V459:Z459"/>
    <mergeCell ref="AA459:AC459"/>
    <mergeCell ref="AF459:AG459"/>
    <mergeCell ref="AH459:AJ459"/>
    <mergeCell ref="C458:D458"/>
    <mergeCell ref="E458:T458"/>
    <mergeCell ref="V458:Z458"/>
    <mergeCell ref="AA458:AC458"/>
    <mergeCell ref="AF458:AG458"/>
    <mergeCell ref="AH458:AJ458"/>
    <mergeCell ref="C457:D457"/>
    <mergeCell ref="E457:T457"/>
    <mergeCell ref="V457:Z457"/>
    <mergeCell ref="AA457:AC457"/>
    <mergeCell ref="AF457:AG457"/>
    <mergeCell ref="AH457:AJ457"/>
    <mergeCell ref="C462:D462"/>
    <mergeCell ref="E462:T462"/>
    <mergeCell ref="V462:Z462"/>
    <mergeCell ref="AA462:AC462"/>
    <mergeCell ref="AF462:AG462"/>
    <mergeCell ref="AH462:AJ462"/>
    <mergeCell ref="C461:D461"/>
    <mergeCell ref="E461:T461"/>
    <mergeCell ref="V461:Z461"/>
    <mergeCell ref="AA461:AC461"/>
    <mergeCell ref="AF461:AG461"/>
    <mergeCell ref="AH461:AJ461"/>
    <mergeCell ref="C460:D460"/>
    <mergeCell ref="E460:T460"/>
    <mergeCell ref="V460:Z460"/>
    <mergeCell ref="AA460:AC460"/>
    <mergeCell ref="AF460:AG460"/>
    <mergeCell ref="AH460:AJ460"/>
    <mergeCell ref="C465:D465"/>
    <mergeCell ref="E465:T465"/>
    <mergeCell ref="V465:Z465"/>
    <mergeCell ref="AA465:AC465"/>
    <mergeCell ref="AF465:AG465"/>
    <mergeCell ref="AH465:AJ465"/>
    <mergeCell ref="C464:D464"/>
    <mergeCell ref="E464:T464"/>
    <mergeCell ref="V464:Z464"/>
    <mergeCell ref="AA464:AC464"/>
    <mergeCell ref="AF464:AG464"/>
    <mergeCell ref="AH464:AJ464"/>
    <mergeCell ref="C463:D463"/>
    <mergeCell ref="E463:T463"/>
    <mergeCell ref="V463:Z463"/>
    <mergeCell ref="AA463:AC463"/>
    <mergeCell ref="AF463:AG463"/>
    <mergeCell ref="AH463:AJ463"/>
    <mergeCell ref="C468:D468"/>
    <mergeCell ref="E468:T468"/>
    <mergeCell ref="V468:Z468"/>
    <mergeCell ref="AA468:AC468"/>
    <mergeCell ref="AF468:AG468"/>
    <mergeCell ref="AH468:AJ468"/>
    <mergeCell ref="C467:D467"/>
    <mergeCell ref="E467:T467"/>
    <mergeCell ref="V467:Z467"/>
    <mergeCell ref="AA467:AC467"/>
    <mergeCell ref="AF467:AG467"/>
    <mergeCell ref="AH467:AJ467"/>
    <mergeCell ref="C466:D466"/>
    <mergeCell ref="E466:T466"/>
    <mergeCell ref="V466:Z466"/>
    <mergeCell ref="AA466:AC466"/>
    <mergeCell ref="AF466:AG466"/>
    <mergeCell ref="AH466:AJ466"/>
    <mergeCell ref="C471:D471"/>
    <mergeCell ref="E471:T471"/>
    <mergeCell ref="V471:Z471"/>
    <mergeCell ref="AA471:AC471"/>
    <mergeCell ref="AF471:AG471"/>
    <mergeCell ref="AH471:AJ471"/>
    <mergeCell ref="C470:D470"/>
    <mergeCell ref="E470:T470"/>
    <mergeCell ref="V470:Z470"/>
    <mergeCell ref="AA470:AC470"/>
    <mergeCell ref="AF470:AG470"/>
    <mergeCell ref="AH470:AJ470"/>
    <mergeCell ref="C469:D469"/>
    <mergeCell ref="E469:T469"/>
    <mergeCell ref="V469:Z469"/>
    <mergeCell ref="AA469:AC469"/>
    <mergeCell ref="AF469:AG469"/>
    <mergeCell ref="AH469:AJ469"/>
    <mergeCell ref="C474:D474"/>
    <mergeCell ref="E474:T474"/>
    <mergeCell ref="V474:Z474"/>
    <mergeCell ref="AA474:AC474"/>
    <mergeCell ref="AF474:AG474"/>
    <mergeCell ref="AH474:AJ474"/>
    <mergeCell ref="C473:D473"/>
    <mergeCell ref="E473:T473"/>
    <mergeCell ref="V473:Z473"/>
    <mergeCell ref="AA473:AC473"/>
    <mergeCell ref="AF473:AG473"/>
    <mergeCell ref="AH473:AJ473"/>
    <mergeCell ref="C472:D472"/>
    <mergeCell ref="E472:T472"/>
    <mergeCell ref="V472:Z472"/>
    <mergeCell ref="AA472:AC472"/>
    <mergeCell ref="AF472:AG472"/>
    <mergeCell ref="AH472:AJ472"/>
    <mergeCell ref="C477:D477"/>
    <mergeCell ref="E477:T477"/>
    <mergeCell ref="V477:Z477"/>
    <mergeCell ref="AA477:AC477"/>
    <mergeCell ref="AF477:AG477"/>
    <mergeCell ref="AH477:AJ477"/>
    <mergeCell ref="C476:D476"/>
    <mergeCell ref="E476:T476"/>
    <mergeCell ref="V476:Z476"/>
    <mergeCell ref="AA476:AC476"/>
    <mergeCell ref="AF476:AG476"/>
    <mergeCell ref="AH476:AJ476"/>
    <mergeCell ref="C475:D475"/>
    <mergeCell ref="E475:T475"/>
    <mergeCell ref="V475:Z475"/>
    <mergeCell ref="AA475:AC475"/>
    <mergeCell ref="AF475:AG475"/>
    <mergeCell ref="AH475:AJ475"/>
    <mergeCell ref="C480:D480"/>
    <mergeCell ref="E480:T480"/>
    <mergeCell ref="V480:Z480"/>
    <mergeCell ref="AA480:AC480"/>
    <mergeCell ref="AF480:AG480"/>
    <mergeCell ref="AH480:AJ480"/>
    <mergeCell ref="C479:D479"/>
    <mergeCell ref="E479:T479"/>
    <mergeCell ref="V479:Z479"/>
    <mergeCell ref="AA479:AC479"/>
    <mergeCell ref="AF479:AG479"/>
    <mergeCell ref="AH479:AJ479"/>
    <mergeCell ref="C478:D478"/>
    <mergeCell ref="E478:T478"/>
    <mergeCell ref="V478:Z478"/>
    <mergeCell ref="AA478:AC478"/>
    <mergeCell ref="AF478:AG478"/>
    <mergeCell ref="AH478:AJ478"/>
    <mergeCell ref="C483:D483"/>
    <mergeCell ref="E483:T483"/>
    <mergeCell ref="V483:Z483"/>
    <mergeCell ref="AA483:AC483"/>
    <mergeCell ref="AF483:AG483"/>
    <mergeCell ref="AH483:AJ483"/>
    <mergeCell ref="C482:D482"/>
    <mergeCell ref="E482:T482"/>
    <mergeCell ref="V482:Z482"/>
    <mergeCell ref="AA482:AC482"/>
    <mergeCell ref="AF482:AG482"/>
    <mergeCell ref="AH482:AJ482"/>
    <mergeCell ref="C481:D481"/>
    <mergeCell ref="E481:T481"/>
    <mergeCell ref="V481:Z481"/>
    <mergeCell ref="AA481:AC481"/>
    <mergeCell ref="AF481:AG481"/>
    <mergeCell ref="AH481:AJ481"/>
    <mergeCell ref="C486:D486"/>
    <mergeCell ref="E486:T486"/>
    <mergeCell ref="V486:Z486"/>
    <mergeCell ref="AA486:AC486"/>
    <mergeCell ref="AF486:AG486"/>
    <mergeCell ref="AH486:AJ486"/>
    <mergeCell ref="C485:D485"/>
    <mergeCell ref="E485:T485"/>
    <mergeCell ref="V485:Z485"/>
    <mergeCell ref="AA485:AC485"/>
    <mergeCell ref="AF485:AG485"/>
    <mergeCell ref="AH485:AJ485"/>
    <mergeCell ref="C484:D484"/>
    <mergeCell ref="E484:T484"/>
    <mergeCell ref="V484:Z484"/>
    <mergeCell ref="AA484:AC484"/>
    <mergeCell ref="AF484:AG484"/>
    <mergeCell ref="AH484:AJ484"/>
    <mergeCell ref="C489:D489"/>
    <mergeCell ref="E489:T489"/>
    <mergeCell ref="V489:Z489"/>
    <mergeCell ref="AA489:AC489"/>
    <mergeCell ref="AF489:AG489"/>
    <mergeCell ref="AH489:AJ489"/>
    <mergeCell ref="C488:D488"/>
    <mergeCell ref="E488:T488"/>
    <mergeCell ref="V488:Z488"/>
    <mergeCell ref="AA488:AC488"/>
    <mergeCell ref="AF488:AG488"/>
    <mergeCell ref="AH488:AJ488"/>
    <mergeCell ref="C487:D487"/>
    <mergeCell ref="E487:T487"/>
    <mergeCell ref="V487:Z487"/>
    <mergeCell ref="AA487:AC487"/>
    <mergeCell ref="AF487:AG487"/>
    <mergeCell ref="AH487:AJ487"/>
    <mergeCell ref="C492:D492"/>
    <mergeCell ref="E492:T492"/>
    <mergeCell ref="V492:Z492"/>
    <mergeCell ref="AA492:AC492"/>
    <mergeCell ref="AF492:AG492"/>
    <mergeCell ref="AH492:AJ492"/>
    <mergeCell ref="C491:D491"/>
    <mergeCell ref="E491:T491"/>
    <mergeCell ref="V491:Z491"/>
    <mergeCell ref="AA491:AC491"/>
    <mergeCell ref="AF491:AG491"/>
    <mergeCell ref="AH491:AJ491"/>
    <mergeCell ref="C490:D490"/>
    <mergeCell ref="E490:T490"/>
    <mergeCell ref="V490:Z490"/>
    <mergeCell ref="AA490:AC490"/>
    <mergeCell ref="AF490:AG490"/>
    <mergeCell ref="AH490:AJ490"/>
    <mergeCell ref="C495:D495"/>
    <mergeCell ref="E495:T495"/>
    <mergeCell ref="V495:Z495"/>
    <mergeCell ref="AA495:AC495"/>
    <mergeCell ref="AF495:AG495"/>
    <mergeCell ref="AH495:AJ495"/>
    <mergeCell ref="C494:D494"/>
    <mergeCell ref="E494:T494"/>
    <mergeCell ref="V494:Z494"/>
    <mergeCell ref="AA494:AC494"/>
    <mergeCell ref="AF494:AG494"/>
    <mergeCell ref="AH494:AJ494"/>
    <mergeCell ref="C493:D493"/>
    <mergeCell ref="E493:T493"/>
    <mergeCell ref="V493:Z493"/>
    <mergeCell ref="AA493:AC493"/>
    <mergeCell ref="AF493:AG493"/>
    <mergeCell ref="AH493:AJ493"/>
    <mergeCell ref="C498:D498"/>
    <mergeCell ref="E498:T498"/>
    <mergeCell ref="V498:Z498"/>
    <mergeCell ref="AA498:AC498"/>
    <mergeCell ref="AF498:AG498"/>
    <mergeCell ref="AH498:AJ498"/>
    <mergeCell ref="C497:D497"/>
    <mergeCell ref="E497:T497"/>
    <mergeCell ref="V497:Z497"/>
    <mergeCell ref="AA497:AC497"/>
    <mergeCell ref="AF497:AG497"/>
    <mergeCell ref="AH497:AJ497"/>
    <mergeCell ref="C496:D496"/>
    <mergeCell ref="E496:T496"/>
    <mergeCell ref="V496:Z496"/>
    <mergeCell ref="AA496:AC496"/>
    <mergeCell ref="AF496:AG496"/>
    <mergeCell ref="AH496:AJ496"/>
    <mergeCell ref="AD502:AE503"/>
    <mergeCell ref="AF502:AG503"/>
    <mergeCell ref="AH502:AJ503"/>
    <mergeCell ref="AK502:AK503"/>
    <mergeCell ref="C504:D504"/>
    <mergeCell ref="E504:T504"/>
    <mergeCell ref="V504:Z504"/>
    <mergeCell ref="AA504:AC504"/>
    <mergeCell ref="AF504:AG504"/>
    <mergeCell ref="AH504:AJ504"/>
    <mergeCell ref="AA500:AC500"/>
    <mergeCell ref="AA501:AC501"/>
    <mergeCell ref="C502:D503"/>
    <mergeCell ref="E502:T503"/>
    <mergeCell ref="V502:Z503"/>
    <mergeCell ref="AA502:AC503"/>
    <mergeCell ref="C499:D499"/>
    <mergeCell ref="E499:T499"/>
    <mergeCell ref="V499:Z499"/>
    <mergeCell ref="AA499:AC499"/>
    <mergeCell ref="AF499:AG499"/>
    <mergeCell ref="AH499:AJ499"/>
    <mergeCell ref="C507:D507"/>
    <mergeCell ref="E507:T507"/>
    <mergeCell ref="V507:Z507"/>
    <mergeCell ref="AA507:AC507"/>
    <mergeCell ref="AF507:AG507"/>
    <mergeCell ref="AH507:AJ507"/>
    <mergeCell ref="C506:D506"/>
    <mergeCell ref="E506:T506"/>
    <mergeCell ref="V506:Z506"/>
    <mergeCell ref="AA506:AC506"/>
    <mergeCell ref="AF506:AG506"/>
    <mergeCell ref="AH506:AJ506"/>
    <mergeCell ref="C505:D505"/>
    <mergeCell ref="E505:T505"/>
    <mergeCell ref="V505:Z505"/>
    <mergeCell ref="AA505:AC505"/>
    <mergeCell ref="AF505:AG505"/>
    <mergeCell ref="AH505:AJ505"/>
    <mergeCell ref="C510:D510"/>
    <mergeCell ref="E510:T510"/>
    <mergeCell ref="V510:Z510"/>
    <mergeCell ref="AA510:AC510"/>
    <mergeCell ref="AF510:AG510"/>
    <mergeCell ref="AH510:AJ510"/>
    <mergeCell ref="C509:D509"/>
    <mergeCell ref="E509:T509"/>
    <mergeCell ref="V509:Z509"/>
    <mergeCell ref="AA509:AC509"/>
    <mergeCell ref="AF509:AG509"/>
    <mergeCell ref="AH509:AJ509"/>
    <mergeCell ref="C508:D508"/>
    <mergeCell ref="E508:T508"/>
    <mergeCell ref="V508:Z508"/>
    <mergeCell ref="AA508:AC508"/>
    <mergeCell ref="AF508:AG508"/>
    <mergeCell ref="AH508:AJ508"/>
    <mergeCell ref="C513:D513"/>
    <mergeCell ref="E513:T513"/>
    <mergeCell ref="V513:Z513"/>
    <mergeCell ref="AA513:AC513"/>
    <mergeCell ref="AF513:AG513"/>
    <mergeCell ref="AH513:AJ513"/>
    <mergeCell ref="C512:D512"/>
    <mergeCell ref="E512:T512"/>
    <mergeCell ref="V512:Z512"/>
    <mergeCell ref="AA512:AC512"/>
    <mergeCell ref="AF512:AG512"/>
    <mergeCell ref="AH512:AJ512"/>
    <mergeCell ref="C511:D511"/>
    <mergeCell ref="E511:T511"/>
    <mergeCell ref="V511:Z511"/>
    <mergeCell ref="AA511:AC511"/>
    <mergeCell ref="AF511:AG511"/>
    <mergeCell ref="AH511:AJ511"/>
    <mergeCell ref="C516:D516"/>
    <mergeCell ref="E516:T516"/>
    <mergeCell ref="V516:Z516"/>
    <mergeCell ref="AA516:AC516"/>
    <mergeCell ref="AF516:AG516"/>
    <mergeCell ref="AH516:AJ516"/>
    <mergeCell ref="C515:D515"/>
    <mergeCell ref="E515:T515"/>
    <mergeCell ref="V515:Z515"/>
    <mergeCell ref="AA515:AC515"/>
    <mergeCell ref="AF515:AG515"/>
    <mergeCell ref="AH515:AJ515"/>
    <mergeCell ref="C514:D514"/>
    <mergeCell ref="E514:T514"/>
    <mergeCell ref="V514:Z514"/>
    <mergeCell ref="AA514:AC514"/>
    <mergeCell ref="AF514:AG514"/>
    <mergeCell ref="AH514:AJ514"/>
    <mergeCell ref="C519:D519"/>
    <mergeCell ref="E519:T519"/>
    <mergeCell ref="V519:Z519"/>
    <mergeCell ref="AA519:AC519"/>
    <mergeCell ref="AF519:AG519"/>
    <mergeCell ref="AH519:AJ519"/>
    <mergeCell ref="C518:D518"/>
    <mergeCell ref="E518:T518"/>
    <mergeCell ref="V518:Z518"/>
    <mergeCell ref="AA518:AC518"/>
    <mergeCell ref="AF518:AG518"/>
    <mergeCell ref="AH518:AJ518"/>
    <mergeCell ref="C517:D517"/>
    <mergeCell ref="E517:T517"/>
    <mergeCell ref="V517:Z517"/>
    <mergeCell ref="AA517:AC517"/>
    <mergeCell ref="AF517:AG517"/>
    <mergeCell ref="AH517:AJ517"/>
    <mergeCell ref="C522:D522"/>
    <mergeCell ref="E522:T522"/>
    <mergeCell ref="V522:Z522"/>
    <mergeCell ref="AA522:AC522"/>
    <mergeCell ref="AF522:AG522"/>
    <mergeCell ref="AH522:AJ522"/>
    <mergeCell ref="C521:D521"/>
    <mergeCell ref="E521:T521"/>
    <mergeCell ref="V521:Z521"/>
    <mergeCell ref="AA521:AC521"/>
    <mergeCell ref="AF521:AG521"/>
    <mergeCell ref="AH521:AJ521"/>
    <mergeCell ref="C520:D520"/>
    <mergeCell ref="E520:T520"/>
    <mergeCell ref="V520:Z520"/>
    <mergeCell ref="AA520:AC520"/>
    <mergeCell ref="AF520:AG520"/>
    <mergeCell ref="AH520:AJ520"/>
    <mergeCell ref="C525:D525"/>
    <mergeCell ref="E525:T525"/>
    <mergeCell ref="V525:Z525"/>
    <mergeCell ref="AA525:AC525"/>
    <mergeCell ref="AF525:AG525"/>
    <mergeCell ref="AH525:AJ525"/>
    <mergeCell ref="C524:D524"/>
    <mergeCell ref="E524:T524"/>
    <mergeCell ref="V524:Z524"/>
    <mergeCell ref="AA524:AC524"/>
    <mergeCell ref="AF524:AG524"/>
    <mergeCell ref="AH524:AJ524"/>
    <mergeCell ref="C523:D523"/>
    <mergeCell ref="E523:T523"/>
    <mergeCell ref="V523:Z523"/>
    <mergeCell ref="AA523:AC523"/>
    <mergeCell ref="AF523:AG523"/>
    <mergeCell ref="AH523:AJ523"/>
    <mergeCell ref="C528:D528"/>
    <mergeCell ref="E528:T528"/>
    <mergeCell ref="V528:Z528"/>
    <mergeCell ref="AA528:AC528"/>
    <mergeCell ref="AF528:AG528"/>
    <mergeCell ref="AH528:AJ528"/>
    <mergeCell ref="C527:D527"/>
    <mergeCell ref="E527:T527"/>
    <mergeCell ref="V527:Z527"/>
    <mergeCell ref="AA527:AC527"/>
    <mergeCell ref="AF527:AG527"/>
    <mergeCell ref="AH527:AJ527"/>
    <mergeCell ref="C526:D526"/>
    <mergeCell ref="E526:T526"/>
    <mergeCell ref="V526:Z526"/>
    <mergeCell ref="AA526:AC526"/>
    <mergeCell ref="AF526:AG526"/>
    <mergeCell ref="AH526:AJ526"/>
    <mergeCell ref="C531:D531"/>
    <mergeCell ref="E531:T531"/>
    <mergeCell ref="V531:Z531"/>
    <mergeCell ref="AA531:AC531"/>
    <mergeCell ref="AF531:AG531"/>
    <mergeCell ref="AH531:AJ531"/>
    <mergeCell ref="C530:D530"/>
    <mergeCell ref="E530:T530"/>
    <mergeCell ref="V530:Z530"/>
    <mergeCell ref="AA530:AC530"/>
    <mergeCell ref="AF530:AG530"/>
    <mergeCell ref="AH530:AJ530"/>
    <mergeCell ref="C529:D529"/>
    <mergeCell ref="E529:T529"/>
    <mergeCell ref="V529:Z529"/>
    <mergeCell ref="AA529:AC529"/>
    <mergeCell ref="AF529:AG529"/>
    <mergeCell ref="AH529:AJ529"/>
    <mergeCell ref="C534:D534"/>
    <mergeCell ref="E534:T534"/>
    <mergeCell ref="V534:Z534"/>
    <mergeCell ref="AA534:AC534"/>
    <mergeCell ref="AF534:AG534"/>
    <mergeCell ref="AH534:AJ534"/>
    <mergeCell ref="C533:D533"/>
    <mergeCell ref="E533:T533"/>
    <mergeCell ref="V533:Z533"/>
    <mergeCell ref="AA533:AC533"/>
    <mergeCell ref="AF533:AG533"/>
    <mergeCell ref="AH533:AJ533"/>
    <mergeCell ref="C532:D532"/>
    <mergeCell ref="E532:T532"/>
    <mergeCell ref="V532:Z532"/>
    <mergeCell ref="AA532:AC532"/>
    <mergeCell ref="AF532:AG532"/>
    <mergeCell ref="AH532:AJ532"/>
    <mergeCell ref="C537:D537"/>
    <mergeCell ref="E537:T537"/>
    <mergeCell ref="V537:Z537"/>
    <mergeCell ref="AA537:AC537"/>
    <mergeCell ref="AF537:AG537"/>
    <mergeCell ref="AH537:AJ537"/>
    <mergeCell ref="C536:D536"/>
    <mergeCell ref="E536:T536"/>
    <mergeCell ref="V536:Z536"/>
    <mergeCell ref="AA536:AC536"/>
    <mergeCell ref="AF536:AG536"/>
    <mergeCell ref="AH536:AJ536"/>
    <mergeCell ref="C535:D535"/>
    <mergeCell ref="E535:T535"/>
    <mergeCell ref="V535:Z535"/>
    <mergeCell ref="AA535:AC535"/>
    <mergeCell ref="AF535:AG535"/>
    <mergeCell ref="AH535:AJ535"/>
    <mergeCell ref="C540:D540"/>
    <mergeCell ref="E540:T540"/>
    <mergeCell ref="V540:Z540"/>
    <mergeCell ref="AA540:AC540"/>
    <mergeCell ref="AF540:AG540"/>
    <mergeCell ref="AH540:AJ540"/>
    <mergeCell ref="C539:D539"/>
    <mergeCell ref="E539:T539"/>
    <mergeCell ref="V539:Z539"/>
    <mergeCell ref="AA539:AC539"/>
    <mergeCell ref="AF539:AG539"/>
    <mergeCell ref="AH539:AJ539"/>
    <mergeCell ref="C538:D538"/>
    <mergeCell ref="E538:T538"/>
    <mergeCell ref="V538:Z538"/>
    <mergeCell ref="AA538:AC538"/>
    <mergeCell ref="AF538:AG538"/>
    <mergeCell ref="AH538:AJ538"/>
    <mergeCell ref="C543:D543"/>
    <mergeCell ref="E543:T543"/>
    <mergeCell ref="V543:Z543"/>
    <mergeCell ref="AA543:AC543"/>
    <mergeCell ref="AF543:AG543"/>
    <mergeCell ref="AH543:AJ543"/>
    <mergeCell ref="C542:D542"/>
    <mergeCell ref="E542:T542"/>
    <mergeCell ref="V542:Z542"/>
    <mergeCell ref="AA542:AC542"/>
    <mergeCell ref="AF542:AG542"/>
    <mergeCell ref="AH542:AJ542"/>
    <mergeCell ref="C541:D541"/>
    <mergeCell ref="E541:T541"/>
    <mergeCell ref="V541:Z541"/>
    <mergeCell ref="AA541:AC541"/>
    <mergeCell ref="AF541:AG541"/>
    <mergeCell ref="AH541:AJ541"/>
    <mergeCell ref="C546:D546"/>
    <mergeCell ref="E546:T546"/>
    <mergeCell ref="V546:Z546"/>
    <mergeCell ref="AA546:AC546"/>
    <mergeCell ref="AF546:AG546"/>
    <mergeCell ref="AH546:AJ546"/>
    <mergeCell ref="C545:D545"/>
    <mergeCell ref="E545:T545"/>
    <mergeCell ref="V545:Z545"/>
    <mergeCell ref="AA545:AC545"/>
    <mergeCell ref="AF545:AG545"/>
    <mergeCell ref="AH545:AJ545"/>
    <mergeCell ref="C544:D544"/>
    <mergeCell ref="E544:T544"/>
    <mergeCell ref="V544:Z544"/>
    <mergeCell ref="AA544:AC544"/>
    <mergeCell ref="AF544:AG544"/>
    <mergeCell ref="AH544:AJ544"/>
    <mergeCell ref="C549:D549"/>
    <mergeCell ref="E549:T549"/>
    <mergeCell ref="V549:Z549"/>
    <mergeCell ref="AA549:AC549"/>
    <mergeCell ref="AF549:AG549"/>
    <mergeCell ref="AH549:AJ549"/>
    <mergeCell ref="C548:D548"/>
    <mergeCell ref="E548:T548"/>
    <mergeCell ref="V548:Z548"/>
    <mergeCell ref="AA548:AC548"/>
    <mergeCell ref="AF548:AG548"/>
    <mergeCell ref="AH548:AJ548"/>
    <mergeCell ref="C547:D547"/>
    <mergeCell ref="E547:T547"/>
    <mergeCell ref="V547:Z547"/>
    <mergeCell ref="AA547:AC547"/>
    <mergeCell ref="AF547:AG547"/>
    <mergeCell ref="AH547:AJ547"/>
    <mergeCell ref="C552:D552"/>
    <mergeCell ref="E552:T552"/>
    <mergeCell ref="V552:Z552"/>
    <mergeCell ref="AA552:AC552"/>
    <mergeCell ref="AF552:AG552"/>
    <mergeCell ref="AH552:AJ552"/>
    <mergeCell ref="C551:D551"/>
    <mergeCell ref="E551:T551"/>
    <mergeCell ref="V551:Z551"/>
    <mergeCell ref="AA551:AC551"/>
    <mergeCell ref="AF551:AG551"/>
    <mergeCell ref="AH551:AJ551"/>
    <mergeCell ref="C550:D550"/>
    <mergeCell ref="E550:T550"/>
    <mergeCell ref="V550:Z550"/>
    <mergeCell ref="AA550:AC550"/>
    <mergeCell ref="AF550:AG550"/>
    <mergeCell ref="AH550:AJ550"/>
    <mergeCell ref="C555:D555"/>
    <mergeCell ref="E555:T555"/>
    <mergeCell ref="V555:Z555"/>
    <mergeCell ref="AA555:AC555"/>
    <mergeCell ref="AF555:AG555"/>
    <mergeCell ref="AH555:AJ555"/>
    <mergeCell ref="C554:D554"/>
    <mergeCell ref="E554:T554"/>
    <mergeCell ref="V554:Z554"/>
    <mergeCell ref="AA554:AC554"/>
    <mergeCell ref="AF554:AG554"/>
    <mergeCell ref="AH554:AJ554"/>
    <mergeCell ref="C553:D553"/>
    <mergeCell ref="E553:T553"/>
    <mergeCell ref="V553:Z553"/>
    <mergeCell ref="AA553:AC553"/>
    <mergeCell ref="AF553:AG553"/>
    <mergeCell ref="AH553:AJ553"/>
    <mergeCell ref="C558:D558"/>
    <mergeCell ref="E558:T558"/>
    <mergeCell ref="V558:Z558"/>
    <mergeCell ref="AA558:AC558"/>
    <mergeCell ref="AF558:AG558"/>
    <mergeCell ref="AH558:AJ558"/>
    <mergeCell ref="C557:D557"/>
    <mergeCell ref="E557:T557"/>
    <mergeCell ref="V557:Z557"/>
    <mergeCell ref="AA557:AC557"/>
    <mergeCell ref="AF557:AG557"/>
    <mergeCell ref="AH557:AJ557"/>
    <mergeCell ref="C556:D556"/>
    <mergeCell ref="E556:T556"/>
    <mergeCell ref="V556:Z556"/>
    <mergeCell ref="AA556:AC556"/>
    <mergeCell ref="AF556:AG556"/>
    <mergeCell ref="AH556:AJ556"/>
    <mergeCell ref="C561:D561"/>
    <mergeCell ref="E561:T561"/>
    <mergeCell ref="V561:Z561"/>
    <mergeCell ref="AA561:AC561"/>
    <mergeCell ref="AF561:AG561"/>
    <mergeCell ref="AH561:AJ561"/>
    <mergeCell ref="C560:D560"/>
    <mergeCell ref="E560:T560"/>
    <mergeCell ref="V560:Z560"/>
    <mergeCell ref="AA560:AC560"/>
    <mergeCell ref="AF560:AG560"/>
    <mergeCell ref="AH560:AJ560"/>
    <mergeCell ref="C559:D559"/>
    <mergeCell ref="E559:T559"/>
    <mergeCell ref="V559:Z559"/>
    <mergeCell ref="AA559:AC559"/>
    <mergeCell ref="AF559:AG559"/>
    <mergeCell ref="AH559:AJ559"/>
    <mergeCell ref="C564:D564"/>
    <mergeCell ref="E564:T564"/>
    <mergeCell ref="V564:Z564"/>
    <mergeCell ref="AA564:AC564"/>
    <mergeCell ref="AF564:AG564"/>
    <mergeCell ref="AH564:AJ564"/>
    <mergeCell ref="C563:D563"/>
    <mergeCell ref="E563:T563"/>
    <mergeCell ref="V563:Z563"/>
    <mergeCell ref="AA563:AC563"/>
    <mergeCell ref="AF563:AG563"/>
    <mergeCell ref="AH563:AJ563"/>
    <mergeCell ref="C562:D562"/>
    <mergeCell ref="E562:T562"/>
    <mergeCell ref="V562:Z562"/>
    <mergeCell ref="AA562:AC562"/>
    <mergeCell ref="AF562:AG562"/>
    <mergeCell ref="AH562:AJ562"/>
    <mergeCell ref="AA567:AC567"/>
    <mergeCell ref="AA568:AC568"/>
    <mergeCell ref="C569:D570"/>
    <mergeCell ref="E569:T570"/>
    <mergeCell ref="V569:Z570"/>
    <mergeCell ref="AA569:AC570"/>
    <mergeCell ref="C566:D566"/>
    <mergeCell ref="E566:T566"/>
    <mergeCell ref="V566:Z566"/>
    <mergeCell ref="AA566:AC566"/>
    <mergeCell ref="AF566:AG566"/>
    <mergeCell ref="AH566:AJ566"/>
    <mergeCell ref="C565:D565"/>
    <mergeCell ref="E565:T565"/>
    <mergeCell ref="V565:Z565"/>
    <mergeCell ref="AA565:AC565"/>
    <mergeCell ref="AF565:AG565"/>
    <mergeCell ref="AH565:AJ565"/>
    <mergeCell ref="C573:D573"/>
    <mergeCell ref="E573:T573"/>
    <mergeCell ref="V573:Z573"/>
    <mergeCell ref="AA573:AC573"/>
    <mergeCell ref="AF573:AG573"/>
    <mergeCell ref="AH573:AJ573"/>
    <mergeCell ref="C572:D572"/>
    <mergeCell ref="E572:T572"/>
    <mergeCell ref="V572:Z572"/>
    <mergeCell ref="AA572:AC572"/>
    <mergeCell ref="AF572:AG572"/>
    <mergeCell ref="AH572:AJ572"/>
    <mergeCell ref="AD569:AE570"/>
    <mergeCell ref="AF569:AG570"/>
    <mergeCell ref="AH569:AJ570"/>
    <mergeCell ref="AK569:AK570"/>
    <mergeCell ref="C571:D571"/>
    <mergeCell ref="E571:T571"/>
    <mergeCell ref="V571:Z571"/>
    <mergeCell ref="AA571:AC571"/>
    <mergeCell ref="AF571:AG571"/>
    <mergeCell ref="AH571:AJ571"/>
    <mergeCell ref="C576:D576"/>
    <mergeCell ref="E576:T576"/>
    <mergeCell ref="V576:Z576"/>
    <mergeCell ref="AA576:AC576"/>
    <mergeCell ref="AF576:AG576"/>
    <mergeCell ref="AH576:AJ576"/>
    <mergeCell ref="C575:D575"/>
    <mergeCell ref="E575:T575"/>
    <mergeCell ref="V575:Z575"/>
    <mergeCell ref="AA575:AC575"/>
    <mergeCell ref="AF575:AG575"/>
    <mergeCell ref="AH575:AJ575"/>
    <mergeCell ref="C574:D574"/>
    <mergeCell ref="E574:T574"/>
    <mergeCell ref="V574:Z574"/>
    <mergeCell ref="AA574:AC574"/>
    <mergeCell ref="AF574:AG574"/>
    <mergeCell ref="AH574:AJ574"/>
    <mergeCell ref="C579:D579"/>
    <mergeCell ref="E579:T579"/>
    <mergeCell ref="V579:Z579"/>
    <mergeCell ref="AA579:AC579"/>
    <mergeCell ref="AF579:AG579"/>
    <mergeCell ref="AH579:AJ579"/>
    <mergeCell ref="C578:D578"/>
    <mergeCell ref="E578:T578"/>
    <mergeCell ref="V578:Z578"/>
    <mergeCell ref="AA578:AC578"/>
    <mergeCell ref="AF578:AG578"/>
    <mergeCell ref="AH578:AJ578"/>
    <mergeCell ref="C577:D577"/>
    <mergeCell ref="E577:T577"/>
    <mergeCell ref="V577:Z577"/>
    <mergeCell ref="AA577:AC577"/>
    <mergeCell ref="AF577:AG577"/>
    <mergeCell ref="AH577:AJ577"/>
    <mergeCell ref="C582:D582"/>
    <mergeCell ref="E582:T582"/>
    <mergeCell ref="V582:Z582"/>
    <mergeCell ref="AA582:AC582"/>
    <mergeCell ref="AF582:AG582"/>
    <mergeCell ref="AH582:AJ582"/>
    <mergeCell ref="C581:D581"/>
    <mergeCell ref="E581:T581"/>
    <mergeCell ref="V581:Z581"/>
    <mergeCell ref="AA581:AC581"/>
    <mergeCell ref="AF581:AG581"/>
    <mergeCell ref="AH581:AJ581"/>
    <mergeCell ref="C580:D580"/>
    <mergeCell ref="E580:T580"/>
    <mergeCell ref="V580:Z580"/>
    <mergeCell ref="AA580:AC580"/>
    <mergeCell ref="AF580:AG580"/>
    <mergeCell ref="AH580:AJ580"/>
    <mergeCell ref="C585:D585"/>
    <mergeCell ref="E585:T585"/>
    <mergeCell ref="V585:Z585"/>
    <mergeCell ref="AA585:AC585"/>
    <mergeCell ref="AF585:AG585"/>
    <mergeCell ref="AH585:AJ585"/>
    <mergeCell ref="C584:D584"/>
    <mergeCell ref="E584:T584"/>
    <mergeCell ref="V584:Z584"/>
    <mergeCell ref="AA584:AC584"/>
    <mergeCell ref="AF584:AG584"/>
    <mergeCell ref="AH584:AJ584"/>
    <mergeCell ref="C583:D583"/>
    <mergeCell ref="E583:T583"/>
    <mergeCell ref="V583:Z583"/>
    <mergeCell ref="AA583:AC583"/>
    <mergeCell ref="AF583:AG583"/>
    <mergeCell ref="AH583:AJ583"/>
    <mergeCell ref="C588:D588"/>
    <mergeCell ref="E588:T588"/>
    <mergeCell ref="V588:Z588"/>
    <mergeCell ref="AA588:AC588"/>
    <mergeCell ref="AF588:AG588"/>
    <mergeCell ref="AH588:AJ588"/>
    <mergeCell ref="C587:D587"/>
    <mergeCell ref="E587:T587"/>
    <mergeCell ref="V587:Z587"/>
    <mergeCell ref="AA587:AC587"/>
    <mergeCell ref="AF587:AG587"/>
    <mergeCell ref="AH587:AJ587"/>
    <mergeCell ref="C586:D586"/>
    <mergeCell ref="E586:T586"/>
    <mergeCell ref="V586:Z586"/>
    <mergeCell ref="AA586:AC586"/>
    <mergeCell ref="AF586:AG586"/>
    <mergeCell ref="AH586:AJ586"/>
    <mergeCell ref="C591:D591"/>
    <mergeCell ref="E591:T591"/>
    <mergeCell ref="V591:Z591"/>
    <mergeCell ref="AA591:AC591"/>
    <mergeCell ref="AF591:AG591"/>
    <mergeCell ref="AH591:AJ591"/>
    <mergeCell ref="C590:D590"/>
    <mergeCell ref="E590:T590"/>
    <mergeCell ref="V590:Z590"/>
    <mergeCell ref="AA590:AC590"/>
    <mergeCell ref="AF590:AG590"/>
    <mergeCell ref="AH590:AJ590"/>
    <mergeCell ref="C589:D589"/>
    <mergeCell ref="E589:T589"/>
    <mergeCell ref="V589:Z589"/>
    <mergeCell ref="AA589:AC589"/>
    <mergeCell ref="AF589:AG589"/>
    <mergeCell ref="AH589:AJ589"/>
    <mergeCell ref="C594:D594"/>
    <mergeCell ref="E594:T594"/>
    <mergeCell ref="V594:Z594"/>
    <mergeCell ref="AA594:AC594"/>
    <mergeCell ref="AF594:AG594"/>
    <mergeCell ref="AH594:AJ594"/>
    <mergeCell ref="C593:D593"/>
    <mergeCell ref="E593:T593"/>
    <mergeCell ref="V593:Z593"/>
    <mergeCell ref="AA593:AC593"/>
    <mergeCell ref="AF593:AG593"/>
    <mergeCell ref="AH593:AJ593"/>
    <mergeCell ref="C592:D592"/>
    <mergeCell ref="E592:T592"/>
    <mergeCell ref="V592:Z592"/>
    <mergeCell ref="AA592:AC592"/>
    <mergeCell ref="AF592:AG592"/>
    <mergeCell ref="AH592:AJ592"/>
    <mergeCell ref="C597:D597"/>
    <mergeCell ref="E597:T597"/>
    <mergeCell ref="V597:Z597"/>
    <mergeCell ref="AA597:AC597"/>
    <mergeCell ref="AF597:AG597"/>
    <mergeCell ref="AH597:AJ597"/>
    <mergeCell ref="C596:D596"/>
    <mergeCell ref="E596:T596"/>
    <mergeCell ref="V596:Z596"/>
    <mergeCell ref="AA596:AC596"/>
    <mergeCell ref="AF596:AG596"/>
    <mergeCell ref="AH596:AJ596"/>
    <mergeCell ref="C595:D595"/>
    <mergeCell ref="E595:T595"/>
    <mergeCell ref="V595:Z595"/>
    <mergeCell ref="AA595:AC595"/>
    <mergeCell ref="AF595:AG595"/>
    <mergeCell ref="AH595:AJ595"/>
    <mergeCell ref="C600:D600"/>
    <mergeCell ref="E600:T600"/>
    <mergeCell ref="V600:Z600"/>
    <mergeCell ref="AA600:AC600"/>
    <mergeCell ref="AF600:AG600"/>
    <mergeCell ref="AH600:AJ600"/>
    <mergeCell ref="C599:D599"/>
    <mergeCell ref="E599:T599"/>
    <mergeCell ref="V599:Z599"/>
    <mergeCell ref="AA599:AC599"/>
    <mergeCell ref="AF599:AG599"/>
    <mergeCell ref="AH599:AJ599"/>
    <mergeCell ref="C598:D598"/>
    <mergeCell ref="E598:T598"/>
    <mergeCell ref="V598:Z598"/>
    <mergeCell ref="AA598:AC598"/>
    <mergeCell ref="AF598:AG598"/>
    <mergeCell ref="AH598:AJ598"/>
    <mergeCell ref="C603:D603"/>
    <mergeCell ref="E603:T603"/>
    <mergeCell ref="V603:Z603"/>
    <mergeCell ref="AA603:AC603"/>
    <mergeCell ref="AF603:AG603"/>
    <mergeCell ref="AH603:AJ603"/>
    <mergeCell ref="C602:D602"/>
    <mergeCell ref="E602:T602"/>
    <mergeCell ref="V602:Z602"/>
    <mergeCell ref="AA602:AC602"/>
    <mergeCell ref="AF602:AG602"/>
    <mergeCell ref="AH602:AJ602"/>
    <mergeCell ref="C601:D601"/>
    <mergeCell ref="E601:T601"/>
    <mergeCell ref="V601:Z601"/>
    <mergeCell ref="AA601:AC601"/>
    <mergeCell ref="AF601:AG601"/>
    <mergeCell ref="AH601:AJ601"/>
    <mergeCell ref="C606:D606"/>
    <mergeCell ref="E606:T606"/>
    <mergeCell ref="V606:Z606"/>
    <mergeCell ref="AA606:AC606"/>
    <mergeCell ref="AF606:AG606"/>
    <mergeCell ref="AH606:AJ606"/>
    <mergeCell ref="C605:D605"/>
    <mergeCell ref="E605:T605"/>
    <mergeCell ref="V605:Z605"/>
    <mergeCell ref="AA605:AC605"/>
    <mergeCell ref="AF605:AG605"/>
    <mergeCell ref="AH605:AJ605"/>
    <mergeCell ref="C604:D604"/>
    <mergeCell ref="E604:T604"/>
    <mergeCell ref="V604:Z604"/>
    <mergeCell ref="AA604:AC604"/>
    <mergeCell ref="AF604:AG604"/>
    <mergeCell ref="AH604:AJ604"/>
    <mergeCell ref="AA609:AC609"/>
    <mergeCell ref="AA610:AC610"/>
    <mergeCell ref="C611:D612"/>
    <mergeCell ref="E611:T612"/>
    <mergeCell ref="V611:Z612"/>
    <mergeCell ref="AA611:AC612"/>
    <mergeCell ref="C608:D608"/>
    <mergeCell ref="E608:T608"/>
    <mergeCell ref="V608:Z608"/>
    <mergeCell ref="AA608:AC608"/>
    <mergeCell ref="AF608:AG608"/>
    <mergeCell ref="AH608:AJ608"/>
    <mergeCell ref="C607:D607"/>
    <mergeCell ref="E607:T607"/>
    <mergeCell ref="V607:Z607"/>
    <mergeCell ref="AA607:AC607"/>
    <mergeCell ref="AF607:AG607"/>
    <mergeCell ref="AH607:AJ607"/>
    <mergeCell ref="C615:D615"/>
    <mergeCell ref="E615:T615"/>
    <mergeCell ref="V615:Z615"/>
    <mergeCell ref="AA615:AC615"/>
    <mergeCell ref="AF615:AG615"/>
    <mergeCell ref="AH615:AJ615"/>
    <mergeCell ref="C614:D614"/>
    <mergeCell ref="E614:T614"/>
    <mergeCell ref="V614:Z614"/>
    <mergeCell ref="AA614:AC614"/>
    <mergeCell ref="AF614:AG614"/>
    <mergeCell ref="AH614:AJ614"/>
    <mergeCell ref="AD611:AE612"/>
    <mergeCell ref="AF611:AG612"/>
    <mergeCell ref="AH611:AJ612"/>
    <mergeCell ref="AK611:AK612"/>
    <mergeCell ref="C613:D613"/>
    <mergeCell ref="E613:T613"/>
    <mergeCell ref="V613:Z613"/>
    <mergeCell ref="AA613:AC613"/>
    <mergeCell ref="AF613:AG613"/>
    <mergeCell ref="AH613:AJ613"/>
    <mergeCell ref="C618:D618"/>
    <mergeCell ref="E618:T618"/>
    <mergeCell ref="V618:Z618"/>
    <mergeCell ref="AA618:AC618"/>
    <mergeCell ref="AF618:AG618"/>
    <mergeCell ref="AH618:AJ618"/>
    <mergeCell ref="C617:D617"/>
    <mergeCell ref="E617:T617"/>
    <mergeCell ref="V617:Z617"/>
    <mergeCell ref="AA617:AC617"/>
    <mergeCell ref="AF617:AG617"/>
    <mergeCell ref="AH617:AJ617"/>
    <mergeCell ref="C616:D616"/>
    <mergeCell ref="E616:T616"/>
    <mergeCell ref="V616:Z616"/>
    <mergeCell ref="AA616:AC616"/>
    <mergeCell ref="AF616:AG616"/>
    <mergeCell ref="AH616:AJ616"/>
    <mergeCell ref="C621:D621"/>
    <mergeCell ref="E621:T621"/>
    <mergeCell ref="V621:Z621"/>
    <mergeCell ref="AA621:AC621"/>
    <mergeCell ref="AF621:AG621"/>
    <mergeCell ref="AH621:AJ621"/>
    <mergeCell ref="C620:D620"/>
    <mergeCell ref="E620:T620"/>
    <mergeCell ref="V620:Z620"/>
    <mergeCell ref="AA620:AC620"/>
    <mergeCell ref="AF620:AG620"/>
    <mergeCell ref="AH620:AJ620"/>
    <mergeCell ref="C619:D619"/>
    <mergeCell ref="E619:T619"/>
    <mergeCell ref="V619:Z619"/>
    <mergeCell ref="AA619:AC619"/>
    <mergeCell ref="AF619:AG619"/>
    <mergeCell ref="AH619:AJ619"/>
    <mergeCell ref="C624:D624"/>
    <mergeCell ref="E624:T624"/>
    <mergeCell ref="V624:Z624"/>
    <mergeCell ref="AA624:AC624"/>
    <mergeCell ref="AF624:AG624"/>
    <mergeCell ref="AH624:AJ624"/>
    <mergeCell ref="C623:D623"/>
    <mergeCell ref="E623:T623"/>
    <mergeCell ref="V623:Z623"/>
    <mergeCell ref="AA623:AC623"/>
    <mergeCell ref="AF623:AG623"/>
    <mergeCell ref="AH623:AJ623"/>
    <mergeCell ref="C622:D622"/>
    <mergeCell ref="E622:T622"/>
    <mergeCell ref="V622:Z622"/>
    <mergeCell ref="AA622:AC622"/>
    <mergeCell ref="AF622:AG622"/>
    <mergeCell ref="AH622:AJ622"/>
    <mergeCell ref="C627:D627"/>
    <mergeCell ref="E627:T627"/>
    <mergeCell ref="V627:Z627"/>
    <mergeCell ref="AA627:AC627"/>
    <mergeCell ref="AF627:AG627"/>
    <mergeCell ref="AH627:AJ627"/>
    <mergeCell ref="C626:D626"/>
    <mergeCell ref="E626:T626"/>
    <mergeCell ref="V626:Z626"/>
    <mergeCell ref="AA626:AC626"/>
    <mergeCell ref="AF626:AG626"/>
    <mergeCell ref="AH626:AJ626"/>
    <mergeCell ref="C625:D625"/>
    <mergeCell ref="E625:T625"/>
    <mergeCell ref="V625:Z625"/>
    <mergeCell ref="AA625:AC625"/>
    <mergeCell ref="AF625:AG625"/>
    <mergeCell ref="AH625:AJ625"/>
    <mergeCell ref="AD631:AE632"/>
    <mergeCell ref="AF631:AG632"/>
    <mergeCell ref="AH631:AJ632"/>
    <mergeCell ref="AK631:AK632"/>
    <mergeCell ref="C633:D633"/>
    <mergeCell ref="E633:T633"/>
    <mergeCell ref="V633:Z633"/>
    <mergeCell ref="AA633:AC633"/>
    <mergeCell ref="AF633:AG633"/>
    <mergeCell ref="AH633:AJ633"/>
    <mergeCell ref="AA629:AC629"/>
    <mergeCell ref="AA630:AC630"/>
    <mergeCell ref="C631:D632"/>
    <mergeCell ref="E631:T632"/>
    <mergeCell ref="V631:Z632"/>
    <mergeCell ref="AA631:AC632"/>
    <mergeCell ref="C628:D628"/>
    <mergeCell ref="E628:T628"/>
    <mergeCell ref="V628:Z628"/>
    <mergeCell ref="AA628:AC628"/>
    <mergeCell ref="AF628:AG628"/>
    <mergeCell ref="AH628:AJ628"/>
    <mergeCell ref="C636:D636"/>
    <mergeCell ref="E636:T636"/>
    <mergeCell ref="V636:Z636"/>
    <mergeCell ref="AA636:AC636"/>
    <mergeCell ref="AF636:AG636"/>
    <mergeCell ref="AH636:AJ636"/>
    <mergeCell ref="C635:D635"/>
    <mergeCell ref="E635:T635"/>
    <mergeCell ref="V635:Z635"/>
    <mergeCell ref="AA635:AC635"/>
    <mergeCell ref="AF635:AG635"/>
    <mergeCell ref="AH635:AJ635"/>
    <mergeCell ref="C634:D634"/>
    <mergeCell ref="E634:T634"/>
    <mergeCell ref="V634:Z634"/>
    <mergeCell ref="AA634:AC634"/>
    <mergeCell ref="AF634:AG634"/>
    <mergeCell ref="AH634:AJ634"/>
    <mergeCell ref="C639:D639"/>
    <mergeCell ref="E639:T639"/>
    <mergeCell ref="V639:Z639"/>
    <mergeCell ref="AA639:AC639"/>
    <mergeCell ref="AF639:AG639"/>
    <mergeCell ref="AH639:AJ639"/>
    <mergeCell ref="C638:D638"/>
    <mergeCell ref="E638:T638"/>
    <mergeCell ref="V638:Z638"/>
    <mergeCell ref="AA638:AC638"/>
    <mergeCell ref="AF638:AG638"/>
    <mergeCell ref="AH638:AJ638"/>
    <mergeCell ref="C637:D637"/>
    <mergeCell ref="E637:T637"/>
    <mergeCell ref="V637:Z637"/>
    <mergeCell ref="AA637:AC637"/>
    <mergeCell ref="AF637:AG637"/>
    <mergeCell ref="AH637:AJ637"/>
    <mergeCell ref="C642:D642"/>
    <mergeCell ref="E642:T642"/>
    <mergeCell ref="V642:Z642"/>
    <mergeCell ref="AA642:AC642"/>
    <mergeCell ref="AF642:AG642"/>
    <mergeCell ref="AH642:AJ642"/>
    <mergeCell ref="C641:D641"/>
    <mergeCell ref="E641:T641"/>
    <mergeCell ref="V641:Z641"/>
    <mergeCell ref="AA641:AC641"/>
    <mergeCell ref="AF641:AG641"/>
    <mergeCell ref="AH641:AJ641"/>
    <mergeCell ref="C640:D640"/>
    <mergeCell ref="E640:T640"/>
    <mergeCell ref="V640:Z640"/>
    <mergeCell ref="AA640:AC640"/>
    <mergeCell ref="AF640:AG640"/>
    <mergeCell ref="AH640:AJ640"/>
    <mergeCell ref="C645:D645"/>
    <mergeCell ref="E645:T645"/>
    <mergeCell ref="V645:Z645"/>
    <mergeCell ref="AA645:AC645"/>
    <mergeCell ref="AF645:AG645"/>
    <mergeCell ref="AH645:AJ645"/>
    <mergeCell ref="C644:D644"/>
    <mergeCell ref="E644:T644"/>
    <mergeCell ref="V644:Z644"/>
    <mergeCell ref="AA644:AC644"/>
    <mergeCell ref="AF644:AG644"/>
    <mergeCell ref="AH644:AJ644"/>
    <mergeCell ref="C643:D643"/>
    <mergeCell ref="E643:T643"/>
    <mergeCell ref="V643:Z643"/>
    <mergeCell ref="AA643:AC643"/>
    <mergeCell ref="AF643:AG643"/>
    <mergeCell ref="AH643:AJ643"/>
    <mergeCell ref="C648:D648"/>
    <mergeCell ref="E648:T648"/>
    <mergeCell ref="V648:Z648"/>
    <mergeCell ref="AA648:AC648"/>
    <mergeCell ref="AF648:AG648"/>
    <mergeCell ref="AH648:AJ648"/>
    <mergeCell ref="C647:D647"/>
    <mergeCell ref="E647:T647"/>
    <mergeCell ref="V647:Z647"/>
    <mergeCell ref="AA647:AC647"/>
    <mergeCell ref="AF647:AG647"/>
    <mergeCell ref="AH647:AJ647"/>
    <mergeCell ref="C646:D646"/>
    <mergeCell ref="E646:T646"/>
    <mergeCell ref="V646:Z646"/>
    <mergeCell ref="AA646:AC646"/>
    <mergeCell ref="AF646:AG646"/>
    <mergeCell ref="AH646:AJ646"/>
    <mergeCell ref="C651:D651"/>
    <mergeCell ref="E651:T651"/>
    <mergeCell ref="V651:Z651"/>
    <mergeCell ref="AA651:AC651"/>
    <mergeCell ref="AF651:AG651"/>
    <mergeCell ref="AH651:AJ651"/>
    <mergeCell ref="C650:D650"/>
    <mergeCell ref="E650:T650"/>
    <mergeCell ref="V650:Z650"/>
    <mergeCell ref="AA650:AC650"/>
    <mergeCell ref="AF650:AG650"/>
    <mergeCell ref="AH650:AJ650"/>
    <mergeCell ref="C649:D649"/>
    <mergeCell ref="E649:T649"/>
    <mergeCell ref="V649:Z649"/>
    <mergeCell ref="AA649:AC649"/>
    <mergeCell ref="AF649:AG649"/>
    <mergeCell ref="AH649:AJ649"/>
    <mergeCell ref="C654:D654"/>
    <mergeCell ref="E654:T654"/>
    <mergeCell ref="V654:Z654"/>
    <mergeCell ref="AA654:AC654"/>
    <mergeCell ref="AF654:AG654"/>
    <mergeCell ref="AH654:AJ654"/>
    <mergeCell ref="C653:D653"/>
    <mergeCell ref="E653:T653"/>
    <mergeCell ref="V653:Z653"/>
    <mergeCell ref="AA653:AC653"/>
    <mergeCell ref="AF653:AG653"/>
    <mergeCell ref="AH653:AJ653"/>
    <mergeCell ref="C652:D652"/>
    <mergeCell ref="E652:T652"/>
    <mergeCell ref="V652:Z652"/>
    <mergeCell ref="AA652:AC652"/>
    <mergeCell ref="AF652:AG652"/>
    <mergeCell ref="AH652:AJ652"/>
    <mergeCell ref="C657:D657"/>
    <mergeCell ref="E657:T657"/>
    <mergeCell ref="V657:Z657"/>
    <mergeCell ref="AA657:AC657"/>
    <mergeCell ref="AF657:AG657"/>
    <mergeCell ref="AH657:AJ657"/>
    <mergeCell ref="C656:D656"/>
    <mergeCell ref="E656:T656"/>
    <mergeCell ref="V656:Z656"/>
    <mergeCell ref="AA656:AC656"/>
    <mergeCell ref="AF656:AG656"/>
    <mergeCell ref="AH656:AJ656"/>
    <mergeCell ref="C655:D655"/>
    <mergeCell ref="E655:T655"/>
    <mergeCell ref="V655:Z655"/>
    <mergeCell ref="AA655:AC655"/>
    <mergeCell ref="AF655:AG655"/>
    <mergeCell ref="AH655:AJ655"/>
    <mergeCell ref="C663:D663"/>
    <mergeCell ref="E663:T663"/>
    <mergeCell ref="V663:Z663"/>
    <mergeCell ref="AA663:AC663"/>
    <mergeCell ref="AF663:AG663"/>
    <mergeCell ref="AH663:AJ663"/>
    <mergeCell ref="AD660:AE661"/>
    <mergeCell ref="AF660:AG661"/>
    <mergeCell ref="AH660:AJ661"/>
    <mergeCell ref="AK660:AK661"/>
    <mergeCell ref="C662:D662"/>
    <mergeCell ref="E662:T662"/>
    <mergeCell ref="V662:Z662"/>
    <mergeCell ref="AA662:AC662"/>
    <mergeCell ref="AF662:AG662"/>
    <mergeCell ref="AH662:AJ662"/>
    <mergeCell ref="AA658:AC658"/>
    <mergeCell ref="AA659:AC659"/>
    <mergeCell ref="C660:D661"/>
    <mergeCell ref="E660:T661"/>
    <mergeCell ref="V660:Z661"/>
    <mergeCell ref="AA660:AC661"/>
    <mergeCell ref="C666:D666"/>
    <mergeCell ref="E666:T666"/>
    <mergeCell ref="V666:Z666"/>
    <mergeCell ref="AA666:AC666"/>
    <mergeCell ref="AF666:AG666"/>
    <mergeCell ref="AH666:AJ666"/>
    <mergeCell ref="C665:D665"/>
    <mergeCell ref="E665:T665"/>
    <mergeCell ref="V665:Z665"/>
    <mergeCell ref="AA665:AC665"/>
    <mergeCell ref="AF665:AG665"/>
    <mergeCell ref="AH665:AJ665"/>
    <mergeCell ref="C664:D664"/>
    <mergeCell ref="E664:T664"/>
    <mergeCell ref="V664:Z664"/>
    <mergeCell ref="AA664:AC664"/>
    <mergeCell ref="AF664:AG664"/>
    <mergeCell ref="AH664:AJ664"/>
    <mergeCell ref="C669:D669"/>
    <mergeCell ref="E669:T669"/>
    <mergeCell ref="V669:Z669"/>
    <mergeCell ref="AA669:AC669"/>
    <mergeCell ref="AF669:AG669"/>
    <mergeCell ref="AH669:AJ669"/>
    <mergeCell ref="C668:D668"/>
    <mergeCell ref="E668:T668"/>
    <mergeCell ref="V668:Z668"/>
    <mergeCell ref="AA668:AC668"/>
    <mergeCell ref="AF668:AG668"/>
    <mergeCell ref="AH668:AJ668"/>
    <mergeCell ref="C667:D667"/>
    <mergeCell ref="E667:T667"/>
    <mergeCell ref="V667:Z667"/>
    <mergeCell ref="AA667:AC667"/>
    <mergeCell ref="AF667:AG667"/>
    <mergeCell ref="AH667:AJ667"/>
    <mergeCell ref="C672:D672"/>
    <mergeCell ref="E672:T672"/>
    <mergeCell ref="V672:Z672"/>
    <mergeCell ref="AA672:AC672"/>
    <mergeCell ref="AF672:AG672"/>
    <mergeCell ref="AH672:AJ672"/>
    <mergeCell ref="C671:D671"/>
    <mergeCell ref="E671:T671"/>
    <mergeCell ref="V671:Z671"/>
    <mergeCell ref="AA671:AC671"/>
    <mergeCell ref="AF671:AG671"/>
    <mergeCell ref="AH671:AJ671"/>
    <mergeCell ref="C670:D670"/>
    <mergeCell ref="E670:T670"/>
    <mergeCell ref="V670:Z670"/>
    <mergeCell ref="AA670:AC670"/>
    <mergeCell ref="AF670:AG670"/>
    <mergeCell ref="AH670:AJ670"/>
    <mergeCell ref="AA675:AC675"/>
    <mergeCell ref="AA676:AC676"/>
    <mergeCell ref="C677:D678"/>
    <mergeCell ref="E677:T678"/>
    <mergeCell ref="V677:Z678"/>
    <mergeCell ref="AA677:AC678"/>
    <mergeCell ref="C674:D674"/>
    <mergeCell ref="E674:T674"/>
    <mergeCell ref="V674:Z674"/>
    <mergeCell ref="AA674:AC674"/>
    <mergeCell ref="AF674:AG674"/>
    <mergeCell ref="AH674:AJ674"/>
    <mergeCell ref="C673:D673"/>
    <mergeCell ref="E673:T673"/>
    <mergeCell ref="V673:Z673"/>
    <mergeCell ref="AA673:AC673"/>
    <mergeCell ref="AF673:AG673"/>
    <mergeCell ref="AH673:AJ673"/>
    <mergeCell ref="C681:D681"/>
    <mergeCell ref="E681:T681"/>
    <mergeCell ref="V681:Z681"/>
    <mergeCell ref="AA681:AC681"/>
    <mergeCell ref="AF681:AG681"/>
    <mergeCell ref="AH681:AJ681"/>
    <mergeCell ref="C680:D680"/>
    <mergeCell ref="E680:T680"/>
    <mergeCell ref="V680:Z680"/>
    <mergeCell ref="AA680:AC680"/>
    <mergeCell ref="AF680:AG680"/>
    <mergeCell ref="AH680:AJ680"/>
    <mergeCell ref="AD677:AE678"/>
    <mergeCell ref="AF677:AG678"/>
    <mergeCell ref="AH677:AJ678"/>
    <mergeCell ref="AK677:AK678"/>
    <mergeCell ref="C679:D679"/>
    <mergeCell ref="E679:T679"/>
    <mergeCell ref="V679:Z679"/>
    <mergeCell ref="AA679:AC679"/>
    <mergeCell ref="AF679:AG679"/>
    <mergeCell ref="AH679:AJ679"/>
    <mergeCell ref="C684:D684"/>
    <mergeCell ref="E684:T684"/>
    <mergeCell ref="V684:Z684"/>
    <mergeCell ref="AA684:AC684"/>
    <mergeCell ref="AF684:AG684"/>
    <mergeCell ref="AH684:AJ684"/>
    <mergeCell ref="C683:D683"/>
    <mergeCell ref="E683:T683"/>
    <mergeCell ref="V683:Z683"/>
    <mergeCell ref="AA683:AC683"/>
    <mergeCell ref="AF683:AG683"/>
    <mergeCell ref="AH683:AJ683"/>
    <mergeCell ref="C682:D682"/>
    <mergeCell ref="E682:T682"/>
    <mergeCell ref="V682:Z682"/>
    <mergeCell ref="AA682:AC682"/>
    <mergeCell ref="AF682:AG682"/>
    <mergeCell ref="AH682:AJ682"/>
    <mergeCell ref="C687:D687"/>
    <mergeCell ref="E687:T687"/>
    <mergeCell ref="V687:Z687"/>
    <mergeCell ref="AA687:AC687"/>
    <mergeCell ref="AF687:AG687"/>
    <mergeCell ref="AH687:AJ687"/>
    <mergeCell ref="C686:D686"/>
    <mergeCell ref="E686:T686"/>
    <mergeCell ref="V686:Z686"/>
    <mergeCell ref="AA686:AC686"/>
    <mergeCell ref="AF686:AG686"/>
    <mergeCell ref="AH686:AJ686"/>
    <mergeCell ref="C685:D685"/>
    <mergeCell ref="E685:T685"/>
    <mergeCell ref="V685:Z685"/>
    <mergeCell ref="AA685:AC685"/>
    <mergeCell ref="AF685:AG685"/>
    <mergeCell ref="AH685:AJ685"/>
    <mergeCell ref="C690:D690"/>
    <mergeCell ref="E690:T690"/>
    <mergeCell ref="V690:Z690"/>
    <mergeCell ref="AA690:AC690"/>
    <mergeCell ref="AF690:AG690"/>
    <mergeCell ref="AH690:AJ690"/>
    <mergeCell ref="C689:D689"/>
    <mergeCell ref="E689:T689"/>
    <mergeCell ref="V689:Z689"/>
    <mergeCell ref="AA689:AC689"/>
    <mergeCell ref="AF689:AG689"/>
    <mergeCell ref="AH689:AJ689"/>
    <mergeCell ref="C688:D688"/>
    <mergeCell ref="E688:T688"/>
    <mergeCell ref="V688:Z688"/>
    <mergeCell ref="AA688:AC688"/>
    <mergeCell ref="AF688:AG688"/>
    <mergeCell ref="AH688:AJ688"/>
    <mergeCell ref="C693:D693"/>
    <mergeCell ref="E693:T693"/>
    <mergeCell ref="V693:Z693"/>
    <mergeCell ref="AA693:AC693"/>
    <mergeCell ref="AF693:AG693"/>
    <mergeCell ref="AH693:AJ693"/>
    <mergeCell ref="C692:D692"/>
    <mergeCell ref="E692:T692"/>
    <mergeCell ref="V692:Z692"/>
    <mergeCell ref="AA692:AC692"/>
    <mergeCell ref="AF692:AG692"/>
    <mergeCell ref="AH692:AJ692"/>
    <mergeCell ref="C691:D691"/>
    <mergeCell ref="E691:T691"/>
    <mergeCell ref="V691:Z691"/>
    <mergeCell ref="AA691:AC691"/>
    <mergeCell ref="AF691:AG691"/>
    <mergeCell ref="AH691:AJ691"/>
    <mergeCell ref="C696:D696"/>
    <mergeCell ref="E696:T696"/>
    <mergeCell ref="V696:Z696"/>
    <mergeCell ref="AA696:AC696"/>
    <mergeCell ref="AF696:AG696"/>
    <mergeCell ref="AH696:AJ696"/>
    <mergeCell ref="C695:D695"/>
    <mergeCell ref="E695:T695"/>
    <mergeCell ref="V695:Z695"/>
    <mergeCell ref="AA695:AC695"/>
    <mergeCell ref="AF695:AG695"/>
    <mergeCell ref="AH695:AJ695"/>
    <mergeCell ref="C694:D694"/>
    <mergeCell ref="E694:T694"/>
    <mergeCell ref="V694:Z694"/>
    <mergeCell ref="AA694:AC694"/>
    <mergeCell ref="AF694:AG694"/>
    <mergeCell ref="AH694:AJ694"/>
    <mergeCell ref="AA699:AC699"/>
    <mergeCell ref="AA700:AC700"/>
    <mergeCell ref="C701:D702"/>
    <mergeCell ref="E701:T702"/>
    <mergeCell ref="V701:Z702"/>
    <mergeCell ref="AA701:AC702"/>
    <mergeCell ref="C698:D698"/>
    <mergeCell ref="E698:T698"/>
    <mergeCell ref="V698:Z698"/>
    <mergeCell ref="AA698:AC698"/>
    <mergeCell ref="AF698:AG698"/>
    <mergeCell ref="AH698:AJ698"/>
    <mergeCell ref="C697:D697"/>
    <mergeCell ref="E697:T697"/>
    <mergeCell ref="V697:Z697"/>
    <mergeCell ref="AA697:AC697"/>
    <mergeCell ref="AF697:AG697"/>
    <mergeCell ref="AH697:AJ697"/>
    <mergeCell ref="C705:D705"/>
    <mergeCell ref="E705:T705"/>
    <mergeCell ref="V705:Z705"/>
    <mergeCell ref="AA705:AC705"/>
    <mergeCell ref="AF705:AG705"/>
    <mergeCell ref="AH705:AJ705"/>
    <mergeCell ref="C704:D704"/>
    <mergeCell ref="E704:T704"/>
    <mergeCell ref="V704:Z704"/>
    <mergeCell ref="AA704:AC704"/>
    <mergeCell ref="AF704:AG704"/>
    <mergeCell ref="AH704:AJ704"/>
    <mergeCell ref="AD701:AE702"/>
    <mergeCell ref="AF701:AG702"/>
    <mergeCell ref="AH701:AJ702"/>
    <mergeCell ref="AK701:AK702"/>
    <mergeCell ref="C703:D703"/>
    <mergeCell ref="E703:T703"/>
    <mergeCell ref="V703:Z703"/>
    <mergeCell ref="AA703:AC703"/>
    <mergeCell ref="AF703:AG703"/>
    <mergeCell ref="AH703:AJ703"/>
    <mergeCell ref="C708:D708"/>
    <mergeCell ref="E708:T708"/>
    <mergeCell ref="V708:Z708"/>
    <mergeCell ref="AA708:AC708"/>
    <mergeCell ref="AF708:AG708"/>
    <mergeCell ref="AH708:AJ708"/>
    <mergeCell ref="C707:D707"/>
    <mergeCell ref="E707:T707"/>
    <mergeCell ref="V707:Z707"/>
    <mergeCell ref="AA707:AC707"/>
    <mergeCell ref="AF707:AG707"/>
    <mergeCell ref="AH707:AJ707"/>
    <mergeCell ref="C706:D706"/>
    <mergeCell ref="E706:T706"/>
    <mergeCell ref="V706:Z706"/>
    <mergeCell ref="AA706:AC706"/>
    <mergeCell ref="AF706:AG706"/>
    <mergeCell ref="AH706:AJ706"/>
    <mergeCell ref="C711:D711"/>
    <mergeCell ref="E711:T711"/>
    <mergeCell ref="V711:Z711"/>
    <mergeCell ref="AA711:AC711"/>
    <mergeCell ref="AF711:AG711"/>
    <mergeCell ref="AH711:AJ711"/>
    <mergeCell ref="C710:D710"/>
    <mergeCell ref="E710:T710"/>
    <mergeCell ref="V710:Z710"/>
    <mergeCell ref="AA710:AC710"/>
    <mergeCell ref="AF710:AG710"/>
    <mergeCell ref="AH710:AJ710"/>
    <mergeCell ref="C709:D709"/>
    <mergeCell ref="E709:T709"/>
    <mergeCell ref="V709:Z709"/>
    <mergeCell ref="AA709:AC709"/>
    <mergeCell ref="AF709:AG709"/>
    <mergeCell ref="AH709:AJ709"/>
    <mergeCell ref="AA714:AC714"/>
    <mergeCell ref="AA715:AC715"/>
    <mergeCell ref="C716:D717"/>
    <mergeCell ref="E716:T717"/>
    <mergeCell ref="V716:Z717"/>
    <mergeCell ref="AA716:AC717"/>
    <mergeCell ref="C713:D713"/>
    <mergeCell ref="E713:T713"/>
    <mergeCell ref="V713:Z713"/>
    <mergeCell ref="AA713:AC713"/>
    <mergeCell ref="AF713:AG713"/>
    <mergeCell ref="AH713:AJ713"/>
    <mergeCell ref="C712:D712"/>
    <mergeCell ref="E712:T712"/>
    <mergeCell ref="V712:Z712"/>
    <mergeCell ref="AA712:AC712"/>
    <mergeCell ref="AF712:AG712"/>
    <mergeCell ref="AH712:AJ712"/>
    <mergeCell ref="C720:D720"/>
    <mergeCell ref="E720:T720"/>
    <mergeCell ref="V720:Z720"/>
    <mergeCell ref="AA720:AC720"/>
    <mergeCell ref="AF720:AG720"/>
    <mergeCell ref="AH720:AJ720"/>
    <mergeCell ref="C719:D719"/>
    <mergeCell ref="E719:T719"/>
    <mergeCell ref="V719:Z719"/>
    <mergeCell ref="AA719:AC719"/>
    <mergeCell ref="AF719:AG719"/>
    <mergeCell ref="AH719:AJ719"/>
    <mergeCell ref="AD716:AE717"/>
    <mergeCell ref="AF716:AG717"/>
    <mergeCell ref="AH716:AJ717"/>
    <mergeCell ref="AK716:AK717"/>
    <mergeCell ref="C718:D718"/>
    <mergeCell ref="E718:T718"/>
    <mergeCell ref="V718:Z718"/>
    <mergeCell ref="AA718:AC718"/>
    <mergeCell ref="AF718:AG718"/>
    <mergeCell ref="AH718:AJ718"/>
    <mergeCell ref="C723:D723"/>
    <mergeCell ref="E723:T723"/>
    <mergeCell ref="V723:Z723"/>
    <mergeCell ref="AA723:AC723"/>
    <mergeCell ref="AF723:AG723"/>
    <mergeCell ref="AH723:AJ723"/>
    <mergeCell ref="C722:D722"/>
    <mergeCell ref="E722:T722"/>
    <mergeCell ref="V722:Z722"/>
    <mergeCell ref="AA722:AC722"/>
    <mergeCell ref="AF722:AG722"/>
    <mergeCell ref="AH722:AJ722"/>
    <mergeCell ref="C721:D721"/>
    <mergeCell ref="E721:T721"/>
    <mergeCell ref="V721:Z721"/>
    <mergeCell ref="AA721:AC721"/>
    <mergeCell ref="AF721:AG721"/>
    <mergeCell ref="AH721:AJ721"/>
    <mergeCell ref="C726:D726"/>
    <mergeCell ref="E726:T726"/>
    <mergeCell ref="V726:Z726"/>
    <mergeCell ref="AA726:AC726"/>
    <mergeCell ref="AF726:AG726"/>
    <mergeCell ref="AH726:AJ726"/>
    <mergeCell ref="C725:D725"/>
    <mergeCell ref="E725:T725"/>
    <mergeCell ref="V725:Z725"/>
    <mergeCell ref="AA725:AC725"/>
    <mergeCell ref="AF725:AG725"/>
    <mergeCell ref="AH725:AJ725"/>
    <mergeCell ref="C724:D724"/>
    <mergeCell ref="E724:T724"/>
    <mergeCell ref="V724:Z724"/>
    <mergeCell ref="AA724:AC724"/>
    <mergeCell ref="AF724:AG724"/>
    <mergeCell ref="AH724:AJ724"/>
    <mergeCell ref="C729:D729"/>
    <mergeCell ref="E729:T729"/>
    <mergeCell ref="V729:Z729"/>
    <mergeCell ref="AA729:AC729"/>
    <mergeCell ref="AF729:AG729"/>
    <mergeCell ref="AH729:AJ729"/>
    <mergeCell ref="C728:D728"/>
    <mergeCell ref="E728:T728"/>
    <mergeCell ref="V728:Z728"/>
    <mergeCell ref="AA728:AC728"/>
    <mergeCell ref="AF728:AG728"/>
    <mergeCell ref="AH728:AJ728"/>
    <mergeCell ref="C727:D727"/>
    <mergeCell ref="E727:T727"/>
    <mergeCell ref="V727:Z727"/>
    <mergeCell ref="AA727:AC727"/>
    <mergeCell ref="AF727:AG727"/>
    <mergeCell ref="AH727:AJ727"/>
    <mergeCell ref="C735:D735"/>
    <mergeCell ref="E735:T735"/>
    <mergeCell ref="V735:Z735"/>
    <mergeCell ref="AA735:AC735"/>
    <mergeCell ref="AF735:AG735"/>
    <mergeCell ref="AH735:AJ735"/>
    <mergeCell ref="AD732:AE733"/>
    <mergeCell ref="AF732:AG733"/>
    <mergeCell ref="AH732:AJ733"/>
    <mergeCell ref="AK732:AK733"/>
    <mergeCell ref="C734:D734"/>
    <mergeCell ref="E734:T734"/>
    <mergeCell ref="V734:Z734"/>
    <mergeCell ref="AA734:AC734"/>
    <mergeCell ref="AF734:AG734"/>
    <mergeCell ref="AH734:AJ734"/>
    <mergeCell ref="AA730:AC730"/>
    <mergeCell ref="AA731:AC731"/>
    <mergeCell ref="C732:D733"/>
    <mergeCell ref="E732:T733"/>
    <mergeCell ref="V732:Z733"/>
    <mergeCell ref="AA732:AC733"/>
    <mergeCell ref="C738:D738"/>
    <mergeCell ref="E738:T738"/>
    <mergeCell ref="V738:Z738"/>
    <mergeCell ref="AA738:AC738"/>
    <mergeCell ref="AF738:AG738"/>
    <mergeCell ref="AH738:AJ738"/>
    <mergeCell ref="C737:D737"/>
    <mergeCell ref="E737:T737"/>
    <mergeCell ref="V737:Z737"/>
    <mergeCell ref="AA737:AC737"/>
    <mergeCell ref="AF737:AG737"/>
    <mergeCell ref="AH737:AJ737"/>
    <mergeCell ref="C736:D736"/>
    <mergeCell ref="E736:T736"/>
    <mergeCell ref="V736:Z736"/>
    <mergeCell ref="AA736:AC736"/>
    <mergeCell ref="AF736:AG736"/>
    <mergeCell ref="AH736:AJ736"/>
    <mergeCell ref="C741:D741"/>
    <mergeCell ref="E741:T741"/>
    <mergeCell ref="V741:Z741"/>
    <mergeCell ref="AA741:AC741"/>
    <mergeCell ref="AF741:AG741"/>
    <mergeCell ref="AH741:AJ741"/>
    <mergeCell ref="C740:D740"/>
    <mergeCell ref="E740:T740"/>
    <mergeCell ref="V740:Z740"/>
    <mergeCell ref="AA740:AC740"/>
    <mergeCell ref="AF740:AG740"/>
    <mergeCell ref="AH740:AJ740"/>
    <mergeCell ref="C739:D739"/>
    <mergeCell ref="E739:T739"/>
    <mergeCell ref="V739:Z739"/>
    <mergeCell ref="AA739:AC739"/>
    <mergeCell ref="AF739:AG739"/>
    <mergeCell ref="AH739:AJ739"/>
    <mergeCell ref="C744:D744"/>
    <mergeCell ref="E744:T744"/>
    <mergeCell ref="V744:Z744"/>
    <mergeCell ref="AA744:AC744"/>
    <mergeCell ref="AF744:AG744"/>
    <mergeCell ref="AH744:AJ744"/>
    <mergeCell ref="C743:D743"/>
    <mergeCell ref="E743:T743"/>
    <mergeCell ref="V743:Z743"/>
    <mergeCell ref="AA743:AC743"/>
    <mergeCell ref="AF743:AG743"/>
    <mergeCell ref="AH743:AJ743"/>
    <mergeCell ref="C742:D742"/>
    <mergeCell ref="E742:T742"/>
    <mergeCell ref="V742:Z742"/>
    <mergeCell ref="AA742:AC742"/>
    <mergeCell ref="AF742:AG742"/>
    <mergeCell ref="AH742:AJ742"/>
    <mergeCell ref="C747:D747"/>
    <mergeCell ref="E747:T747"/>
    <mergeCell ref="V747:Z747"/>
    <mergeCell ref="AA747:AC747"/>
    <mergeCell ref="AF747:AG747"/>
    <mergeCell ref="AH747:AJ747"/>
    <mergeCell ref="C746:D746"/>
    <mergeCell ref="E746:T746"/>
    <mergeCell ref="V746:Z746"/>
    <mergeCell ref="AA746:AC746"/>
    <mergeCell ref="AF746:AG746"/>
    <mergeCell ref="AH746:AJ746"/>
    <mergeCell ref="C745:D745"/>
    <mergeCell ref="E745:T745"/>
    <mergeCell ref="V745:Z745"/>
    <mergeCell ref="AA745:AC745"/>
    <mergeCell ref="AF745:AG745"/>
    <mergeCell ref="AH745:AJ745"/>
    <mergeCell ref="C750:D750"/>
    <mergeCell ref="E750:T750"/>
    <mergeCell ref="V750:Z750"/>
    <mergeCell ref="AA750:AC750"/>
    <mergeCell ref="AF750:AG750"/>
    <mergeCell ref="AH750:AJ750"/>
    <mergeCell ref="C749:D749"/>
    <mergeCell ref="E749:T749"/>
    <mergeCell ref="V749:Z749"/>
    <mergeCell ref="AA749:AC749"/>
    <mergeCell ref="AF749:AG749"/>
    <mergeCell ref="AH749:AJ749"/>
    <mergeCell ref="C748:D748"/>
    <mergeCell ref="E748:T748"/>
    <mergeCell ref="V748:Z748"/>
    <mergeCell ref="AA748:AC748"/>
    <mergeCell ref="AF748:AG748"/>
    <mergeCell ref="AH748:AJ748"/>
    <mergeCell ref="C753:D753"/>
    <mergeCell ref="E753:T753"/>
    <mergeCell ref="V753:Z753"/>
    <mergeCell ref="AA753:AC753"/>
    <mergeCell ref="AF753:AG753"/>
    <mergeCell ref="AH753:AJ753"/>
    <mergeCell ref="C752:D752"/>
    <mergeCell ref="E752:T752"/>
    <mergeCell ref="V752:Z752"/>
    <mergeCell ref="AA752:AC752"/>
    <mergeCell ref="AF752:AG752"/>
    <mergeCell ref="AH752:AJ752"/>
    <mergeCell ref="C751:D751"/>
    <mergeCell ref="E751:T751"/>
    <mergeCell ref="V751:Z751"/>
    <mergeCell ref="AA751:AC751"/>
    <mergeCell ref="AF751:AG751"/>
    <mergeCell ref="AH751:AJ751"/>
    <mergeCell ref="C756:D756"/>
    <mergeCell ref="E756:T756"/>
    <mergeCell ref="V756:Z756"/>
    <mergeCell ref="AA756:AC756"/>
    <mergeCell ref="AF756:AG756"/>
    <mergeCell ref="AH756:AJ756"/>
    <mergeCell ref="C755:D755"/>
    <mergeCell ref="E755:T755"/>
    <mergeCell ref="V755:Z755"/>
    <mergeCell ref="AA755:AC755"/>
    <mergeCell ref="AF755:AG755"/>
    <mergeCell ref="AH755:AJ755"/>
    <mergeCell ref="C754:D754"/>
    <mergeCell ref="E754:T754"/>
    <mergeCell ref="V754:Z754"/>
    <mergeCell ref="AA754:AC754"/>
    <mergeCell ref="AF754:AG754"/>
    <mergeCell ref="AH754:AJ754"/>
    <mergeCell ref="C759:D759"/>
    <mergeCell ref="E759:T759"/>
    <mergeCell ref="V759:Z759"/>
    <mergeCell ref="AA759:AC759"/>
    <mergeCell ref="AF759:AG759"/>
    <mergeCell ref="AH759:AJ759"/>
    <mergeCell ref="C758:D758"/>
    <mergeCell ref="E758:T758"/>
    <mergeCell ref="V758:Z758"/>
    <mergeCell ref="AA758:AC758"/>
    <mergeCell ref="AF758:AG758"/>
    <mergeCell ref="AH758:AJ758"/>
    <mergeCell ref="C757:D757"/>
    <mergeCell ref="E757:T757"/>
    <mergeCell ref="V757:Z757"/>
    <mergeCell ref="AA757:AC757"/>
    <mergeCell ref="AF757:AG757"/>
    <mergeCell ref="AH757:AJ757"/>
    <mergeCell ref="C762:D762"/>
    <mergeCell ref="E762:T762"/>
    <mergeCell ref="V762:Z762"/>
    <mergeCell ref="AA762:AC762"/>
    <mergeCell ref="AF762:AG762"/>
    <mergeCell ref="AH762:AJ762"/>
    <mergeCell ref="C761:D761"/>
    <mergeCell ref="E761:T761"/>
    <mergeCell ref="V761:Z761"/>
    <mergeCell ref="AA761:AC761"/>
    <mergeCell ref="AF761:AG761"/>
    <mergeCell ref="AH761:AJ761"/>
    <mergeCell ref="C760:D760"/>
    <mergeCell ref="E760:T760"/>
    <mergeCell ref="V760:Z760"/>
    <mergeCell ref="AA760:AC760"/>
    <mergeCell ref="AF760:AG760"/>
    <mergeCell ref="AH760:AJ760"/>
    <mergeCell ref="C765:D765"/>
    <mergeCell ref="E765:T765"/>
    <mergeCell ref="V765:Z765"/>
    <mergeCell ref="AA765:AC765"/>
    <mergeCell ref="AF765:AG765"/>
    <mergeCell ref="AH765:AJ765"/>
    <mergeCell ref="C764:D764"/>
    <mergeCell ref="E764:T764"/>
    <mergeCell ref="V764:Z764"/>
    <mergeCell ref="AA764:AC764"/>
    <mergeCell ref="AF764:AG764"/>
    <mergeCell ref="AH764:AJ764"/>
    <mergeCell ref="C763:D763"/>
    <mergeCell ref="E763:T763"/>
    <mergeCell ref="V763:Z763"/>
    <mergeCell ref="AA763:AC763"/>
    <mergeCell ref="AF763:AG763"/>
    <mergeCell ref="AH763:AJ763"/>
    <mergeCell ref="C768:D768"/>
    <mergeCell ref="E768:T768"/>
    <mergeCell ref="V768:Z768"/>
    <mergeCell ref="AA768:AC768"/>
    <mergeCell ref="AF768:AG768"/>
    <mergeCell ref="AH768:AJ768"/>
    <mergeCell ref="C767:D767"/>
    <mergeCell ref="E767:T767"/>
    <mergeCell ref="V767:Z767"/>
    <mergeCell ref="AA767:AC767"/>
    <mergeCell ref="AF767:AG767"/>
    <mergeCell ref="AH767:AJ767"/>
    <mergeCell ref="C766:D766"/>
    <mergeCell ref="E766:T766"/>
    <mergeCell ref="V766:Z766"/>
    <mergeCell ref="AA766:AC766"/>
    <mergeCell ref="AF766:AG766"/>
    <mergeCell ref="AH766:AJ766"/>
    <mergeCell ref="C771:D771"/>
    <mergeCell ref="E771:T771"/>
    <mergeCell ref="V771:Z771"/>
    <mergeCell ref="AA771:AC771"/>
    <mergeCell ref="AF771:AG771"/>
    <mergeCell ref="AH771:AJ771"/>
    <mergeCell ref="C770:D770"/>
    <mergeCell ref="E770:T770"/>
    <mergeCell ref="V770:Z770"/>
    <mergeCell ref="AA770:AC770"/>
    <mergeCell ref="AF770:AG770"/>
    <mergeCell ref="AH770:AJ770"/>
    <mergeCell ref="C769:D769"/>
    <mergeCell ref="E769:T769"/>
    <mergeCell ref="V769:Z769"/>
    <mergeCell ref="AA769:AC769"/>
    <mergeCell ref="AF769:AG769"/>
    <mergeCell ref="AH769:AJ769"/>
    <mergeCell ref="C774:D774"/>
    <mergeCell ref="E774:T774"/>
    <mergeCell ref="V774:Z774"/>
    <mergeCell ref="AA774:AC774"/>
    <mergeCell ref="AF774:AG774"/>
    <mergeCell ref="AH774:AJ774"/>
    <mergeCell ref="C773:D773"/>
    <mergeCell ref="E773:T773"/>
    <mergeCell ref="V773:Z773"/>
    <mergeCell ref="AA773:AC773"/>
    <mergeCell ref="AF773:AG773"/>
    <mergeCell ref="AH773:AJ773"/>
    <mergeCell ref="C772:D772"/>
    <mergeCell ref="E772:T772"/>
    <mergeCell ref="V772:Z772"/>
    <mergeCell ref="AA772:AC772"/>
    <mergeCell ref="AF772:AG772"/>
    <mergeCell ref="AH772:AJ772"/>
    <mergeCell ref="C780:D780"/>
    <mergeCell ref="E780:T780"/>
    <mergeCell ref="V780:Z780"/>
    <mergeCell ref="AA780:AC780"/>
    <mergeCell ref="AF780:AG780"/>
    <mergeCell ref="AH780:AJ780"/>
    <mergeCell ref="AD777:AE778"/>
    <mergeCell ref="AF777:AG778"/>
    <mergeCell ref="AH777:AJ778"/>
    <mergeCell ref="AK777:AK778"/>
    <mergeCell ref="C779:D779"/>
    <mergeCell ref="E779:T779"/>
    <mergeCell ref="V779:Z779"/>
    <mergeCell ref="AA779:AC779"/>
    <mergeCell ref="AF779:AG779"/>
    <mergeCell ref="AH779:AJ779"/>
    <mergeCell ref="AA775:AC775"/>
    <mergeCell ref="AA776:AC776"/>
    <mergeCell ref="C777:D778"/>
    <mergeCell ref="E777:T778"/>
    <mergeCell ref="V777:Z778"/>
    <mergeCell ref="AA777:AC778"/>
    <mergeCell ref="C783:D783"/>
    <mergeCell ref="E783:T783"/>
    <mergeCell ref="V783:Z783"/>
    <mergeCell ref="AA783:AC783"/>
    <mergeCell ref="AF783:AG783"/>
    <mergeCell ref="AH783:AJ783"/>
    <mergeCell ref="C782:D782"/>
    <mergeCell ref="E782:T782"/>
    <mergeCell ref="V782:Z782"/>
    <mergeCell ref="AA782:AC782"/>
    <mergeCell ref="AF782:AG782"/>
    <mergeCell ref="AH782:AJ782"/>
    <mergeCell ref="C781:D781"/>
    <mergeCell ref="E781:T781"/>
    <mergeCell ref="V781:Z781"/>
    <mergeCell ref="AA781:AC781"/>
    <mergeCell ref="AF781:AG781"/>
    <mergeCell ref="AH781:AJ781"/>
    <mergeCell ref="C786:D786"/>
    <mergeCell ref="E786:T786"/>
    <mergeCell ref="V786:Z786"/>
    <mergeCell ref="AA786:AC786"/>
    <mergeCell ref="AF786:AG786"/>
    <mergeCell ref="AH786:AJ786"/>
    <mergeCell ref="C785:D785"/>
    <mergeCell ref="E785:T785"/>
    <mergeCell ref="V785:Z785"/>
    <mergeCell ref="AA785:AC785"/>
    <mergeCell ref="AF785:AG785"/>
    <mergeCell ref="AH785:AJ785"/>
    <mergeCell ref="C784:D784"/>
    <mergeCell ref="E784:T784"/>
    <mergeCell ref="V784:Z784"/>
    <mergeCell ref="AA784:AC784"/>
    <mergeCell ref="AF784:AG784"/>
    <mergeCell ref="AH784:AJ784"/>
    <mergeCell ref="C789:D789"/>
    <mergeCell ref="E789:T789"/>
    <mergeCell ref="V789:Z789"/>
    <mergeCell ref="AA789:AC789"/>
    <mergeCell ref="AF789:AG789"/>
    <mergeCell ref="AH789:AJ789"/>
    <mergeCell ref="C788:D788"/>
    <mergeCell ref="E788:T788"/>
    <mergeCell ref="V788:Z788"/>
    <mergeCell ref="AA788:AC788"/>
    <mergeCell ref="AF788:AG788"/>
    <mergeCell ref="AH788:AJ788"/>
    <mergeCell ref="C787:D787"/>
    <mergeCell ref="E787:T787"/>
    <mergeCell ref="V787:Z787"/>
    <mergeCell ref="AA787:AC787"/>
    <mergeCell ref="AF787:AG787"/>
    <mergeCell ref="AH787:AJ787"/>
    <mergeCell ref="C792:D792"/>
    <mergeCell ref="E792:T792"/>
    <mergeCell ref="V792:Z792"/>
    <mergeCell ref="AA792:AC792"/>
    <mergeCell ref="AF792:AG792"/>
    <mergeCell ref="AH792:AJ792"/>
    <mergeCell ref="C791:D791"/>
    <mergeCell ref="E791:T791"/>
    <mergeCell ref="V791:Z791"/>
    <mergeCell ref="AA791:AC791"/>
    <mergeCell ref="AF791:AG791"/>
    <mergeCell ref="AH791:AJ791"/>
    <mergeCell ref="C790:D790"/>
    <mergeCell ref="E790:T790"/>
    <mergeCell ref="V790:Z790"/>
    <mergeCell ref="AA790:AC790"/>
    <mergeCell ref="AF790:AG790"/>
    <mergeCell ref="AH790:AJ790"/>
    <mergeCell ref="C795:D795"/>
    <mergeCell ref="E795:T795"/>
    <mergeCell ref="V795:Z795"/>
    <mergeCell ref="AA795:AC795"/>
    <mergeCell ref="AF795:AG795"/>
    <mergeCell ref="AH795:AJ795"/>
    <mergeCell ref="C794:D794"/>
    <mergeCell ref="E794:T794"/>
    <mergeCell ref="V794:Z794"/>
    <mergeCell ref="AA794:AC794"/>
    <mergeCell ref="AF794:AG794"/>
    <mergeCell ref="AH794:AJ794"/>
    <mergeCell ref="C793:D793"/>
    <mergeCell ref="E793:T793"/>
    <mergeCell ref="V793:Z793"/>
    <mergeCell ref="AA793:AC793"/>
    <mergeCell ref="AF793:AG793"/>
    <mergeCell ref="AH793:AJ793"/>
    <mergeCell ref="C798:D798"/>
    <mergeCell ref="E798:T798"/>
    <mergeCell ref="V798:Z798"/>
    <mergeCell ref="AA798:AC798"/>
    <mergeCell ref="AF798:AG798"/>
    <mergeCell ref="AH798:AJ798"/>
    <mergeCell ref="C797:D797"/>
    <mergeCell ref="E797:T797"/>
    <mergeCell ref="V797:Z797"/>
    <mergeCell ref="AA797:AC797"/>
    <mergeCell ref="AF797:AG797"/>
    <mergeCell ref="AH797:AJ797"/>
    <mergeCell ref="C796:D796"/>
    <mergeCell ref="E796:T796"/>
    <mergeCell ref="V796:Z796"/>
    <mergeCell ref="AA796:AC796"/>
    <mergeCell ref="AF796:AG796"/>
    <mergeCell ref="AH796:AJ796"/>
    <mergeCell ref="C801:D801"/>
    <mergeCell ref="E801:T801"/>
    <mergeCell ref="V801:Z801"/>
    <mergeCell ref="AA801:AC801"/>
    <mergeCell ref="AF801:AG801"/>
    <mergeCell ref="AH801:AJ801"/>
    <mergeCell ref="C800:D800"/>
    <mergeCell ref="E800:T800"/>
    <mergeCell ref="V800:Z800"/>
    <mergeCell ref="AA800:AC800"/>
    <mergeCell ref="AF800:AG800"/>
    <mergeCell ref="AH800:AJ800"/>
    <mergeCell ref="C799:D799"/>
    <mergeCell ref="E799:T799"/>
    <mergeCell ref="V799:Z799"/>
    <mergeCell ref="AA799:AC799"/>
    <mergeCell ref="AF799:AG799"/>
    <mergeCell ref="AH799:AJ799"/>
    <mergeCell ref="C804:D804"/>
    <mergeCell ref="E804:T804"/>
    <mergeCell ref="V804:Z804"/>
    <mergeCell ref="AA804:AC804"/>
    <mergeCell ref="AF804:AG804"/>
    <mergeCell ref="AH804:AJ804"/>
    <mergeCell ref="C803:D803"/>
    <mergeCell ref="E803:T803"/>
    <mergeCell ref="V803:Z803"/>
    <mergeCell ref="AA803:AC803"/>
    <mergeCell ref="AF803:AG803"/>
    <mergeCell ref="AH803:AJ803"/>
    <mergeCell ref="C802:D802"/>
    <mergeCell ref="E802:T802"/>
    <mergeCell ref="V802:Z802"/>
    <mergeCell ref="AA802:AC802"/>
    <mergeCell ref="AF802:AG802"/>
    <mergeCell ref="AH802:AJ802"/>
    <mergeCell ref="C807:D807"/>
    <mergeCell ref="E807:T807"/>
    <mergeCell ref="V807:Z807"/>
    <mergeCell ref="AA807:AC807"/>
    <mergeCell ref="AF807:AG807"/>
    <mergeCell ref="AH807:AJ807"/>
    <mergeCell ref="C806:D806"/>
    <mergeCell ref="E806:T806"/>
    <mergeCell ref="V806:Z806"/>
    <mergeCell ref="AA806:AC806"/>
    <mergeCell ref="AF806:AG806"/>
    <mergeCell ref="AH806:AJ806"/>
    <mergeCell ref="C805:D805"/>
    <mergeCell ref="E805:T805"/>
    <mergeCell ref="V805:Z805"/>
    <mergeCell ref="AA805:AC805"/>
    <mergeCell ref="AF805:AG805"/>
    <mergeCell ref="AH805:AJ805"/>
    <mergeCell ref="C810:D810"/>
    <mergeCell ref="E810:T810"/>
    <mergeCell ref="V810:Z810"/>
    <mergeCell ref="AA810:AC810"/>
    <mergeCell ref="AF810:AG810"/>
    <mergeCell ref="AH810:AJ810"/>
    <mergeCell ref="C809:D809"/>
    <mergeCell ref="E809:T809"/>
    <mergeCell ref="V809:Z809"/>
    <mergeCell ref="AA809:AC809"/>
    <mergeCell ref="AF809:AG809"/>
    <mergeCell ref="AH809:AJ809"/>
    <mergeCell ref="C808:D808"/>
    <mergeCell ref="E808:T808"/>
    <mergeCell ref="V808:Z808"/>
    <mergeCell ref="AA808:AC808"/>
    <mergeCell ref="AF808:AG808"/>
    <mergeCell ref="AH808:AJ808"/>
    <mergeCell ref="C813:D813"/>
    <mergeCell ref="E813:T813"/>
    <mergeCell ref="V813:Z813"/>
    <mergeCell ref="AA813:AC813"/>
    <mergeCell ref="AF813:AG813"/>
    <mergeCell ref="AH813:AJ813"/>
    <mergeCell ref="C812:D812"/>
    <mergeCell ref="E812:T812"/>
    <mergeCell ref="V812:Z812"/>
    <mergeCell ref="AA812:AC812"/>
    <mergeCell ref="AF812:AG812"/>
    <mergeCell ref="AH812:AJ812"/>
    <mergeCell ref="C811:D811"/>
    <mergeCell ref="E811:T811"/>
    <mergeCell ref="V811:Z811"/>
    <mergeCell ref="AA811:AC811"/>
    <mergeCell ref="AF811:AG811"/>
    <mergeCell ref="AH811:AJ811"/>
    <mergeCell ref="C816:D816"/>
    <mergeCell ref="E816:T816"/>
    <mergeCell ref="V816:Z816"/>
    <mergeCell ref="AA816:AC816"/>
    <mergeCell ref="AF816:AG816"/>
    <mergeCell ref="AH816:AJ816"/>
    <mergeCell ref="C815:D815"/>
    <mergeCell ref="E815:T815"/>
    <mergeCell ref="V815:Z815"/>
    <mergeCell ref="AA815:AC815"/>
    <mergeCell ref="AF815:AG815"/>
    <mergeCell ref="AH815:AJ815"/>
    <mergeCell ref="C814:D814"/>
    <mergeCell ref="E814:T814"/>
    <mergeCell ref="V814:Z814"/>
    <mergeCell ref="AA814:AC814"/>
    <mergeCell ref="AF814:AG814"/>
    <mergeCell ref="AH814:AJ814"/>
    <mergeCell ref="C819:D819"/>
    <mergeCell ref="E819:T819"/>
    <mergeCell ref="V819:Z819"/>
    <mergeCell ref="AA819:AC819"/>
    <mergeCell ref="AF819:AG819"/>
    <mergeCell ref="AH819:AJ819"/>
    <mergeCell ref="C818:D818"/>
    <mergeCell ref="E818:T818"/>
    <mergeCell ref="V818:Z818"/>
    <mergeCell ref="AA818:AC818"/>
    <mergeCell ref="AF818:AG818"/>
    <mergeCell ref="AH818:AJ818"/>
    <mergeCell ref="C817:D817"/>
    <mergeCell ref="E817:T817"/>
    <mergeCell ref="V817:Z817"/>
    <mergeCell ref="AA817:AC817"/>
    <mergeCell ref="AF817:AG817"/>
    <mergeCell ref="AH817:AJ817"/>
    <mergeCell ref="C825:D825"/>
    <mergeCell ref="E825:T825"/>
    <mergeCell ref="V825:Z825"/>
    <mergeCell ref="AA825:AC825"/>
    <mergeCell ref="AF825:AG825"/>
    <mergeCell ref="AH825:AJ825"/>
    <mergeCell ref="AD822:AE823"/>
    <mergeCell ref="AF822:AG823"/>
    <mergeCell ref="AH822:AJ823"/>
    <mergeCell ref="AK822:AK823"/>
    <mergeCell ref="C824:D824"/>
    <mergeCell ref="E824:T824"/>
    <mergeCell ref="V824:Z824"/>
    <mergeCell ref="AA824:AC824"/>
    <mergeCell ref="AF824:AG824"/>
    <mergeCell ref="AH824:AJ824"/>
    <mergeCell ref="AA820:AC820"/>
    <mergeCell ref="AA821:AC821"/>
    <mergeCell ref="C822:D823"/>
    <mergeCell ref="E822:T823"/>
    <mergeCell ref="V822:Z823"/>
    <mergeCell ref="AA822:AC823"/>
    <mergeCell ref="C828:D828"/>
    <mergeCell ref="E828:T828"/>
    <mergeCell ref="V828:Z828"/>
    <mergeCell ref="AA828:AC828"/>
    <mergeCell ref="AF828:AG828"/>
    <mergeCell ref="AH828:AJ828"/>
    <mergeCell ref="C827:D827"/>
    <mergeCell ref="E827:T827"/>
    <mergeCell ref="V827:Z827"/>
    <mergeCell ref="AA827:AC827"/>
    <mergeCell ref="AF827:AG827"/>
    <mergeCell ref="AH827:AJ827"/>
    <mergeCell ref="C826:D826"/>
    <mergeCell ref="E826:T826"/>
    <mergeCell ref="V826:Z826"/>
    <mergeCell ref="AA826:AC826"/>
    <mergeCell ref="AF826:AG826"/>
    <mergeCell ref="AH826:AJ826"/>
    <mergeCell ref="C831:D831"/>
    <mergeCell ref="E831:T831"/>
    <mergeCell ref="V831:Z831"/>
    <mergeCell ref="AA831:AC831"/>
    <mergeCell ref="AF831:AG831"/>
    <mergeCell ref="AH831:AJ831"/>
    <mergeCell ref="C830:D830"/>
    <mergeCell ref="E830:T830"/>
    <mergeCell ref="V830:Z830"/>
    <mergeCell ref="AA830:AC830"/>
    <mergeCell ref="AF830:AG830"/>
    <mergeCell ref="AH830:AJ830"/>
    <mergeCell ref="C829:D829"/>
    <mergeCell ref="E829:T829"/>
    <mergeCell ref="V829:Z829"/>
    <mergeCell ref="AA829:AC829"/>
    <mergeCell ref="AF829:AG829"/>
    <mergeCell ref="AH829:AJ829"/>
    <mergeCell ref="C834:D834"/>
    <mergeCell ref="E834:T834"/>
    <mergeCell ref="V834:Z834"/>
    <mergeCell ref="AA834:AC834"/>
    <mergeCell ref="AF834:AG834"/>
    <mergeCell ref="AH834:AJ834"/>
    <mergeCell ref="C833:D833"/>
    <mergeCell ref="E833:T833"/>
    <mergeCell ref="V833:Z833"/>
    <mergeCell ref="AA833:AC833"/>
    <mergeCell ref="AF833:AG833"/>
    <mergeCell ref="AH833:AJ833"/>
    <mergeCell ref="C832:D832"/>
    <mergeCell ref="E832:T832"/>
    <mergeCell ref="V832:Z832"/>
    <mergeCell ref="AA832:AC832"/>
    <mergeCell ref="AF832:AG832"/>
    <mergeCell ref="AH832:AJ832"/>
    <mergeCell ref="C837:D837"/>
    <mergeCell ref="E837:T837"/>
    <mergeCell ref="V837:Z837"/>
    <mergeCell ref="AA837:AC837"/>
    <mergeCell ref="AF837:AG837"/>
    <mergeCell ref="AH837:AJ837"/>
    <mergeCell ref="C836:D836"/>
    <mergeCell ref="E836:T836"/>
    <mergeCell ref="V836:Z836"/>
    <mergeCell ref="AA836:AC836"/>
    <mergeCell ref="AF836:AG836"/>
    <mergeCell ref="AH836:AJ836"/>
    <mergeCell ref="C835:D835"/>
    <mergeCell ref="E835:T835"/>
    <mergeCell ref="V835:Z835"/>
    <mergeCell ref="AA835:AC835"/>
    <mergeCell ref="AF835:AG835"/>
    <mergeCell ref="AH835:AJ835"/>
    <mergeCell ref="C840:D840"/>
    <mergeCell ref="E840:T840"/>
    <mergeCell ref="V840:Z840"/>
    <mergeCell ref="AA840:AC840"/>
    <mergeCell ref="AF840:AG840"/>
    <mergeCell ref="AH840:AJ840"/>
    <mergeCell ref="C839:D839"/>
    <mergeCell ref="E839:T839"/>
    <mergeCell ref="V839:Z839"/>
    <mergeCell ref="AA839:AC839"/>
    <mergeCell ref="AF839:AG839"/>
    <mergeCell ref="AH839:AJ839"/>
    <mergeCell ref="C838:D838"/>
    <mergeCell ref="E838:T838"/>
    <mergeCell ref="V838:Z838"/>
    <mergeCell ref="AA838:AC838"/>
    <mergeCell ref="AF838:AG838"/>
    <mergeCell ref="AH838:AJ838"/>
    <mergeCell ref="C843:D843"/>
    <mergeCell ref="E843:T843"/>
    <mergeCell ref="V843:Z843"/>
    <mergeCell ref="AA843:AC843"/>
    <mergeCell ref="AF843:AG843"/>
    <mergeCell ref="AH843:AJ843"/>
    <mergeCell ref="C842:D842"/>
    <mergeCell ref="E842:T842"/>
    <mergeCell ref="V842:Z842"/>
    <mergeCell ref="AA842:AC842"/>
    <mergeCell ref="AF842:AG842"/>
    <mergeCell ref="AH842:AJ842"/>
    <mergeCell ref="C841:D841"/>
    <mergeCell ref="E841:T841"/>
    <mergeCell ref="V841:Z841"/>
    <mergeCell ref="AA841:AC841"/>
    <mergeCell ref="AF841:AG841"/>
    <mergeCell ref="AH841:AJ841"/>
    <mergeCell ref="C846:D846"/>
    <mergeCell ref="E846:T846"/>
    <mergeCell ref="V846:Z846"/>
    <mergeCell ref="AA846:AC846"/>
    <mergeCell ref="AF846:AG846"/>
    <mergeCell ref="AH846:AJ846"/>
    <mergeCell ref="C845:D845"/>
    <mergeCell ref="E845:T845"/>
    <mergeCell ref="V845:Z845"/>
    <mergeCell ref="AA845:AC845"/>
    <mergeCell ref="AF845:AG845"/>
    <mergeCell ref="AH845:AJ845"/>
    <mergeCell ref="C844:D844"/>
    <mergeCell ref="E844:T844"/>
    <mergeCell ref="V844:Z844"/>
    <mergeCell ref="AA844:AC844"/>
    <mergeCell ref="AF844:AG844"/>
    <mergeCell ref="AH844:AJ844"/>
  </mergeCells>
  <phoneticPr fontId="24"/>
  <conditionalFormatting sqref="C1:AK10 C17:AK20 C11:AJ16 C23:AK25 C21:AJ22 C26:AJ26 C27:AK34 C113:AK127 C290:AK302 C40:AK54 C35:AJ39 C86:AK86 C85:AJ85 C89:AK91 C87:AJ88 C129:AK150 C128:AJ128 C159:AK195 C158:AJ158 C197:AK213 C196:AJ196 C215:AK230 C214:AJ214 C232:AK234 C231:AJ231 C236:AK255 C235:AJ235 C257:AK257 C256:AJ256 C259:AK281 C258:AJ258 C285:AK288 C304:AK304 C303:AJ303 C306:AK368 C305:AJ305 C370:AK389 C369:AJ369 C391:AK391 C390:AJ390 C393:AK393 C392:AJ392 C394:AJ394 C454:AK454 C453:AJ453 C456:AK456 C455:AJ455 C457:AJ457 C519:AK519 C517:AJ518 C521:AK521 C520:AJ520 C523:AK523 C522:AJ522 C524:AJ524 C648:AK648 C647:AJ647 C650:AK650 C649:AJ649 C654:AK692 C651:AJ653 C693:AJ693 C843:AK1048576 C842:AJ842 C94:AJ94 C157:AK157 C282:AJ282 C694:AK784 C816:AK834 C395:AK452 C458:AK516 C525:AK622 C92:AE92 AH92:AK92 C156:AE156 AH156:AJ156 C283:AE284 C785:AJ785 C836:AK841 C835:AE835 AH835:AK835 C95:AK107 C56:AK84 C55:AJ55 C624:AK646 C623:AJ623 C110:AJ111 C152:AK155 C151:AJ151 C109:AK109 C108:AJ108">
    <cfRule type="expression" dxfId="177" priority="102">
      <formula>$AN1="□"</formula>
    </cfRule>
  </conditionalFormatting>
  <conditionalFormatting sqref="C112:AJ112">
    <cfRule type="expression" dxfId="176" priority="101">
      <formula>$AN112="□"</formula>
    </cfRule>
  </conditionalFormatting>
  <conditionalFormatting sqref="C289:AK289">
    <cfRule type="expression" dxfId="175" priority="100">
      <formula>$AN289="□"</formula>
    </cfRule>
  </conditionalFormatting>
  <conditionalFormatting sqref="AK11:AK16">
    <cfRule type="expression" dxfId="174" priority="99">
      <formula>$AN11="□"</formula>
    </cfRule>
  </conditionalFormatting>
  <conditionalFormatting sqref="AK21:AK22">
    <cfRule type="expression" dxfId="173" priority="98">
      <formula>$AN21="□"</formula>
    </cfRule>
  </conditionalFormatting>
  <conditionalFormatting sqref="AK26">
    <cfRule type="expression" dxfId="172" priority="97">
      <formula>$AN26="□"</formula>
    </cfRule>
  </conditionalFormatting>
  <conditionalFormatting sqref="AK36:AK39">
    <cfRule type="expression" dxfId="171" priority="96">
      <formula>$AN36="□"</formula>
    </cfRule>
  </conditionalFormatting>
  <conditionalFormatting sqref="AK35:AK39">
    <cfRule type="expression" dxfId="170" priority="60">
      <formula>$AN35="□"</formula>
    </cfRule>
  </conditionalFormatting>
  <conditionalFormatting sqref="AK85">
    <cfRule type="expression" dxfId="169" priority="59">
      <formula>$AN85="□"</formula>
    </cfRule>
  </conditionalFormatting>
  <conditionalFormatting sqref="AK87">
    <cfRule type="expression" dxfId="168" priority="58">
      <formula>$AN87="□"</formula>
    </cfRule>
  </conditionalFormatting>
  <conditionalFormatting sqref="AK88">
    <cfRule type="expression" dxfId="167" priority="57">
      <formula>$AN88="□"</formula>
    </cfRule>
  </conditionalFormatting>
  <conditionalFormatting sqref="AK94">
    <cfRule type="expression" dxfId="166" priority="56">
      <formula>$AN94="□"</formula>
    </cfRule>
  </conditionalFormatting>
  <conditionalFormatting sqref="AF92:AG92">
    <cfRule type="expression" dxfId="165" priority="55">
      <formula>$AN92="□"</formula>
    </cfRule>
  </conditionalFormatting>
  <conditionalFormatting sqref="C93:AE93 AH93:AJ93">
    <cfRule type="expression" dxfId="164" priority="54">
      <formula>$AN93="□"</formula>
    </cfRule>
  </conditionalFormatting>
  <conditionalFormatting sqref="AF93:AG93">
    <cfRule type="expression" dxfId="163" priority="53">
      <formula>$AN93="□"</formula>
    </cfRule>
  </conditionalFormatting>
  <conditionalFormatting sqref="AK128">
    <cfRule type="expression" dxfId="162" priority="51">
      <formula>$AN128="□"</formula>
    </cfRule>
  </conditionalFormatting>
  <conditionalFormatting sqref="AF156:AG156">
    <cfRule type="expression" dxfId="161" priority="50">
      <formula>$AN156="□"</formula>
    </cfRule>
  </conditionalFormatting>
  <conditionalFormatting sqref="AK158">
    <cfRule type="expression" dxfId="160" priority="49">
      <formula>$AN158="□"</formula>
    </cfRule>
  </conditionalFormatting>
  <conditionalFormatting sqref="AK156">
    <cfRule type="expression" dxfId="159" priority="48">
      <formula>$AN156="□"</formula>
    </cfRule>
  </conditionalFormatting>
  <conditionalFormatting sqref="AK93">
    <cfRule type="expression" dxfId="158" priority="47">
      <formula>$AN93="□"</formula>
    </cfRule>
  </conditionalFormatting>
  <conditionalFormatting sqref="AK196">
    <cfRule type="expression" dxfId="157" priority="46">
      <formula>$AN196="□"</formula>
    </cfRule>
  </conditionalFormatting>
  <conditionalFormatting sqref="AK214">
    <cfRule type="expression" dxfId="156" priority="45">
      <formula>$AN214="□"</formula>
    </cfRule>
  </conditionalFormatting>
  <conditionalFormatting sqref="AK231">
    <cfRule type="expression" dxfId="155" priority="44">
      <formula>$AN231="□"</formula>
    </cfRule>
  </conditionalFormatting>
  <conditionalFormatting sqref="AK235">
    <cfRule type="expression" dxfId="154" priority="43">
      <formula>$AN235="□"</formula>
    </cfRule>
  </conditionalFormatting>
  <conditionalFormatting sqref="AK256">
    <cfRule type="expression" dxfId="153" priority="42">
      <formula>$AN256="□"</formula>
    </cfRule>
  </conditionalFormatting>
  <conditionalFormatting sqref="AK258">
    <cfRule type="expression" dxfId="152" priority="41">
      <formula>$AN258="□"</formula>
    </cfRule>
  </conditionalFormatting>
  <conditionalFormatting sqref="AK282">
    <cfRule type="expression" dxfId="151" priority="40">
      <formula>$AN282="□"</formula>
    </cfRule>
  </conditionalFormatting>
  <conditionalFormatting sqref="AH283:AJ283">
    <cfRule type="expression" dxfId="150" priority="39">
      <formula>$AN283="□"</formula>
    </cfRule>
  </conditionalFormatting>
  <conditionalFormatting sqref="AF283:AG283">
    <cfRule type="expression" dxfId="149" priority="38">
      <formula>$AN283="□"</formula>
    </cfRule>
  </conditionalFormatting>
  <conditionalFormatting sqref="AK283">
    <cfRule type="expression" dxfId="148" priority="37">
      <formula>$AN283="□"</formula>
    </cfRule>
  </conditionalFormatting>
  <conditionalFormatting sqref="AH284:AJ284">
    <cfRule type="expression" dxfId="147" priority="36">
      <formula>$AN284="□"</formula>
    </cfRule>
  </conditionalFormatting>
  <conditionalFormatting sqref="AF284:AG284">
    <cfRule type="expression" dxfId="146" priority="35">
      <formula>$AN284="□"</formula>
    </cfRule>
  </conditionalFormatting>
  <conditionalFormatting sqref="AK284">
    <cfRule type="expression" dxfId="145" priority="34">
      <formula>$AN284="□"</formula>
    </cfRule>
  </conditionalFormatting>
  <conditionalFormatting sqref="AK303">
    <cfRule type="expression" dxfId="144" priority="33">
      <formula>$AN303="□"</formula>
    </cfRule>
  </conditionalFormatting>
  <conditionalFormatting sqref="AK305">
    <cfRule type="expression" dxfId="143" priority="32">
      <formula>$AN305="□"</formula>
    </cfRule>
  </conditionalFormatting>
  <conditionalFormatting sqref="AK369">
    <cfRule type="expression" dxfId="142" priority="31">
      <formula>$AN369="□"</formula>
    </cfRule>
  </conditionalFormatting>
  <conditionalFormatting sqref="AK390">
    <cfRule type="expression" dxfId="141" priority="30">
      <formula>$AN390="□"</formula>
    </cfRule>
  </conditionalFormatting>
  <conditionalFormatting sqref="AK392">
    <cfRule type="expression" dxfId="140" priority="29">
      <formula>$AN392="□"</formula>
    </cfRule>
  </conditionalFormatting>
  <conditionalFormatting sqref="AK394">
    <cfRule type="expression" dxfId="139" priority="28">
      <formula>$AN394="□"</formula>
    </cfRule>
  </conditionalFormatting>
  <conditionalFormatting sqref="AK453">
    <cfRule type="expression" dxfId="138" priority="27">
      <formula>$AN453="□"</formula>
    </cfRule>
  </conditionalFormatting>
  <conditionalFormatting sqref="AK455">
    <cfRule type="expression" dxfId="137" priority="26">
      <formula>$AN455="□"</formula>
    </cfRule>
  </conditionalFormatting>
  <conditionalFormatting sqref="AK457">
    <cfRule type="expression" dxfId="136" priority="25">
      <formula>$AN457="□"</formula>
    </cfRule>
  </conditionalFormatting>
  <conditionalFormatting sqref="AK517">
    <cfRule type="expression" dxfId="135" priority="24">
      <formula>$AN517="□"</formula>
    </cfRule>
  </conditionalFormatting>
  <conditionalFormatting sqref="AK518">
    <cfRule type="expression" dxfId="134" priority="23">
      <formula>$AN518="□"</formula>
    </cfRule>
  </conditionalFormatting>
  <conditionalFormatting sqref="AK520">
    <cfRule type="expression" dxfId="133" priority="22">
      <formula>$AN520="□"</formula>
    </cfRule>
  </conditionalFormatting>
  <conditionalFormatting sqref="AK522">
    <cfRule type="expression" dxfId="132" priority="21">
      <formula>$AN522="□"</formula>
    </cfRule>
  </conditionalFormatting>
  <conditionalFormatting sqref="AK524">
    <cfRule type="expression" dxfId="131" priority="20">
      <formula>$AN524="□"</formula>
    </cfRule>
  </conditionalFormatting>
  <conditionalFormatting sqref="AK647">
    <cfRule type="expression" dxfId="130" priority="19">
      <formula>$AN647="□"</formula>
    </cfRule>
  </conditionalFormatting>
  <conditionalFormatting sqref="AK649">
    <cfRule type="expression" dxfId="129" priority="18">
      <formula>$AN649="□"</formula>
    </cfRule>
  </conditionalFormatting>
  <conditionalFormatting sqref="AK651">
    <cfRule type="expression" dxfId="128" priority="17">
      <formula>$AN651="□"</formula>
    </cfRule>
  </conditionalFormatting>
  <conditionalFormatting sqref="AK652">
    <cfRule type="expression" dxfId="127" priority="16">
      <formula>$AN652="□"</formula>
    </cfRule>
  </conditionalFormatting>
  <conditionalFormatting sqref="AK653">
    <cfRule type="expression" dxfId="126" priority="15">
      <formula>$AN653="□"</formula>
    </cfRule>
  </conditionalFormatting>
  <conditionalFormatting sqref="AK693">
    <cfRule type="expression" dxfId="125" priority="14">
      <formula>$AN693="□"</formula>
    </cfRule>
  </conditionalFormatting>
  <conditionalFormatting sqref="AK785">
    <cfRule type="expression" dxfId="124" priority="13">
      <formula>$AN785="□"</formula>
    </cfRule>
  </conditionalFormatting>
  <conditionalFormatting sqref="C786:AJ815">
    <cfRule type="expression" dxfId="123" priority="12">
      <formula>$AN786="□"</formula>
    </cfRule>
  </conditionalFormatting>
  <conditionalFormatting sqref="AK786:AK815">
    <cfRule type="expression" dxfId="122" priority="10">
      <formula>$AN786="□"</formula>
    </cfRule>
  </conditionalFormatting>
  <conditionalFormatting sqref="AF835:AG835">
    <cfRule type="expression" dxfId="121" priority="9">
      <formula>$AN835="□"</formula>
    </cfRule>
  </conditionalFormatting>
  <conditionalFormatting sqref="AK842">
    <cfRule type="expression" dxfId="120" priority="8">
      <formula>$AN842="□"</formula>
    </cfRule>
  </conditionalFormatting>
  <conditionalFormatting sqref="AK55">
    <cfRule type="expression" dxfId="119" priority="7">
      <formula>$AN55="□"</formula>
    </cfRule>
  </conditionalFormatting>
  <conditionalFormatting sqref="AK623">
    <cfRule type="expression" dxfId="118" priority="6">
      <formula>$AN623="□"</formula>
    </cfRule>
  </conditionalFormatting>
  <conditionalFormatting sqref="AK110">
    <cfRule type="expression" dxfId="117" priority="5">
      <formula>$AN110="□"</formula>
    </cfRule>
  </conditionalFormatting>
  <conditionalFormatting sqref="AK111">
    <cfRule type="expression" dxfId="116" priority="4">
      <formula>$AN111="□"</formula>
    </cfRule>
  </conditionalFormatting>
  <conditionalFormatting sqref="AK112">
    <cfRule type="expression" dxfId="115" priority="3">
      <formula>$AN112="□"</formula>
    </cfRule>
  </conditionalFormatting>
  <conditionalFormatting sqref="AK151">
    <cfRule type="expression" dxfId="114" priority="2">
      <formula>$AN151="□"</formula>
    </cfRule>
  </conditionalFormatting>
  <conditionalFormatting sqref="AK108">
    <cfRule type="expression" dxfId="113" priority="1">
      <formula>$AN108="□"</formula>
    </cfRule>
  </conditionalFormatting>
  <dataValidations count="10">
    <dataValidation type="list" allowBlank="1" showInputMessage="1" showErrorMessage="1" sqref="I6:J6 S6" xr:uid="{9CECD0A6-CEAB-4392-B39F-2A0CA53AA8A3}">
      <formula1>"09,10,11,12,13,14,15,16,17,18,19,20,21,22,23,24,25,26,27,28,29,30"</formula1>
    </dataValidation>
    <dataValidation type="list" allowBlank="1" showInputMessage="1" showErrorMessage="1" sqref="G12:S12 G14:S14 G16:S16" xr:uid="{3614D0C2-D366-4BCA-AA9F-93817C96EB33}">
      <formula1>$G$867:$G$882</formula1>
    </dataValidation>
    <dataValidation type="list" allowBlank="1" showInputMessage="1" showErrorMessage="1" sqref="R10:V10" xr:uid="{E5042822-B3A9-4669-A031-F105B6DCA51B}">
      <formula1>$F$867:$F$870</formula1>
    </dataValidation>
    <dataValidation type="list" allowBlank="1" showInputMessage="1" showErrorMessage="1" sqref="G4:N4" xr:uid="{04DDA1DC-3A0B-4C7A-97F9-2EA6F4B9C55E}">
      <formula1>$B$867:$B$869</formula1>
    </dataValidation>
    <dataValidation type="list" allowBlank="1" showInputMessage="1" showErrorMessage="1" sqref="G8:M8" xr:uid="{96D1CD96-35BB-4BDC-AC38-D35200ED44C4}">
      <formula1>$C$867:$C$868</formula1>
    </dataValidation>
    <dataValidation type="list" allowBlank="1" showInputMessage="1" showErrorMessage="1" sqref="AH662:AH674 AH66:AH113 AH504:AH566 AH378:AH436 AH354:AH373 AH246:AH262 AH190:AH200 AH295:AH309 AH824:AH846 AH223:AH241 AH571:AH608 AH333:AH349 AH205:AH218 AH46:AH61 AH170:AH185 AH146:AH165 AH679:AH698 AH314:AH328 AH29:AH41 AH613:AH628 AH633:AH657 AH118:AH141 AH441:AH499 AH703:AH713 AH718:AH729 AH734:AH774 AH267:AH290 AH779:AH819" xr:uid="{B22FCE95-B79E-4F33-8633-7440F42D9F04}">
      <formula1>$D$867:$D$872</formula1>
    </dataValidation>
    <dataValidation type="list" allowBlank="1" showInputMessage="1" showErrorMessage="1" sqref="AF205:AF218 AF267:AF290 AF66:AF113 AF223:AF241 AF613:AF628 AF295:AF309 AF190:AF200 AF29:AF41 AF703:AF713 AF633:AF657 AF118:AF141 AF571:AF608 AF718:AF729 AF170:AF185 AF441:AF499 AF246:AF262 AF333:AF349 AF354:AF373 AF314:AF328 AF662:AF674 AF46:AF61 AF378:AF436 AF504:AF566 AF679:AF698 AF146:AF165 AF779:AF819 AF734:AF774 AF824:AF846" xr:uid="{AB902420-D6AD-4AB4-B93B-00547AA8DDB0}">
      <formula1>"○,×"</formula1>
    </dataValidation>
    <dataValidation type="list" allowBlank="1" showInputMessage="1" showErrorMessage="1" sqref="L6:M6 W6:X6" xr:uid="{0A11B83D-96DA-4CE7-B322-4BAFF12D43B5}">
      <formula1>"1,2,3,4,5,6,7,8,9,10,11,12"</formula1>
    </dataValidation>
    <dataValidation type="list" allowBlank="1" showInputMessage="1" showErrorMessage="1" sqref="G10:M10" xr:uid="{7BED8C5B-2318-4AAE-A21C-637DBD865043}">
      <formula1>"する,しない"</formula1>
    </dataValidation>
    <dataValidation type="list" allowBlank="1" showInputMessage="1" showErrorMessage="1" sqref="S19:S22 G19:G23 J19:J23 M19:M23 P19:P23 W20:W21 Z20:Z21" xr:uid="{5D520B95-7663-4C03-A56C-9046BE160D1C}">
      <formula1>"□,■"</formula1>
    </dataValidation>
  </dataValidations>
  <pageMargins left="0.19685039370078741" right="0.19685039370078741" top="0.39370078740157483" bottom="0.39370078740157483" header="0.19685039370078741" footer="0.19685039370078741"/>
  <pageSetup paperSize="9" scale="79" fitToHeight="0" orientation="landscape" r:id="rId1"/>
  <headerFooter alignWithMargins="0">
    <oddFooter>&amp;C&amp;P</oddFooter>
  </headerFooter>
  <rowBreaks count="22" manualBreakCount="22">
    <brk id="42" min="1" max="37" man="1"/>
    <brk id="62" min="1" max="37" man="1"/>
    <brk id="90" min="1" max="37" man="1"/>
    <brk id="114" min="1" max="37" man="1"/>
    <brk id="165" min="1" max="37" man="1"/>
    <brk id="201" min="1" max="37" man="1"/>
    <brk id="242" min="1" max="37" man="1"/>
    <brk id="291" min="1" max="37" man="1"/>
    <brk id="329" min="1" max="37" man="1"/>
    <brk id="374" min="1" max="37" man="1"/>
    <brk id="407" min="1" max="37" man="1"/>
    <brk id="437" min="1" max="37" man="1"/>
    <brk id="470" min="1" max="37" man="1"/>
    <brk id="500" min="1" max="37" man="1"/>
    <brk id="533" min="1" max="37" man="1"/>
    <brk id="567" min="1" max="37" man="1"/>
    <brk id="609" min="1" max="37" man="1"/>
    <brk id="658" min="1" max="37" man="1"/>
    <brk id="699" min="1" max="37" man="1"/>
    <brk id="730" min="1" max="37" man="1"/>
    <brk id="775" min="1" max="37" man="1"/>
    <brk id="820" min="1" max="37" man="1"/>
  </rowBreaks>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B33221-9EE1-4868-9684-6C4A03DC927C}">
  <sheetPr codeName="Sheet4">
    <pageSetUpPr fitToPage="1"/>
  </sheetPr>
  <dimension ref="A1:AN710"/>
  <sheetViews>
    <sheetView showGridLines="0" view="pageBreakPreview" topLeftCell="B1" zoomScaleNormal="100" zoomScaleSheetLayoutView="100" workbookViewId="0">
      <selection activeCell="B1" sqref="B1"/>
    </sheetView>
  </sheetViews>
  <sheetFormatPr defaultColWidth="9" defaultRowHeight="13"/>
  <cols>
    <col min="1" max="1" width="4.36328125" style="16" hidden="1" customWidth="1"/>
    <col min="2" max="2" width="2.6328125" style="16" customWidth="1"/>
    <col min="3" max="3" width="2.453125" style="16" customWidth="1"/>
    <col min="4" max="4" width="2.6328125" style="16" customWidth="1"/>
    <col min="5" max="5" width="2.90625" style="16" customWidth="1"/>
    <col min="6" max="20" width="2.6328125" style="16" customWidth="1"/>
    <col min="21" max="21" width="6.08984375" style="26" hidden="1" customWidth="1"/>
    <col min="22" max="29" width="2.6328125" style="16" customWidth="1"/>
    <col min="30" max="30" width="5.453125" style="238" customWidth="1"/>
    <col min="31" max="31" width="2.6328125" style="238" customWidth="1"/>
    <col min="32" max="33" width="2.6328125" style="16" customWidth="1"/>
    <col min="34" max="34" width="5.90625" style="16" customWidth="1"/>
    <col min="35" max="36" width="2.6328125" style="16" customWidth="1"/>
    <col min="37" max="37" width="87" style="34" bestFit="1" customWidth="1"/>
    <col min="38" max="38" width="3.453125" style="3" customWidth="1"/>
    <col min="39" max="39" width="7.90625" style="3" customWidth="1"/>
    <col min="40" max="40" width="3.90625" style="3" hidden="1" customWidth="1"/>
    <col min="41" max="16384" width="9" style="3"/>
  </cols>
  <sheetData>
    <row r="1" spans="1:38" customFormat="1" ht="39" customHeight="1">
      <c r="B1" s="79"/>
      <c r="C1" s="80" t="s">
        <v>337</v>
      </c>
      <c r="D1" s="80"/>
      <c r="E1" s="80"/>
      <c r="F1" s="80"/>
      <c r="G1" s="80"/>
      <c r="H1" s="80"/>
      <c r="I1" s="80"/>
      <c r="J1" s="80"/>
      <c r="K1" s="80"/>
      <c r="L1" s="80"/>
      <c r="M1" s="80"/>
      <c r="N1" s="80"/>
      <c r="O1" s="80"/>
      <c r="P1" s="80"/>
      <c r="Q1" s="80"/>
      <c r="R1" s="80"/>
      <c r="S1" s="81"/>
      <c r="T1" s="80"/>
      <c r="U1" s="217"/>
      <c r="V1" s="80"/>
      <c r="W1" s="80"/>
      <c r="X1" s="80"/>
      <c r="Y1" s="80"/>
      <c r="Z1" s="80"/>
      <c r="AA1" s="80"/>
      <c r="AB1" s="80"/>
      <c r="AC1" s="80"/>
      <c r="AD1" s="233"/>
      <c r="AE1" s="233"/>
      <c r="AF1" s="80"/>
      <c r="AG1" s="80"/>
      <c r="AH1" s="80"/>
      <c r="AI1" s="80"/>
      <c r="AJ1" s="80"/>
      <c r="AK1" s="270"/>
      <c r="AL1" s="82"/>
    </row>
    <row r="2" spans="1:38" s="1" customFormat="1" ht="24.75" customHeight="1">
      <c r="B2" s="83"/>
      <c r="C2" s="84"/>
      <c r="D2" s="85" t="s">
        <v>1125</v>
      </c>
      <c r="E2" s="86"/>
      <c r="F2" s="86"/>
      <c r="G2" s="86"/>
      <c r="H2" s="86"/>
      <c r="I2" s="86"/>
      <c r="J2" s="86"/>
      <c r="K2" s="86"/>
      <c r="L2" s="86"/>
      <c r="M2" s="86"/>
      <c r="N2" s="86"/>
      <c r="O2" s="86"/>
      <c r="P2" s="86"/>
      <c r="Q2" s="86"/>
      <c r="R2" s="86"/>
      <c r="S2" s="86"/>
      <c r="T2" s="86"/>
      <c r="U2" s="86"/>
      <c r="V2" s="86"/>
      <c r="W2" s="86"/>
      <c r="X2" s="86"/>
      <c r="Y2" s="86"/>
      <c r="Z2" s="86"/>
      <c r="AA2" s="86"/>
      <c r="AB2" s="86"/>
      <c r="AC2" s="86"/>
      <c r="AD2" s="234"/>
      <c r="AE2" s="234"/>
      <c r="AF2" s="86"/>
      <c r="AG2" s="86"/>
      <c r="AH2" s="86"/>
      <c r="AI2" s="86"/>
      <c r="AJ2" s="86"/>
      <c r="AK2" s="271"/>
      <c r="AL2" s="87"/>
    </row>
    <row r="3" spans="1:38" customFormat="1">
      <c r="B3" s="88"/>
      <c r="AD3" s="235"/>
      <c r="AE3" s="235"/>
      <c r="AK3" s="272"/>
      <c r="AL3" s="89"/>
    </row>
    <row r="4" spans="1:38" s="1" customFormat="1" ht="13.5" customHeight="1">
      <c r="A4" s="6"/>
      <c r="B4" s="6"/>
      <c r="C4" s="7" t="s">
        <v>339</v>
      </c>
      <c r="D4" s="8"/>
      <c r="E4" s="9"/>
      <c r="F4" s="9"/>
      <c r="G4" s="612" t="s">
        <v>340</v>
      </c>
      <c r="H4" s="613"/>
      <c r="I4" s="613"/>
      <c r="J4" s="613"/>
      <c r="K4" s="613"/>
      <c r="L4" s="613"/>
      <c r="M4" s="613"/>
      <c r="N4" s="614"/>
      <c r="O4" s="110"/>
      <c r="P4" s="9"/>
      <c r="Q4" s="9"/>
      <c r="R4" s="236"/>
      <c r="S4" s="236"/>
      <c r="T4" s="236"/>
      <c r="U4" s="236"/>
      <c r="V4" s="236"/>
      <c r="W4" s="236"/>
      <c r="X4" s="236"/>
      <c r="Y4" s="236"/>
      <c r="Z4" s="236"/>
      <c r="AA4" s="236"/>
      <c r="AB4" s="236"/>
      <c r="AC4" s="236"/>
      <c r="AD4" s="236"/>
      <c r="AE4" s="236"/>
      <c r="AF4" s="9"/>
      <c r="AG4" s="9"/>
      <c r="AH4" s="9"/>
      <c r="AI4" s="9"/>
      <c r="AJ4" s="8"/>
      <c r="AK4" s="115"/>
      <c r="AL4" s="69"/>
    </row>
    <row r="5" spans="1:38" s="1" customFormat="1" ht="13.5" customHeight="1">
      <c r="A5" s="6"/>
      <c r="B5" s="6"/>
      <c r="C5" s="8"/>
      <c r="D5" s="8"/>
      <c r="E5" s="9"/>
      <c r="F5" s="9"/>
      <c r="G5" s="9"/>
      <c r="H5" s="9"/>
      <c r="I5" s="9"/>
      <c r="J5" s="9"/>
      <c r="K5" s="9"/>
      <c r="L5" s="9"/>
      <c r="M5" s="9"/>
      <c r="N5" s="9"/>
      <c r="O5" s="9"/>
      <c r="P5" s="9"/>
      <c r="Q5" s="9"/>
      <c r="R5" s="9"/>
      <c r="S5" s="9"/>
      <c r="T5" s="9"/>
      <c r="U5" s="9"/>
      <c r="V5" s="9"/>
      <c r="W5" s="9"/>
      <c r="X5" s="9"/>
      <c r="Y5" s="9"/>
      <c r="Z5" s="9"/>
      <c r="AA5" s="9"/>
      <c r="AB5" s="9"/>
      <c r="AC5" s="9"/>
      <c r="AD5" s="236"/>
      <c r="AE5" s="236"/>
      <c r="AF5" s="9"/>
      <c r="AG5" s="9"/>
      <c r="AH5" s="9"/>
      <c r="AI5" s="9"/>
      <c r="AJ5" s="8"/>
      <c r="AK5" s="115"/>
      <c r="AL5" s="69"/>
    </row>
    <row r="6" spans="1:38" s="9" customFormat="1">
      <c r="A6" s="90"/>
      <c r="B6" s="90"/>
      <c r="C6" s="91" t="s">
        <v>341</v>
      </c>
      <c r="D6" s="91"/>
      <c r="E6" s="91"/>
      <c r="F6" s="91"/>
      <c r="G6" s="615">
        <v>20</v>
      </c>
      <c r="H6" s="615"/>
      <c r="I6" s="604"/>
      <c r="J6" s="605"/>
      <c r="K6" s="91" t="s">
        <v>342</v>
      </c>
      <c r="L6" s="604"/>
      <c r="M6" s="605"/>
      <c r="N6" s="91" t="s">
        <v>343</v>
      </c>
      <c r="O6" s="616" t="s">
        <v>344</v>
      </c>
      <c r="P6" s="616"/>
      <c r="Q6" s="616">
        <v>20</v>
      </c>
      <c r="R6" s="617"/>
      <c r="S6" s="604"/>
      <c r="T6" s="605"/>
      <c r="V6" s="91" t="s">
        <v>342</v>
      </c>
      <c r="W6" s="604"/>
      <c r="X6" s="605"/>
      <c r="Y6" s="91" t="s">
        <v>345</v>
      </c>
      <c r="AA6" s="91"/>
      <c r="AB6" s="91"/>
      <c r="AC6" s="91"/>
      <c r="AE6" s="91"/>
      <c r="AJ6" s="113"/>
      <c r="AK6" s="258"/>
      <c r="AL6" s="105"/>
    </row>
    <row r="7" spans="1:38" s="1" customFormat="1">
      <c r="A7" s="2"/>
      <c r="B7" s="2"/>
      <c r="C7" s="7"/>
      <c r="D7" s="7"/>
      <c r="E7" s="7"/>
      <c r="F7" s="7"/>
      <c r="G7" s="78"/>
      <c r="H7" s="78"/>
      <c r="I7" s="78"/>
      <c r="J7" s="110"/>
      <c r="K7" s="110"/>
      <c r="L7" s="7"/>
      <c r="M7" s="110"/>
      <c r="N7" s="110"/>
      <c r="O7" s="110"/>
      <c r="P7" s="7"/>
      <c r="R7" s="110"/>
      <c r="S7" s="110"/>
      <c r="T7" s="78"/>
      <c r="U7" s="78"/>
      <c r="V7" s="110"/>
      <c r="W7" s="110"/>
      <c r="X7" s="110"/>
      <c r="Y7" s="110"/>
      <c r="Z7" s="110"/>
      <c r="AA7" s="110"/>
      <c r="AB7" s="110"/>
      <c r="AC7" s="110"/>
      <c r="AD7" s="110"/>
      <c r="AE7" s="110"/>
      <c r="AF7" s="110"/>
      <c r="AG7" s="110"/>
      <c r="AH7" s="7"/>
      <c r="AJ7" s="7"/>
      <c r="AK7" s="34"/>
      <c r="AL7" s="69"/>
    </row>
    <row r="8" spans="1:38" s="1" customFormat="1">
      <c r="A8" s="2"/>
      <c r="B8" s="2"/>
      <c r="C8" s="7" t="s">
        <v>346</v>
      </c>
      <c r="G8" s="606"/>
      <c r="H8" s="607"/>
      <c r="I8" s="607"/>
      <c r="J8" s="607"/>
      <c r="K8" s="607"/>
      <c r="L8" s="607"/>
      <c r="M8" s="608"/>
      <c r="N8" s="110"/>
      <c r="O8" s="110"/>
      <c r="P8" s="7"/>
      <c r="R8" s="110"/>
      <c r="S8" s="110"/>
      <c r="T8" s="78"/>
      <c r="U8" s="78"/>
      <c r="V8" s="110"/>
      <c r="W8" s="110"/>
      <c r="X8" s="110"/>
      <c r="Y8" s="110"/>
      <c r="Z8" s="110"/>
      <c r="AA8" s="110"/>
      <c r="AB8" s="110"/>
      <c r="AC8" s="110"/>
      <c r="AD8" s="110"/>
      <c r="AE8" s="110"/>
      <c r="AF8" s="110"/>
      <c r="AG8" s="110"/>
      <c r="AH8" s="7"/>
      <c r="AJ8" s="7"/>
      <c r="AK8" s="34"/>
      <c r="AL8" s="69"/>
    </row>
    <row r="9" spans="1:38" s="1" customFormat="1">
      <c r="A9" s="2"/>
      <c r="B9" s="2"/>
      <c r="C9" s="7"/>
      <c r="D9" s="7"/>
      <c r="E9" s="7"/>
      <c r="F9" s="7"/>
      <c r="G9" s="78"/>
      <c r="H9" s="375"/>
      <c r="I9" s="375"/>
      <c r="J9" s="110"/>
      <c r="K9" s="110"/>
      <c r="L9" s="7"/>
      <c r="M9" s="110"/>
      <c r="N9" s="375"/>
      <c r="O9" s="375"/>
      <c r="P9" s="7"/>
      <c r="R9" s="110"/>
      <c r="S9" s="110"/>
      <c r="T9" s="375"/>
      <c r="U9" s="78"/>
      <c r="V9" s="375"/>
      <c r="W9" s="375"/>
      <c r="X9" s="375"/>
      <c r="Y9" s="375"/>
      <c r="Z9" s="110"/>
      <c r="AA9" s="110"/>
      <c r="AB9" s="110"/>
      <c r="AC9" s="110"/>
      <c r="AD9" s="110"/>
      <c r="AE9" s="110"/>
      <c r="AF9" s="110"/>
      <c r="AG9" s="110"/>
      <c r="AH9" s="7"/>
      <c r="AJ9" s="7"/>
      <c r="AK9" s="34"/>
      <c r="AL9" s="69"/>
    </row>
    <row r="10" spans="1:38" s="95" customFormat="1">
      <c r="A10" s="93"/>
      <c r="B10" s="93"/>
      <c r="C10" s="7" t="s">
        <v>41</v>
      </c>
      <c r="D10" s="94"/>
      <c r="E10" s="94"/>
      <c r="F10" s="94"/>
      <c r="G10" s="609"/>
      <c r="H10" s="610"/>
      <c r="I10" s="610"/>
      <c r="J10" s="610"/>
      <c r="K10" s="610"/>
      <c r="L10" s="610"/>
      <c r="M10" s="611"/>
      <c r="N10" s="1"/>
      <c r="O10" s="7" t="s">
        <v>947</v>
      </c>
      <c r="P10" s="1"/>
      <c r="Q10" s="1"/>
      <c r="R10" s="609"/>
      <c r="S10" s="610"/>
      <c r="T10" s="610"/>
      <c r="U10" s="610"/>
      <c r="V10" s="611"/>
      <c r="W10" s="97"/>
      <c r="X10" s="97"/>
      <c r="Y10" s="97"/>
      <c r="Z10" s="1"/>
      <c r="AA10" s="1"/>
      <c r="AB10" s="1"/>
      <c r="AC10" s="1"/>
      <c r="AD10" s="110"/>
      <c r="AE10" s="110"/>
      <c r="AF10" s="110"/>
      <c r="AG10" s="110"/>
      <c r="AH10" s="7"/>
      <c r="AI10" s="1"/>
      <c r="AJ10" s="7"/>
      <c r="AK10" s="117"/>
      <c r="AL10" s="96"/>
    </row>
    <row r="11" spans="1:38" s="95" customFormat="1">
      <c r="A11" s="93"/>
      <c r="B11" s="93"/>
      <c r="C11" s="7"/>
      <c r="D11" s="94"/>
      <c r="E11" s="94"/>
      <c r="F11" s="94"/>
      <c r="G11" s="97"/>
      <c r="H11" s="97"/>
      <c r="I11" s="97"/>
      <c r="J11" s="97"/>
      <c r="K11" s="97"/>
      <c r="L11" s="97"/>
      <c r="M11" s="97"/>
      <c r="N11" s="1"/>
      <c r="O11" s="7"/>
      <c r="P11" s="1"/>
      <c r="Q11" s="1"/>
      <c r="R11" s="97"/>
      <c r="S11" s="97"/>
      <c r="T11" s="97"/>
      <c r="U11" s="97"/>
      <c r="V11" s="97"/>
      <c r="W11" s="97"/>
      <c r="X11" s="97"/>
      <c r="Y11" s="97"/>
      <c r="Z11" s="1"/>
      <c r="AA11" s="1"/>
      <c r="AB11" s="1"/>
      <c r="AC11" s="1"/>
      <c r="AD11" s="110"/>
      <c r="AE11" s="110"/>
      <c r="AF11" s="110"/>
      <c r="AG11" s="110"/>
      <c r="AH11" s="7"/>
      <c r="AI11" s="1"/>
      <c r="AJ11" s="7"/>
      <c r="AK11" s="55" t="s">
        <v>348</v>
      </c>
      <c r="AL11" s="96"/>
    </row>
    <row r="12" spans="1:38" s="95" customFormat="1">
      <c r="A12" s="93"/>
      <c r="B12" s="93"/>
      <c r="C12" s="7" t="s">
        <v>349</v>
      </c>
      <c r="D12" s="1"/>
      <c r="E12" s="1"/>
      <c r="F12" s="1"/>
      <c r="G12" s="606"/>
      <c r="H12" s="607"/>
      <c r="I12" s="607"/>
      <c r="J12" s="607"/>
      <c r="K12" s="607"/>
      <c r="L12" s="607"/>
      <c r="M12" s="607"/>
      <c r="N12" s="607"/>
      <c r="O12" s="607"/>
      <c r="P12" s="607"/>
      <c r="Q12" s="607"/>
      <c r="R12" s="607"/>
      <c r="S12" s="608"/>
      <c r="T12" s="1"/>
      <c r="U12" s="1"/>
      <c r="V12" s="97"/>
      <c r="W12" s="97"/>
      <c r="X12" s="97"/>
      <c r="Y12" s="97"/>
      <c r="Z12" s="1"/>
      <c r="AA12" s="1"/>
      <c r="AB12" s="1"/>
      <c r="AC12" s="1"/>
      <c r="AD12" s="110"/>
      <c r="AE12" s="110"/>
      <c r="AF12" s="110"/>
      <c r="AG12" s="110"/>
      <c r="AH12" s="7"/>
      <c r="AI12" s="1"/>
      <c r="AJ12" s="7"/>
      <c r="AK12" s="55" t="s">
        <v>350</v>
      </c>
      <c r="AL12" s="96"/>
    </row>
    <row r="13" spans="1:38" s="95" customFormat="1">
      <c r="A13" s="93"/>
      <c r="B13" s="93"/>
      <c r="C13" s="7"/>
      <c r="D13" s="1"/>
      <c r="E13" s="1"/>
      <c r="F13" s="1"/>
      <c r="G13" s="1"/>
      <c r="H13" s="1"/>
      <c r="I13" s="1"/>
      <c r="J13" s="1"/>
      <c r="K13" s="1"/>
      <c r="L13" s="1"/>
      <c r="M13" s="1"/>
      <c r="N13" s="1"/>
      <c r="O13" s="1"/>
      <c r="P13" s="1"/>
      <c r="Q13" s="1"/>
      <c r="R13" s="1"/>
      <c r="S13" s="1"/>
      <c r="T13" s="1"/>
      <c r="U13" s="1"/>
      <c r="V13" s="97"/>
      <c r="W13" s="97"/>
      <c r="X13" s="97"/>
      <c r="Y13" s="97"/>
      <c r="Z13" s="1"/>
      <c r="AA13" s="1"/>
      <c r="AB13" s="1"/>
      <c r="AC13" s="1"/>
      <c r="AD13" s="110"/>
      <c r="AE13" s="110"/>
      <c r="AF13" s="110"/>
      <c r="AG13" s="110"/>
      <c r="AH13" s="7"/>
      <c r="AI13" s="1"/>
      <c r="AJ13" s="7"/>
      <c r="AK13" s="55" t="s">
        <v>351</v>
      </c>
      <c r="AL13" s="96"/>
    </row>
    <row r="14" spans="1:38" s="95" customFormat="1">
      <c r="A14" s="93"/>
      <c r="B14" s="93"/>
      <c r="C14" s="1"/>
      <c r="D14" s="1"/>
      <c r="E14" s="1"/>
      <c r="F14" s="1"/>
      <c r="G14" s="606"/>
      <c r="H14" s="607"/>
      <c r="I14" s="607"/>
      <c r="J14" s="607"/>
      <c r="K14" s="607"/>
      <c r="L14" s="607"/>
      <c r="M14" s="607"/>
      <c r="N14" s="607"/>
      <c r="O14" s="607"/>
      <c r="P14" s="607"/>
      <c r="Q14" s="607"/>
      <c r="R14" s="607"/>
      <c r="S14" s="608"/>
      <c r="T14" s="1"/>
      <c r="U14" s="1"/>
      <c r="V14" s="97"/>
      <c r="W14" s="97"/>
      <c r="X14" s="97"/>
      <c r="Y14" s="97"/>
      <c r="Z14" s="1"/>
      <c r="AA14" s="1"/>
      <c r="AB14" s="1"/>
      <c r="AC14" s="1"/>
      <c r="AD14" s="110"/>
      <c r="AE14" s="110"/>
      <c r="AF14" s="110"/>
      <c r="AG14" s="110"/>
      <c r="AH14" s="7"/>
      <c r="AI14" s="1"/>
      <c r="AJ14" s="7"/>
      <c r="AK14" s="55" t="s">
        <v>352</v>
      </c>
      <c r="AL14" s="96"/>
    </row>
    <row r="15" spans="1:38" s="95" customFormat="1">
      <c r="A15" s="93"/>
      <c r="B15" s="93"/>
      <c r="C15" s="7"/>
      <c r="D15" s="94"/>
      <c r="E15" s="94"/>
      <c r="F15" s="94"/>
      <c r="G15" s="97"/>
      <c r="H15" s="97"/>
      <c r="I15" s="97"/>
      <c r="J15" s="97"/>
      <c r="K15" s="97"/>
      <c r="L15" s="97"/>
      <c r="M15" s="97"/>
      <c r="N15" s="1"/>
      <c r="O15" s="7"/>
      <c r="P15" s="1"/>
      <c r="Q15" s="1"/>
      <c r="R15" s="97"/>
      <c r="S15" s="97"/>
      <c r="T15" s="97"/>
      <c r="U15" s="97"/>
      <c r="V15" s="97"/>
      <c r="W15" s="97"/>
      <c r="X15" s="97"/>
      <c r="Y15" s="97"/>
      <c r="Z15" s="1"/>
      <c r="AA15" s="1"/>
      <c r="AB15" s="1"/>
      <c r="AC15" s="1"/>
      <c r="AD15" s="110"/>
      <c r="AE15" s="110"/>
      <c r="AF15" s="110"/>
      <c r="AG15" s="110"/>
      <c r="AH15" s="7"/>
      <c r="AI15" s="1"/>
      <c r="AJ15" s="7"/>
      <c r="AK15" s="55" t="s">
        <v>353</v>
      </c>
      <c r="AL15" s="96"/>
    </row>
    <row r="16" spans="1:38" s="95" customFormat="1">
      <c r="A16" s="93"/>
      <c r="B16" s="93"/>
      <c r="C16" s="7"/>
      <c r="D16" s="94"/>
      <c r="E16" s="94"/>
      <c r="F16" s="94"/>
      <c r="G16" s="606"/>
      <c r="H16" s="607"/>
      <c r="I16" s="607"/>
      <c r="J16" s="607"/>
      <c r="K16" s="607"/>
      <c r="L16" s="607"/>
      <c r="M16" s="607"/>
      <c r="N16" s="607"/>
      <c r="O16" s="607"/>
      <c r="P16" s="607"/>
      <c r="Q16" s="607"/>
      <c r="R16" s="607"/>
      <c r="S16" s="608"/>
      <c r="T16" s="97"/>
      <c r="U16" s="97"/>
      <c r="V16" s="97"/>
      <c r="W16" s="97"/>
      <c r="X16" s="97"/>
      <c r="Y16" s="97"/>
      <c r="Z16" s="1"/>
      <c r="AA16" s="1"/>
      <c r="AB16" s="1"/>
      <c r="AC16" s="1"/>
      <c r="AD16" s="110"/>
      <c r="AE16" s="110"/>
      <c r="AF16" s="110"/>
      <c r="AG16" s="110"/>
      <c r="AH16" s="7"/>
      <c r="AI16" s="1"/>
      <c r="AJ16" s="7"/>
      <c r="AK16" s="55" t="s">
        <v>354</v>
      </c>
      <c r="AL16" s="96"/>
    </row>
    <row r="17" spans="1:40" s="95" customFormat="1">
      <c r="A17" s="93"/>
      <c r="B17" s="93"/>
      <c r="C17" s="7"/>
      <c r="D17" s="94"/>
      <c r="E17" s="94"/>
      <c r="F17" s="94"/>
      <c r="G17" s="97"/>
      <c r="H17" s="97"/>
      <c r="I17" s="97"/>
      <c r="J17" s="97"/>
      <c r="K17" s="97"/>
      <c r="L17" s="97"/>
      <c r="M17" s="97"/>
      <c r="N17" s="1"/>
      <c r="O17" s="7"/>
      <c r="P17" s="1"/>
      <c r="Q17" s="1"/>
      <c r="R17" s="97"/>
      <c r="S17" s="97"/>
      <c r="T17" s="97"/>
      <c r="U17" s="97"/>
      <c r="V17" s="97"/>
      <c r="W17" s="97"/>
      <c r="X17" s="97"/>
      <c r="Y17" s="97"/>
      <c r="Z17" s="1"/>
      <c r="AA17" s="1"/>
      <c r="AB17" s="1"/>
      <c r="AC17" s="1"/>
      <c r="AD17" s="110"/>
      <c r="AE17" s="110"/>
      <c r="AF17" s="110"/>
      <c r="AG17" s="110"/>
      <c r="AH17" s="7"/>
      <c r="AI17" s="1"/>
      <c r="AJ17" s="7"/>
      <c r="AK17" s="34"/>
      <c r="AL17" s="96"/>
    </row>
    <row r="18" spans="1:40" s="1" customFormat="1">
      <c r="A18" s="2"/>
      <c r="B18" s="2"/>
      <c r="C18" s="7" t="s">
        <v>355</v>
      </c>
      <c r="D18" s="7"/>
      <c r="E18" s="7"/>
      <c r="F18" s="7"/>
      <c r="G18" s="1" t="s">
        <v>356</v>
      </c>
      <c r="AD18" s="11"/>
      <c r="AE18" s="11"/>
      <c r="AK18" s="34"/>
      <c r="AL18" s="69"/>
    </row>
    <row r="19" spans="1:40" s="1" customFormat="1">
      <c r="A19" s="2"/>
      <c r="B19" s="2"/>
      <c r="C19" s="7"/>
      <c r="D19" s="7"/>
      <c r="E19" s="7"/>
      <c r="F19" s="7"/>
      <c r="G19" s="98" t="s">
        <v>357</v>
      </c>
      <c r="H19" s="618" t="s">
        <v>358</v>
      </c>
      <c r="I19" s="618"/>
      <c r="J19" s="98" t="s">
        <v>357</v>
      </c>
      <c r="K19" s="618" t="s">
        <v>359</v>
      </c>
      <c r="L19" s="618"/>
      <c r="M19" s="98" t="s">
        <v>357</v>
      </c>
      <c r="N19" s="618" t="s">
        <v>360</v>
      </c>
      <c r="O19" s="618"/>
      <c r="P19" s="98" t="s">
        <v>357</v>
      </c>
      <c r="Q19" s="618" t="s">
        <v>361</v>
      </c>
      <c r="R19" s="618"/>
      <c r="S19" s="98" t="s">
        <v>357</v>
      </c>
      <c r="T19" s="618" t="s">
        <v>362</v>
      </c>
      <c r="U19" s="618"/>
      <c r="V19" s="618"/>
      <c r="W19" s="375"/>
      <c r="X19" s="375"/>
      <c r="Y19" s="375"/>
      <c r="AD19" s="11"/>
      <c r="AE19" s="11"/>
      <c r="AJ19" s="7"/>
      <c r="AK19" s="34"/>
      <c r="AL19" s="69"/>
    </row>
    <row r="20" spans="1:40" s="1" customFormat="1">
      <c r="A20" s="2"/>
      <c r="B20" s="2"/>
      <c r="C20" s="7"/>
      <c r="D20" s="7"/>
      <c r="E20" s="7"/>
      <c r="F20" s="7"/>
      <c r="G20" s="98" t="s">
        <v>357</v>
      </c>
      <c r="H20" s="618" t="s">
        <v>1126</v>
      </c>
      <c r="I20" s="618"/>
      <c r="J20" s="98" t="s">
        <v>357</v>
      </c>
      <c r="K20" s="618" t="s">
        <v>1127</v>
      </c>
      <c r="L20" s="618"/>
      <c r="M20" s="98" t="s">
        <v>357</v>
      </c>
      <c r="N20" s="618" t="s">
        <v>364</v>
      </c>
      <c r="O20" s="618"/>
      <c r="P20" s="98" t="s">
        <v>357</v>
      </c>
      <c r="Q20" s="618" t="s">
        <v>365</v>
      </c>
      <c r="R20" s="618"/>
      <c r="S20" s="98" t="s">
        <v>357</v>
      </c>
      <c r="T20" s="618" t="s">
        <v>366</v>
      </c>
      <c r="U20" s="618"/>
      <c r="V20" s="618"/>
      <c r="W20" s="98" t="s">
        <v>357</v>
      </c>
      <c r="X20" s="618" t="s">
        <v>367</v>
      </c>
      <c r="Y20" s="618"/>
      <c r="AA20" s="98"/>
      <c r="AB20" s="98"/>
      <c r="AC20" s="98"/>
      <c r="AJ20" s="7"/>
      <c r="AK20" s="34" t="s">
        <v>370</v>
      </c>
      <c r="AL20" s="69"/>
    </row>
    <row r="21" spans="1:40" s="95" customFormat="1">
      <c r="A21" s="93"/>
      <c r="B21" s="93"/>
      <c r="C21" s="94"/>
      <c r="D21" s="94"/>
      <c r="E21" s="94"/>
      <c r="F21" s="47"/>
      <c r="G21" s="383" t="s">
        <v>357</v>
      </c>
      <c r="H21" s="641" t="s">
        <v>368</v>
      </c>
      <c r="I21" s="641"/>
      <c r="J21" s="383" t="s">
        <v>357</v>
      </c>
      <c r="K21" s="641" t="s">
        <v>369</v>
      </c>
      <c r="L21" s="641"/>
      <c r="M21" s="383" t="s">
        <v>357</v>
      </c>
      <c r="N21" s="641" t="s">
        <v>376</v>
      </c>
      <c r="O21" s="641"/>
      <c r="P21" s="383" t="s">
        <v>357</v>
      </c>
      <c r="Q21" s="641" t="s">
        <v>377</v>
      </c>
      <c r="R21" s="641"/>
      <c r="S21" s="383" t="s">
        <v>357</v>
      </c>
      <c r="T21" s="322" t="s">
        <v>378</v>
      </c>
      <c r="U21" s="26"/>
      <c r="V21" s="26"/>
      <c r="W21" s="26"/>
      <c r="X21" s="26"/>
      <c r="Y21" s="1"/>
      <c r="Z21" s="1"/>
      <c r="AA21" s="1"/>
      <c r="AB21" s="1"/>
      <c r="AC21" s="1"/>
      <c r="AD21" s="110"/>
      <c r="AE21" s="110"/>
      <c r="AF21" s="110"/>
      <c r="AG21" s="110"/>
      <c r="AH21" s="7"/>
      <c r="AI21" s="1"/>
      <c r="AJ21" s="7"/>
      <c r="AK21" s="1" t="s">
        <v>375</v>
      </c>
      <c r="AL21" s="96"/>
    </row>
    <row r="22" spans="1:40" s="95" customFormat="1">
      <c r="A22" s="93"/>
      <c r="B22" s="93"/>
      <c r="C22" s="94"/>
      <c r="D22" s="94"/>
      <c r="E22" s="94"/>
      <c r="F22" s="47"/>
      <c r="G22" s="383" t="s">
        <v>357</v>
      </c>
      <c r="H22" s="322" t="s">
        <v>379</v>
      </c>
      <c r="I22" s="97"/>
      <c r="J22" s="390"/>
      <c r="K22" s="322"/>
      <c r="L22" s="26"/>
      <c r="M22" s="390"/>
      <c r="N22" s="322"/>
      <c r="O22" s="26"/>
      <c r="P22" s="390"/>
      <c r="Q22" s="322"/>
      <c r="R22" s="322"/>
      <c r="S22" s="26"/>
      <c r="T22" s="97"/>
      <c r="U22" s="26"/>
      <c r="V22" s="26"/>
      <c r="W22" s="26"/>
      <c r="X22" s="26"/>
      <c r="Y22" s="1"/>
      <c r="Z22" s="1"/>
      <c r="AA22" s="1"/>
      <c r="AB22" s="1"/>
      <c r="AC22" s="1"/>
      <c r="AD22" s="110"/>
      <c r="AE22" s="110"/>
      <c r="AF22" s="110"/>
      <c r="AG22" s="110"/>
      <c r="AH22" s="7"/>
      <c r="AI22" s="1"/>
      <c r="AJ22" s="7"/>
      <c r="AK22" s="34"/>
      <c r="AL22" s="96"/>
    </row>
    <row r="23" spans="1:40" ht="18">
      <c r="A23" s="5"/>
      <c r="B23" s="5"/>
      <c r="C23" s="3"/>
      <c r="D23" s="3"/>
      <c r="E23" s="3"/>
      <c r="F23" s="3"/>
      <c r="G23" s="257"/>
      <c r="H23" s="3"/>
      <c r="I23" s="3"/>
      <c r="J23" s="3"/>
      <c r="K23" s="3"/>
      <c r="L23" s="3"/>
      <c r="M23" s="3"/>
      <c r="N23" s="12"/>
      <c r="O23" s="3"/>
      <c r="P23" s="3"/>
      <c r="Q23" s="3"/>
      <c r="R23" s="3"/>
      <c r="S23" s="3"/>
      <c r="T23" s="3"/>
      <c r="U23" s="1"/>
      <c r="V23" s="3"/>
      <c r="W23" s="3"/>
      <c r="X23" s="3"/>
      <c r="Y23" s="3"/>
      <c r="Z23" s="3"/>
      <c r="AA23" s="3"/>
      <c r="AB23" s="3"/>
      <c r="AC23" s="3"/>
      <c r="AD23" s="237"/>
      <c r="AE23" s="237"/>
      <c r="AF23" s="3"/>
      <c r="AG23" s="3"/>
      <c r="AH23" s="3"/>
      <c r="AI23" s="1"/>
      <c r="AJ23" s="1"/>
      <c r="AL23" s="4"/>
    </row>
    <row r="24" spans="1:40" s="1" customFormat="1">
      <c r="A24" s="20" t="str">
        <f t="shared" ref="A24:A87" si="0">IF(LEN(J24)&gt;0,MID(J24,FIND("（",J24,1)+1,2),A23)</f>
        <v>MN</v>
      </c>
      <c r="B24" s="20"/>
      <c r="C24" s="52" t="s">
        <v>380</v>
      </c>
      <c r="D24" s="53"/>
      <c r="E24" s="26"/>
      <c r="F24" s="26"/>
      <c r="G24" s="26"/>
      <c r="H24" s="26"/>
      <c r="I24" s="26"/>
      <c r="J24" s="26" t="s">
        <v>957</v>
      </c>
      <c r="K24" s="71"/>
      <c r="L24" s="26"/>
      <c r="M24" s="71"/>
      <c r="N24" s="26"/>
      <c r="O24" s="26"/>
      <c r="P24" s="26"/>
      <c r="Q24" s="26"/>
      <c r="R24" s="26"/>
      <c r="S24" s="26"/>
      <c r="T24" s="26"/>
      <c r="U24" s="26" t="s">
        <v>1128</v>
      </c>
      <c r="V24" s="26"/>
      <c r="W24" s="26"/>
      <c r="X24" s="26"/>
      <c r="Y24" s="26"/>
      <c r="Z24" s="26"/>
      <c r="AA24" s="26"/>
      <c r="AB24" s="26"/>
      <c r="AC24" s="26"/>
      <c r="AD24" s="122"/>
      <c r="AE24" s="122"/>
      <c r="AF24" s="26"/>
      <c r="AG24" s="26"/>
      <c r="AH24" s="26"/>
      <c r="AJ24" s="72"/>
      <c r="AK24" s="26" t="s">
        <v>352</v>
      </c>
      <c r="AL24" s="10"/>
    </row>
    <row r="25" spans="1:40" ht="13.4" customHeight="1">
      <c r="A25" s="20" t="str">
        <f t="shared" si="0"/>
        <v>MN</v>
      </c>
      <c r="B25" s="51"/>
      <c r="C25" s="583" t="s">
        <v>73</v>
      </c>
      <c r="D25" s="573"/>
      <c r="E25" s="583" t="s">
        <v>94</v>
      </c>
      <c r="F25" s="583"/>
      <c r="G25" s="583"/>
      <c r="H25" s="583"/>
      <c r="I25" s="583"/>
      <c r="J25" s="583"/>
      <c r="K25" s="583"/>
      <c r="L25" s="583"/>
      <c r="M25" s="583"/>
      <c r="N25" s="583"/>
      <c r="O25" s="583"/>
      <c r="P25" s="583"/>
      <c r="Q25" s="583"/>
      <c r="R25" s="583"/>
      <c r="S25" s="583"/>
      <c r="T25" s="583"/>
      <c r="U25" s="226" t="s">
        <v>383</v>
      </c>
      <c r="V25" s="572" t="s">
        <v>138</v>
      </c>
      <c r="W25" s="572"/>
      <c r="X25" s="572"/>
      <c r="Y25" s="572"/>
      <c r="Z25" s="572"/>
      <c r="AA25" s="652" t="s">
        <v>959</v>
      </c>
      <c r="AB25" s="653"/>
      <c r="AC25" s="654"/>
      <c r="AD25" s="572" t="s">
        <v>97</v>
      </c>
      <c r="AE25" s="572"/>
      <c r="AF25" s="572" t="s">
        <v>98</v>
      </c>
      <c r="AG25" s="572"/>
      <c r="AH25" s="583" t="s">
        <v>75</v>
      </c>
      <c r="AI25" s="583"/>
      <c r="AJ25" s="583"/>
      <c r="AK25" s="581" t="s">
        <v>159</v>
      </c>
      <c r="AL25" s="29"/>
      <c r="AM25" s="16"/>
    </row>
    <row r="26" spans="1:40">
      <c r="A26" s="20" t="str">
        <f t="shared" si="0"/>
        <v>MN</v>
      </c>
      <c r="B26" s="51"/>
      <c r="C26" s="573"/>
      <c r="D26" s="573"/>
      <c r="E26" s="583"/>
      <c r="F26" s="583"/>
      <c r="G26" s="583"/>
      <c r="H26" s="583"/>
      <c r="I26" s="583"/>
      <c r="J26" s="583"/>
      <c r="K26" s="583"/>
      <c r="L26" s="583"/>
      <c r="M26" s="583"/>
      <c r="N26" s="583"/>
      <c r="O26" s="583"/>
      <c r="P26" s="583"/>
      <c r="Q26" s="583"/>
      <c r="R26" s="583"/>
      <c r="S26" s="583"/>
      <c r="T26" s="583"/>
      <c r="U26" s="227"/>
      <c r="V26" s="572"/>
      <c r="W26" s="572"/>
      <c r="X26" s="572"/>
      <c r="Y26" s="572"/>
      <c r="Z26" s="572"/>
      <c r="AA26" s="655"/>
      <c r="AB26" s="656"/>
      <c r="AC26" s="657"/>
      <c r="AD26" s="572"/>
      <c r="AE26" s="572"/>
      <c r="AF26" s="572"/>
      <c r="AG26" s="572"/>
      <c r="AH26" s="583"/>
      <c r="AI26" s="583"/>
      <c r="AJ26" s="583"/>
      <c r="AK26" s="582"/>
      <c r="AL26" s="29"/>
      <c r="AM26" s="16"/>
    </row>
    <row r="27" spans="1:40" s="1" customFormat="1" ht="13.4" customHeight="1">
      <c r="A27" s="20" t="str">
        <f t="shared" si="0"/>
        <v>MN</v>
      </c>
      <c r="B27" s="20"/>
      <c r="C27" s="541">
        <v>1</v>
      </c>
      <c r="D27" s="542"/>
      <c r="E27" s="563" t="s">
        <v>386</v>
      </c>
      <c r="F27" s="564"/>
      <c r="G27" s="564"/>
      <c r="H27" s="564"/>
      <c r="I27" s="564"/>
      <c r="J27" s="564"/>
      <c r="K27" s="564"/>
      <c r="L27" s="564"/>
      <c r="M27" s="564"/>
      <c r="N27" s="564"/>
      <c r="O27" s="564"/>
      <c r="P27" s="564"/>
      <c r="Q27" s="564"/>
      <c r="R27" s="564"/>
      <c r="S27" s="564"/>
      <c r="T27" s="565"/>
      <c r="U27" s="219" t="s">
        <v>441</v>
      </c>
      <c r="V27" s="546" t="s">
        <v>101</v>
      </c>
      <c r="W27" s="547"/>
      <c r="X27" s="547"/>
      <c r="Y27" s="547"/>
      <c r="Z27" s="548"/>
      <c r="AA27" s="623" t="s">
        <v>102</v>
      </c>
      <c r="AB27" s="624"/>
      <c r="AC27" s="625"/>
      <c r="AD27" s="415">
        <v>10</v>
      </c>
      <c r="AE27" s="415" t="s">
        <v>103</v>
      </c>
      <c r="AF27" s="646"/>
      <c r="AG27" s="647"/>
      <c r="AH27" s="549"/>
      <c r="AI27" s="550"/>
      <c r="AJ27" s="551"/>
      <c r="AK27" s="265"/>
      <c r="AL27" s="48"/>
      <c r="AM27" s="26"/>
      <c r="AN27" s="3" t="str">
        <f>$G$19</f>
        <v>■</v>
      </c>
    </row>
    <row r="28" spans="1:40" s="1" customFormat="1" ht="13.4" customHeight="1">
      <c r="A28" s="20" t="str">
        <f t="shared" si="0"/>
        <v>MN</v>
      </c>
      <c r="B28" s="20"/>
      <c r="C28" s="541">
        <v>2</v>
      </c>
      <c r="D28" s="542"/>
      <c r="E28" s="563" t="s">
        <v>388</v>
      </c>
      <c r="F28" s="564"/>
      <c r="G28" s="564"/>
      <c r="H28" s="564"/>
      <c r="I28" s="564"/>
      <c r="J28" s="564"/>
      <c r="K28" s="564"/>
      <c r="L28" s="564"/>
      <c r="M28" s="564"/>
      <c r="N28" s="564"/>
      <c r="O28" s="564"/>
      <c r="P28" s="564"/>
      <c r="Q28" s="564"/>
      <c r="R28" s="564"/>
      <c r="S28" s="564"/>
      <c r="T28" s="565"/>
      <c r="U28" s="219" t="s">
        <v>443</v>
      </c>
      <c r="V28" s="546" t="s">
        <v>101</v>
      </c>
      <c r="W28" s="547"/>
      <c r="X28" s="547"/>
      <c r="Y28" s="547"/>
      <c r="Z28" s="548"/>
      <c r="AA28" s="623" t="s">
        <v>102</v>
      </c>
      <c r="AB28" s="624"/>
      <c r="AC28" s="625"/>
      <c r="AD28" s="415">
        <v>51</v>
      </c>
      <c r="AE28" s="415" t="s">
        <v>103</v>
      </c>
      <c r="AF28" s="646"/>
      <c r="AG28" s="647"/>
      <c r="AH28" s="549"/>
      <c r="AI28" s="550"/>
      <c r="AJ28" s="551"/>
      <c r="AK28" s="265"/>
      <c r="AL28" s="48"/>
      <c r="AM28" s="26"/>
      <c r="AN28" s="3" t="str">
        <f t="shared" ref="AN28:AN39" si="1">$G$19</f>
        <v>■</v>
      </c>
    </row>
    <row r="29" spans="1:40" s="13" customFormat="1" ht="13.4" customHeight="1">
      <c r="A29" s="20" t="str">
        <f t="shared" si="0"/>
        <v>MN</v>
      </c>
      <c r="B29" s="20"/>
      <c r="C29" s="552">
        <v>3</v>
      </c>
      <c r="D29" s="553"/>
      <c r="E29" s="566" t="s">
        <v>106</v>
      </c>
      <c r="F29" s="567"/>
      <c r="G29" s="567"/>
      <c r="H29" s="567"/>
      <c r="I29" s="567"/>
      <c r="J29" s="567"/>
      <c r="K29" s="567"/>
      <c r="L29" s="567"/>
      <c r="M29" s="567"/>
      <c r="N29" s="567"/>
      <c r="O29" s="567"/>
      <c r="P29" s="567"/>
      <c r="Q29" s="567"/>
      <c r="R29" s="567"/>
      <c r="S29" s="567"/>
      <c r="T29" s="568"/>
      <c r="U29" s="230" t="s">
        <v>444</v>
      </c>
      <c r="V29" s="557" t="s">
        <v>107</v>
      </c>
      <c r="W29" s="558"/>
      <c r="X29" s="558"/>
      <c r="Y29" s="558"/>
      <c r="Z29" s="559"/>
      <c r="AA29" s="626" t="s">
        <v>108</v>
      </c>
      <c r="AB29" s="627"/>
      <c r="AC29" s="628"/>
      <c r="AD29" s="417">
        <v>1</v>
      </c>
      <c r="AE29" s="417">
        <v>0</v>
      </c>
      <c r="AF29" s="648" t="s">
        <v>109</v>
      </c>
      <c r="AG29" s="649"/>
      <c r="AH29" s="684"/>
      <c r="AI29" s="685"/>
      <c r="AJ29" s="686"/>
      <c r="AK29" s="349" t="s">
        <v>391</v>
      </c>
      <c r="AL29" s="38"/>
      <c r="AM29" s="54"/>
      <c r="AN29" s="3" t="str">
        <f t="shared" si="1"/>
        <v>■</v>
      </c>
    </row>
    <row r="30" spans="1:40" s="13" customFormat="1" ht="13.4" customHeight="1">
      <c r="A30" s="20" t="str">
        <f t="shared" si="0"/>
        <v>MN</v>
      </c>
      <c r="B30" s="20"/>
      <c r="C30" s="541">
        <v>4</v>
      </c>
      <c r="D30" s="542"/>
      <c r="E30" s="563" t="s">
        <v>110</v>
      </c>
      <c r="F30" s="564"/>
      <c r="G30" s="564"/>
      <c r="H30" s="564"/>
      <c r="I30" s="564"/>
      <c r="J30" s="564"/>
      <c r="K30" s="564"/>
      <c r="L30" s="564"/>
      <c r="M30" s="564"/>
      <c r="N30" s="564"/>
      <c r="O30" s="564"/>
      <c r="P30" s="564"/>
      <c r="Q30" s="564"/>
      <c r="R30" s="564"/>
      <c r="S30" s="564"/>
      <c r="T30" s="565"/>
      <c r="U30" s="229" t="s">
        <v>445</v>
      </c>
      <c r="V30" s="546" t="s">
        <v>107</v>
      </c>
      <c r="W30" s="547"/>
      <c r="X30" s="547"/>
      <c r="Y30" s="547"/>
      <c r="Z30" s="548"/>
      <c r="AA30" s="623" t="s">
        <v>108</v>
      </c>
      <c r="AB30" s="624"/>
      <c r="AC30" s="625"/>
      <c r="AD30" s="415">
        <v>1</v>
      </c>
      <c r="AE30" s="415">
        <v>0</v>
      </c>
      <c r="AF30" s="646"/>
      <c r="AG30" s="647"/>
      <c r="AH30" s="549"/>
      <c r="AI30" s="550"/>
      <c r="AJ30" s="551"/>
      <c r="AK30" s="265"/>
      <c r="AL30" s="38"/>
      <c r="AM30" s="54"/>
      <c r="AN30" s="3" t="str">
        <f t="shared" si="1"/>
        <v>■</v>
      </c>
    </row>
    <row r="31" spans="1:40" s="1" customFormat="1" ht="13.4" customHeight="1">
      <c r="A31" s="20" t="str">
        <f t="shared" si="0"/>
        <v>MN</v>
      </c>
      <c r="B31" s="20"/>
      <c r="C31" s="541">
        <v>5</v>
      </c>
      <c r="D31" s="542"/>
      <c r="E31" s="563" t="s">
        <v>80</v>
      </c>
      <c r="F31" s="564"/>
      <c r="G31" s="564"/>
      <c r="H31" s="564"/>
      <c r="I31" s="564"/>
      <c r="J31" s="564"/>
      <c r="K31" s="564"/>
      <c r="L31" s="564"/>
      <c r="M31" s="564"/>
      <c r="N31" s="564"/>
      <c r="O31" s="564"/>
      <c r="P31" s="564"/>
      <c r="Q31" s="564"/>
      <c r="R31" s="564"/>
      <c r="S31" s="564"/>
      <c r="T31" s="565"/>
      <c r="U31" s="225" t="s">
        <v>446</v>
      </c>
      <c r="V31" s="546" t="s">
        <v>101</v>
      </c>
      <c r="W31" s="547"/>
      <c r="X31" s="547"/>
      <c r="Y31" s="547"/>
      <c r="Z31" s="548"/>
      <c r="AA31" s="623" t="s">
        <v>102</v>
      </c>
      <c r="AB31" s="624"/>
      <c r="AC31" s="625"/>
      <c r="AD31" s="415">
        <v>2</v>
      </c>
      <c r="AE31" s="415" t="s">
        <v>103</v>
      </c>
      <c r="AF31" s="646"/>
      <c r="AG31" s="647"/>
      <c r="AH31" s="549"/>
      <c r="AI31" s="550"/>
      <c r="AJ31" s="551"/>
      <c r="AK31" s="265"/>
      <c r="AL31" s="48"/>
      <c r="AM31" s="26"/>
      <c r="AN31" s="3" t="str">
        <f t="shared" si="1"/>
        <v>■</v>
      </c>
    </row>
    <row r="32" spans="1:40" s="1" customFormat="1" ht="13.4" customHeight="1">
      <c r="A32" s="20" t="str">
        <f t="shared" si="0"/>
        <v>MN</v>
      </c>
      <c r="B32" s="20"/>
      <c r="C32" s="541">
        <v>6</v>
      </c>
      <c r="D32" s="542"/>
      <c r="E32" s="563" t="s">
        <v>394</v>
      </c>
      <c r="F32" s="564"/>
      <c r="G32" s="564"/>
      <c r="H32" s="564"/>
      <c r="I32" s="564"/>
      <c r="J32" s="564"/>
      <c r="K32" s="564"/>
      <c r="L32" s="564"/>
      <c r="M32" s="564"/>
      <c r="N32" s="564"/>
      <c r="O32" s="564"/>
      <c r="P32" s="564"/>
      <c r="Q32" s="564"/>
      <c r="R32" s="564"/>
      <c r="S32" s="564"/>
      <c r="T32" s="565"/>
      <c r="U32" s="225" t="s">
        <v>960</v>
      </c>
      <c r="V32" s="546" t="s">
        <v>107</v>
      </c>
      <c r="W32" s="547"/>
      <c r="X32" s="547"/>
      <c r="Y32" s="547"/>
      <c r="Z32" s="548"/>
      <c r="AA32" s="623" t="s">
        <v>102</v>
      </c>
      <c r="AB32" s="624"/>
      <c r="AC32" s="625"/>
      <c r="AD32" s="415">
        <v>16</v>
      </c>
      <c r="AE32" s="415" t="s">
        <v>103</v>
      </c>
      <c r="AF32" s="646"/>
      <c r="AG32" s="647"/>
      <c r="AH32" s="549"/>
      <c r="AI32" s="550"/>
      <c r="AJ32" s="551"/>
      <c r="AK32" s="265"/>
      <c r="AL32" s="48"/>
      <c r="AM32" s="26"/>
      <c r="AN32" s="3" t="str">
        <f t="shared" si="1"/>
        <v>■</v>
      </c>
    </row>
    <row r="33" spans="1:40" s="13" customFormat="1" ht="13.4" customHeight="1">
      <c r="A33" s="20" t="str">
        <f t="shared" si="0"/>
        <v>MN</v>
      </c>
      <c r="B33" s="20"/>
      <c r="C33" s="676">
        <v>7</v>
      </c>
      <c r="D33" s="677"/>
      <c r="E33" s="694" t="s">
        <v>396</v>
      </c>
      <c r="F33" s="695"/>
      <c r="G33" s="695"/>
      <c r="H33" s="695"/>
      <c r="I33" s="695"/>
      <c r="J33" s="695"/>
      <c r="K33" s="695"/>
      <c r="L33" s="695"/>
      <c r="M33" s="695"/>
      <c r="N33" s="695"/>
      <c r="O33" s="695"/>
      <c r="P33" s="695"/>
      <c r="Q33" s="695"/>
      <c r="R33" s="695"/>
      <c r="S33" s="695"/>
      <c r="T33" s="696"/>
      <c r="U33" s="262" t="s">
        <v>961</v>
      </c>
      <c r="V33" s="681" t="s">
        <v>398</v>
      </c>
      <c r="W33" s="682"/>
      <c r="X33" s="682"/>
      <c r="Y33" s="682"/>
      <c r="Z33" s="683"/>
      <c r="AA33" s="626" t="s">
        <v>102</v>
      </c>
      <c r="AB33" s="627"/>
      <c r="AC33" s="628"/>
      <c r="AD33" s="417">
        <v>40</v>
      </c>
      <c r="AE33" s="417" t="s">
        <v>103</v>
      </c>
      <c r="AF33" s="648" t="s">
        <v>109</v>
      </c>
      <c r="AG33" s="649"/>
      <c r="AH33" s="684"/>
      <c r="AI33" s="685"/>
      <c r="AJ33" s="686"/>
      <c r="AK33" s="333" t="s">
        <v>399</v>
      </c>
      <c r="AL33" s="48"/>
      <c r="AM33" s="54"/>
      <c r="AN33" s="3" t="str">
        <f t="shared" si="1"/>
        <v>■</v>
      </c>
    </row>
    <row r="34" spans="1:40" s="1" customFormat="1" ht="13.4" customHeight="1">
      <c r="A34" s="20" t="str">
        <f t="shared" si="0"/>
        <v>MN</v>
      </c>
      <c r="B34" s="20"/>
      <c r="C34" s="676">
        <v>8</v>
      </c>
      <c r="D34" s="677"/>
      <c r="E34" s="694" t="s">
        <v>400</v>
      </c>
      <c r="F34" s="695"/>
      <c r="G34" s="695"/>
      <c r="H34" s="695"/>
      <c r="I34" s="695"/>
      <c r="J34" s="695"/>
      <c r="K34" s="695"/>
      <c r="L34" s="695"/>
      <c r="M34" s="695"/>
      <c r="N34" s="695"/>
      <c r="O34" s="695"/>
      <c r="P34" s="695"/>
      <c r="Q34" s="695"/>
      <c r="R34" s="695"/>
      <c r="S34" s="695"/>
      <c r="T34" s="696"/>
      <c r="U34" s="262" t="s">
        <v>474</v>
      </c>
      <c r="V34" s="681" t="s">
        <v>107</v>
      </c>
      <c r="W34" s="682"/>
      <c r="X34" s="682"/>
      <c r="Y34" s="682"/>
      <c r="Z34" s="683"/>
      <c r="AA34" s="626" t="s">
        <v>102</v>
      </c>
      <c r="AB34" s="627"/>
      <c r="AC34" s="628"/>
      <c r="AD34" s="417">
        <v>30</v>
      </c>
      <c r="AE34" s="417">
        <v>0</v>
      </c>
      <c r="AF34" s="648" t="s">
        <v>109</v>
      </c>
      <c r="AG34" s="649"/>
      <c r="AH34" s="684"/>
      <c r="AI34" s="685"/>
      <c r="AJ34" s="686"/>
      <c r="AK34" s="333" t="s">
        <v>399</v>
      </c>
      <c r="AL34" s="48"/>
      <c r="AM34" s="26"/>
      <c r="AN34" s="3" t="str">
        <f t="shared" si="1"/>
        <v>■</v>
      </c>
    </row>
    <row r="35" spans="1:40" s="1" customFormat="1" ht="13.4" customHeight="1">
      <c r="A35" s="20" t="str">
        <f t="shared" si="0"/>
        <v>MN</v>
      </c>
      <c r="B35" s="20"/>
      <c r="C35" s="676">
        <v>9</v>
      </c>
      <c r="D35" s="677"/>
      <c r="E35" s="694" t="s">
        <v>402</v>
      </c>
      <c r="F35" s="695"/>
      <c r="G35" s="695"/>
      <c r="H35" s="695"/>
      <c r="I35" s="695"/>
      <c r="J35" s="695"/>
      <c r="K35" s="695"/>
      <c r="L35" s="695"/>
      <c r="M35" s="695"/>
      <c r="N35" s="695"/>
      <c r="O35" s="695"/>
      <c r="P35" s="695"/>
      <c r="Q35" s="695"/>
      <c r="R35" s="695"/>
      <c r="S35" s="695"/>
      <c r="T35" s="696"/>
      <c r="U35" s="262" t="s">
        <v>475</v>
      </c>
      <c r="V35" s="681" t="s">
        <v>107</v>
      </c>
      <c r="W35" s="682"/>
      <c r="X35" s="682"/>
      <c r="Y35" s="682"/>
      <c r="Z35" s="683"/>
      <c r="AA35" s="626" t="s">
        <v>108</v>
      </c>
      <c r="AB35" s="627"/>
      <c r="AC35" s="628"/>
      <c r="AD35" s="417">
        <v>1</v>
      </c>
      <c r="AE35" s="417">
        <v>0</v>
      </c>
      <c r="AF35" s="648" t="s">
        <v>109</v>
      </c>
      <c r="AG35" s="649"/>
      <c r="AH35" s="684"/>
      <c r="AI35" s="685"/>
      <c r="AJ35" s="686"/>
      <c r="AK35" s="333" t="s">
        <v>399</v>
      </c>
      <c r="AL35" s="48"/>
      <c r="AM35" s="26"/>
      <c r="AN35" s="3" t="str">
        <f t="shared" si="1"/>
        <v>■</v>
      </c>
    </row>
    <row r="36" spans="1:40" s="1" customFormat="1" ht="13.4" customHeight="1">
      <c r="A36" s="20" t="str">
        <f t="shared" si="0"/>
        <v>MN</v>
      </c>
      <c r="B36" s="20"/>
      <c r="C36" s="676">
        <v>10</v>
      </c>
      <c r="D36" s="677"/>
      <c r="E36" s="694" t="s">
        <v>404</v>
      </c>
      <c r="F36" s="695"/>
      <c r="G36" s="695"/>
      <c r="H36" s="695"/>
      <c r="I36" s="695"/>
      <c r="J36" s="695"/>
      <c r="K36" s="695"/>
      <c r="L36" s="695"/>
      <c r="M36" s="695"/>
      <c r="N36" s="695"/>
      <c r="O36" s="695"/>
      <c r="P36" s="695"/>
      <c r="Q36" s="695"/>
      <c r="R36" s="695"/>
      <c r="S36" s="695"/>
      <c r="T36" s="696"/>
      <c r="U36" s="262" t="s">
        <v>765</v>
      </c>
      <c r="V36" s="681" t="s">
        <v>107</v>
      </c>
      <c r="W36" s="682"/>
      <c r="X36" s="682"/>
      <c r="Y36" s="682"/>
      <c r="Z36" s="683"/>
      <c r="AA36" s="626" t="s">
        <v>108</v>
      </c>
      <c r="AB36" s="627"/>
      <c r="AC36" s="628"/>
      <c r="AD36" s="417">
        <v>1</v>
      </c>
      <c r="AE36" s="417">
        <v>0</v>
      </c>
      <c r="AF36" s="648" t="s">
        <v>109</v>
      </c>
      <c r="AG36" s="649"/>
      <c r="AH36" s="684"/>
      <c r="AI36" s="685"/>
      <c r="AJ36" s="686"/>
      <c r="AK36" s="333" t="s">
        <v>399</v>
      </c>
      <c r="AL36" s="48"/>
      <c r="AM36" s="26"/>
      <c r="AN36" s="3" t="str">
        <f t="shared" si="1"/>
        <v>■</v>
      </c>
    </row>
    <row r="37" spans="1:40" s="1" customFormat="1" ht="13.4" customHeight="1">
      <c r="A37" s="20" t="str">
        <f t="shared" si="0"/>
        <v>MN</v>
      </c>
      <c r="B37" s="20"/>
      <c r="C37" s="676">
        <v>11</v>
      </c>
      <c r="D37" s="677"/>
      <c r="E37" s="694" t="s">
        <v>406</v>
      </c>
      <c r="F37" s="695"/>
      <c r="G37" s="695"/>
      <c r="H37" s="695"/>
      <c r="I37" s="695"/>
      <c r="J37" s="695"/>
      <c r="K37" s="695"/>
      <c r="L37" s="695"/>
      <c r="M37" s="695"/>
      <c r="N37" s="695"/>
      <c r="O37" s="695"/>
      <c r="P37" s="695"/>
      <c r="Q37" s="695"/>
      <c r="R37" s="695"/>
      <c r="S37" s="695"/>
      <c r="T37" s="696"/>
      <c r="U37" s="262" t="s">
        <v>766</v>
      </c>
      <c r="V37" s="648" t="s">
        <v>485</v>
      </c>
      <c r="W37" s="690"/>
      <c r="X37" s="690"/>
      <c r="Y37" s="690"/>
      <c r="Z37" s="649"/>
      <c r="AA37" s="635" t="s">
        <v>102</v>
      </c>
      <c r="AB37" s="636"/>
      <c r="AC37" s="637"/>
      <c r="AD37" s="417">
        <v>100</v>
      </c>
      <c r="AE37" s="417" t="s">
        <v>103</v>
      </c>
      <c r="AF37" s="648" t="s">
        <v>109</v>
      </c>
      <c r="AG37" s="649"/>
      <c r="AH37" s="684"/>
      <c r="AI37" s="685"/>
      <c r="AJ37" s="686"/>
      <c r="AK37" s="333" t="s">
        <v>399</v>
      </c>
      <c r="AL37" s="29"/>
      <c r="AM37" s="26"/>
      <c r="AN37" s="3" t="str">
        <f t="shared" si="1"/>
        <v>■</v>
      </c>
    </row>
    <row r="38" spans="1:40" s="1" customFormat="1" ht="13.4" customHeight="1">
      <c r="A38" s="20" t="str">
        <f t="shared" si="0"/>
        <v>MN</v>
      </c>
      <c r="B38" s="20"/>
      <c r="C38" s="541">
        <v>12</v>
      </c>
      <c r="D38" s="542"/>
      <c r="E38" s="563" t="s">
        <v>409</v>
      </c>
      <c r="F38" s="564"/>
      <c r="G38" s="564"/>
      <c r="H38" s="564"/>
      <c r="I38" s="564"/>
      <c r="J38" s="564"/>
      <c r="K38" s="564"/>
      <c r="L38" s="564"/>
      <c r="M38" s="564"/>
      <c r="N38" s="564"/>
      <c r="O38" s="564"/>
      <c r="P38" s="564"/>
      <c r="Q38" s="564"/>
      <c r="R38" s="564"/>
      <c r="S38" s="564"/>
      <c r="T38" s="565"/>
      <c r="U38" s="240" t="s">
        <v>453</v>
      </c>
      <c r="V38" s="697" t="s">
        <v>107</v>
      </c>
      <c r="W38" s="698"/>
      <c r="X38" s="698"/>
      <c r="Y38" s="698"/>
      <c r="Z38" s="699"/>
      <c r="AA38" s="638" t="s">
        <v>102</v>
      </c>
      <c r="AB38" s="639"/>
      <c r="AC38" s="640"/>
      <c r="AD38" s="415">
        <v>6</v>
      </c>
      <c r="AE38" s="415" t="s">
        <v>103</v>
      </c>
      <c r="AF38" s="646"/>
      <c r="AG38" s="647"/>
      <c r="AH38" s="549"/>
      <c r="AI38" s="550"/>
      <c r="AJ38" s="551"/>
      <c r="AK38" s="265"/>
      <c r="AL38" s="48"/>
      <c r="AM38" s="26"/>
      <c r="AN38" s="3" t="str">
        <f t="shared" si="1"/>
        <v>■</v>
      </c>
    </row>
    <row r="39" spans="1:40" s="1" customFormat="1">
      <c r="A39" s="20" t="str">
        <f t="shared" si="0"/>
        <v>MN</v>
      </c>
      <c r="B39" s="20"/>
      <c r="C39" s="541">
        <v>13</v>
      </c>
      <c r="D39" s="542"/>
      <c r="E39" s="543" t="s">
        <v>411</v>
      </c>
      <c r="F39" s="544"/>
      <c r="G39" s="544"/>
      <c r="H39" s="544"/>
      <c r="I39" s="544"/>
      <c r="J39" s="544"/>
      <c r="K39" s="544"/>
      <c r="L39" s="544"/>
      <c r="M39" s="544"/>
      <c r="N39" s="544"/>
      <c r="O39" s="544"/>
      <c r="P39" s="544"/>
      <c r="Q39" s="544"/>
      <c r="R39" s="544"/>
      <c r="S39" s="544"/>
      <c r="T39" s="545"/>
      <c r="U39" s="221" t="s">
        <v>516</v>
      </c>
      <c r="V39" s="546" t="s">
        <v>107</v>
      </c>
      <c r="W39" s="547"/>
      <c r="X39" s="547"/>
      <c r="Y39" s="547"/>
      <c r="Z39" s="548"/>
      <c r="AA39" s="623" t="s">
        <v>102</v>
      </c>
      <c r="AB39" s="624"/>
      <c r="AC39" s="625"/>
      <c r="AD39" s="415">
        <v>6</v>
      </c>
      <c r="AE39" s="415" t="s">
        <v>103</v>
      </c>
      <c r="AF39" s="646"/>
      <c r="AG39" s="647"/>
      <c r="AH39" s="549"/>
      <c r="AI39" s="550"/>
      <c r="AJ39" s="551"/>
      <c r="AK39" s="265"/>
      <c r="AL39" s="29"/>
      <c r="AM39" s="26"/>
      <c r="AN39" s="3" t="str">
        <f t="shared" si="1"/>
        <v>■</v>
      </c>
    </row>
    <row r="40" spans="1:40" ht="13.4" customHeight="1">
      <c r="A40" s="20" t="str">
        <f t="shared" si="0"/>
        <v>MN</v>
      </c>
      <c r="B40" s="25"/>
      <c r="N40" s="50"/>
      <c r="V40" s="238"/>
      <c r="W40" s="238"/>
      <c r="X40" s="238"/>
      <c r="Y40" s="238"/>
      <c r="Z40" s="238"/>
      <c r="AA40" s="629"/>
      <c r="AB40" s="629"/>
      <c r="AC40" s="629"/>
      <c r="AF40" s="238"/>
      <c r="AG40" s="238"/>
      <c r="AH40" s="238"/>
      <c r="AI40" s="238"/>
      <c r="AJ40" s="238"/>
      <c r="AK40" s="55"/>
      <c r="AL40" s="29"/>
      <c r="AM40" s="16"/>
    </row>
    <row r="41" spans="1:40" s="1" customFormat="1" ht="13.4" customHeight="1">
      <c r="A41" s="20" t="str">
        <f t="shared" si="0"/>
        <v>IR</v>
      </c>
      <c r="B41" s="20"/>
      <c r="C41" s="52" t="s">
        <v>380</v>
      </c>
      <c r="D41" s="53"/>
      <c r="E41" s="26"/>
      <c r="F41" s="26"/>
      <c r="G41" s="26"/>
      <c r="H41" s="26"/>
      <c r="I41" s="26"/>
      <c r="J41" s="26" t="s">
        <v>1129</v>
      </c>
      <c r="K41" s="71"/>
      <c r="L41" s="26"/>
      <c r="M41" s="71"/>
      <c r="N41" s="26"/>
      <c r="O41" s="26"/>
      <c r="P41" s="26"/>
      <c r="Q41" s="26"/>
      <c r="R41" s="26"/>
      <c r="S41" s="26"/>
      <c r="T41" s="26"/>
      <c r="U41" s="26" t="s">
        <v>1130</v>
      </c>
      <c r="V41" s="122"/>
      <c r="W41" s="122"/>
      <c r="X41" s="122"/>
      <c r="Y41" s="122"/>
      <c r="Z41" s="122"/>
      <c r="AA41" s="630"/>
      <c r="AB41" s="630"/>
      <c r="AC41" s="630"/>
      <c r="AD41" s="122"/>
      <c r="AE41" s="122"/>
      <c r="AF41" s="122"/>
      <c r="AG41" s="122"/>
      <c r="AH41" s="122"/>
      <c r="AI41" s="122"/>
      <c r="AJ41" s="122"/>
      <c r="AK41" s="26"/>
      <c r="AL41" s="48"/>
      <c r="AM41" s="26"/>
    </row>
    <row r="42" spans="1:40" ht="13.5" customHeight="1">
      <c r="A42" s="20" t="str">
        <f t="shared" si="0"/>
        <v>IR</v>
      </c>
      <c r="B42" s="51"/>
      <c r="C42" s="583" t="s">
        <v>73</v>
      </c>
      <c r="D42" s="573"/>
      <c r="E42" s="583" t="s">
        <v>94</v>
      </c>
      <c r="F42" s="583"/>
      <c r="G42" s="583"/>
      <c r="H42" s="583"/>
      <c r="I42" s="583"/>
      <c r="J42" s="583"/>
      <c r="K42" s="583"/>
      <c r="L42" s="583"/>
      <c r="M42" s="583"/>
      <c r="N42" s="583"/>
      <c r="O42" s="583"/>
      <c r="P42" s="583"/>
      <c r="Q42" s="583"/>
      <c r="R42" s="583"/>
      <c r="S42" s="583"/>
      <c r="T42" s="583"/>
      <c r="U42" s="226" t="s">
        <v>383</v>
      </c>
      <c r="V42" s="572" t="s">
        <v>138</v>
      </c>
      <c r="W42" s="572"/>
      <c r="X42" s="572"/>
      <c r="Y42" s="572"/>
      <c r="Z42" s="572"/>
      <c r="AA42" s="652" t="s">
        <v>959</v>
      </c>
      <c r="AB42" s="653"/>
      <c r="AC42" s="654"/>
      <c r="AD42" s="572" t="s">
        <v>97</v>
      </c>
      <c r="AE42" s="572"/>
      <c r="AF42" s="572" t="s">
        <v>98</v>
      </c>
      <c r="AG42" s="572"/>
      <c r="AH42" s="583" t="s">
        <v>75</v>
      </c>
      <c r="AI42" s="583"/>
      <c r="AJ42" s="583"/>
      <c r="AK42" s="581" t="s">
        <v>159</v>
      </c>
      <c r="AL42" s="48"/>
      <c r="AM42" s="16"/>
    </row>
    <row r="43" spans="1:40" ht="13.4" customHeight="1">
      <c r="A43" s="20" t="str">
        <f t="shared" si="0"/>
        <v>IR</v>
      </c>
      <c r="B43" s="51"/>
      <c r="C43" s="573"/>
      <c r="D43" s="573"/>
      <c r="E43" s="583"/>
      <c r="F43" s="583"/>
      <c r="G43" s="583"/>
      <c r="H43" s="583"/>
      <c r="I43" s="583"/>
      <c r="J43" s="583"/>
      <c r="K43" s="583"/>
      <c r="L43" s="583"/>
      <c r="M43" s="583"/>
      <c r="N43" s="583"/>
      <c r="O43" s="583"/>
      <c r="P43" s="583"/>
      <c r="Q43" s="583"/>
      <c r="R43" s="583"/>
      <c r="S43" s="583"/>
      <c r="T43" s="583"/>
      <c r="U43" s="227"/>
      <c r="V43" s="572"/>
      <c r="W43" s="572"/>
      <c r="X43" s="572"/>
      <c r="Y43" s="572"/>
      <c r="Z43" s="572"/>
      <c r="AA43" s="655"/>
      <c r="AB43" s="656"/>
      <c r="AC43" s="657"/>
      <c r="AD43" s="572"/>
      <c r="AE43" s="572"/>
      <c r="AF43" s="572"/>
      <c r="AG43" s="572"/>
      <c r="AH43" s="583"/>
      <c r="AI43" s="583"/>
      <c r="AJ43" s="583"/>
      <c r="AK43" s="582"/>
      <c r="AL43" s="38"/>
      <c r="AM43" s="16"/>
    </row>
    <row r="44" spans="1:40" s="1" customFormat="1" ht="13.4" customHeight="1">
      <c r="A44" s="20" t="str">
        <f t="shared" si="0"/>
        <v>IR</v>
      </c>
      <c r="B44" s="20"/>
      <c r="C44" s="541">
        <v>1</v>
      </c>
      <c r="D44" s="542"/>
      <c r="E44" s="563" t="s">
        <v>386</v>
      </c>
      <c r="F44" s="564"/>
      <c r="G44" s="564"/>
      <c r="H44" s="564"/>
      <c r="I44" s="564"/>
      <c r="J44" s="564"/>
      <c r="K44" s="564"/>
      <c r="L44" s="564"/>
      <c r="M44" s="564"/>
      <c r="N44" s="564"/>
      <c r="O44" s="564"/>
      <c r="P44" s="564"/>
      <c r="Q44" s="564"/>
      <c r="R44" s="564"/>
      <c r="S44" s="564"/>
      <c r="T44" s="565"/>
      <c r="U44" s="219" t="s">
        <v>441</v>
      </c>
      <c r="V44" s="546" t="s">
        <v>101</v>
      </c>
      <c r="W44" s="547"/>
      <c r="X44" s="547"/>
      <c r="Y44" s="547"/>
      <c r="Z44" s="548"/>
      <c r="AA44" s="623" t="s">
        <v>102</v>
      </c>
      <c r="AB44" s="624"/>
      <c r="AC44" s="625"/>
      <c r="AD44" s="415">
        <v>10</v>
      </c>
      <c r="AE44" s="415" t="s">
        <v>103</v>
      </c>
      <c r="AF44" s="646"/>
      <c r="AG44" s="647"/>
      <c r="AH44" s="549"/>
      <c r="AI44" s="550"/>
      <c r="AJ44" s="551"/>
      <c r="AK44" s="265"/>
      <c r="AL44" s="38"/>
      <c r="AM44" s="26"/>
      <c r="AN44" s="1" t="str">
        <f>$J$19</f>
        <v>■</v>
      </c>
    </row>
    <row r="45" spans="1:40" s="1" customFormat="1" ht="13.4" customHeight="1">
      <c r="A45" s="20" t="str">
        <f t="shared" si="0"/>
        <v>IR</v>
      </c>
      <c r="B45" s="20"/>
      <c r="C45" s="541">
        <v>2</v>
      </c>
      <c r="D45" s="542"/>
      <c r="E45" s="563" t="s">
        <v>388</v>
      </c>
      <c r="F45" s="564"/>
      <c r="G45" s="564"/>
      <c r="H45" s="564"/>
      <c r="I45" s="564"/>
      <c r="J45" s="564"/>
      <c r="K45" s="564"/>
      <c r="L45" s="564"/>
      <c r="M45" s="564"/>
      <c r="N45" s="564"/>
      <c r="O45" s="564"/>
      <c r="P45" s="564"/>
      <c r="Q45" s="564"/>
      <c r="R45" s="564"/>
      <c r="S45" s="564"/>
      <c r="T45" s="565"/>
      <c r="U45" s="219" t="s">
        <v>443</v>
      </c>
      <c r="V45" s="546" t="s">
        <v>101</v>
      </c>
      <c r="W45" s="547"/>
      <c r="X45" s="547"/>
      <c r="Y45" s="547"/>
      <c r="Z45" s="548"/>
      <c r="AA45" s="623" t="s">
        <v>102</v>
      </c>
      <c r="AB45" s="624"/>
      <c r="AC45" s="625"/>
      <c r="AD45" s="415">
        <v>51</v>
      </c>
      <c r="AE45" s="415" t="s">
        <v>103</v>
      </c>
      <c r="AF45" s="646"/>
      <c r="AG45" s="647"/>
      <c r="AH45" s="549"/>
      <c r="AI45" s="550"/>
      <c r="AJ45" s="551"/>
      <c r="AK45" s="265"/>
      <c r="AL45" s="48"/>
      <c r="AM45" s="26"/>
      <c r="AN45" s="1" t="str">
        <f t="shared" ref="AN45:AN59" si="2">$J$19</f>
        <v>■</v>
      </c>
    </row>
    <row r="46" spans="1:40" s="13" customFormat="1" ht="13.4" customHeight="1">
      <c r="A46" s="20" t="str">
        <f t="shared" si="0"/>
        <v>IR</v>
      </c>
      <c r="B46" s="20"/>
      <c r="C46" s="552">
        <v>3</v>
      </c>
      <c r="D46" s="553"/>
      <c r="E46" s="566" t="s">
        <v>106</v>
      </c>
      <c r="F46" s="567"/>
      <c r="G46" s="567"/>
      <c r="H46" s="567"/>
      <c r="I46" s="567"/>
      <c r="J46" s="567"/>
      <c r="K46" s="567"/>
      <c r="L46" s="567"/>
      <c r="M46" s="567"/>
      <c r="N46" s="567"/>
      <c r="O46" s="567"/>
      <c r="P46" s="567"/>
      <c r="Q46" s="567"/>
      <c r="R46" s="567"/>
      <c r="S46" s="567"/>
      <c r="T46" s="568"/>
      <c r="U46" s="230" t="s">
        <v>444</v>
      </c>
      <c r="V46" s="557" t="s">
        <v>107</v>
      </c>
      <c r="W46" s="558"/>
      <c r="X46" s="558"/>
      <c r="Y46" s="558"/>
      <c r="Z46" s="559"/>
      <c r="AA46" s="626" t="s">
        <v>108</v>
      </c>
      <c r="AB46" s="627"/>
      <c r="AC46" s="628"/>
      <c r="AD46" s="419">
        <v>1</v>
      </c>
      <c r="AE46" s="419">
        <v>0</v>
      </c>
      <c r="AF46" s="648" t="s">
        <v>109</v>
      </c>
      <c r="AG46" s="649"/>
      <c r="AH46" s="560"/>
      <c r="AI46" s="561"/>
      <c r="AJ46" s="562"/>
      <c r="AK46" s="346" t="s">
        <v>391</v>
      </c>
      <c r="AL46" s="48"/>
      <c r="AM46" s="54"/>
      <c r="AN46" s="1" t="str">
        <f t="shared" si="2"/>
        <v>■</v>
      </c>
    </row>
    <row r="47" spans="1:40" s="13" customFormat="1" ht="13.4" customHeight="1">
      <c r="A47" s="20" t="str">
        <f t="shared" si="0"/>
        <v>IR</v>
      </c>
      <c r="B47" s="20"/>
      <c r="C47" s="541">
        <v>4</v>
      </c>
      <c r="D47" s="542"/>
      <c r="E47" s="563" t="s">
        <v>110</v>
      </c>
      <c r="F47" s="564"/>
      <c r="G47" s="564"/>
      <c r="H47" s="564"/>
      <c r="I47" s="564"/>
      <c r="J47" s="564"/>
      <c r="K47" s="564"/>
      <c r="L47" s="564"/>
      <c r="M47" s="564"/>
      <c r="N47" s="564"/>
      <c r="O47" s="564"/>
      <c r="P47" s="564"/>
      <c r="Q47" s="564"/>
      <c r="R47" s="564"/>
      <c r="S47" s="564"/>
      <c r="T47" s="565"/>
      <c r="U47" s="229" t="s">
        <v>445</v>
      </c>
      <c r="V47" s="546" t="s">
        <v>107</v>
      </c>
      <c r="W47" s="547"/>
      <c r="X47" s="547"/>
      <c r="Y47" s="547"/>
      <c r="Z47" s="548"/>
      <c r="AA47" s="623" t="s">
        <v>108</v>
      </c>
      <c r="AB47" s="624"/>
      <c r="AC47" s="625"/>
      <c r="AD47" s="415">
        <v>1</v>
      </c>
      <c r="AE47" s="415">
        <v>0</v>
      </c>
      <c r="AF47" s="646"/>
      <c r="AG47" s="647"/>
      <c r="AH47" s="549"/>
      <c r="AI47" s="550"/>
      <c r="AJ47" s="551"/>
      <c r="AK47" s="265"/>
      <c r="AL47" s="38"/>
      <c r="AM47" s="54"/>
      <c r="AN47" s="1" t="str">
        <f t="shared" si="2"/>
        <v>■</v>
      </c>
    </row>
    <row r="48" spans="1:40" s="1" customFormat="1" ht="13.4" customHeight="1">
      <c r="A48" s="20" t="str">
        <f t="shared" si="0"/>
        <v>IR</v>
      </c>
      <c r="B48" s="20"/>
      <c r="C48" s="541">
        <v>5</v>
      </c>
      <c r="D48" s="542"/>
      <c r="E48" s="563" t="s">
        <v>80</v>
      </c>
      <c r="F48" s="564"/>
      <c r="G48" s="564"/>
      <c r="H48" s="564"/>
      <c r="I48" s="564"/>
      <c r="J48" s="564"/>
      <c r="K48" s="564"/>
      <c r="L48" s="564"/>
      <c r="M48" s="564"/>
      <c r="N48" s="564"/>
      <c r="O48" s="564"/>
      <c r="P48" s="564"/>
      <c r="Q48" s="564"/>
      <c r="R48" s="564"/>
      <c r="S48" s="564"/>
      <c r="T48" s="565"/>
      <c r="U48" s="229" t="s">
        <v>446</v>
      </c>
      <c r="V48" s="546" t="s">
        <v>101</v>
      </c>
      <c r="W48" s="547"/>
      <c r="X48" s="547"/>
      <c r="Y48" s="547"/>
      <c r="Z48" s="548"/>
      <c r="AA48" s="623" t="s">
        <v>102</v>
      </c>
      <c r="AB48" s="624"/>
      <c r="AC48" s="625"/>
      <c r="AD48" s="415">
        <v>2</v>
      </c>
      <c r="AE48" s="415" t="s">
        <v>103</v>
      </c>
      <c r="AF48" s="646"/>
      <c r="AG48" s="647"/>
      <c r="AH48" s="549"/>
      <c r="AI48" s="550"/>
      <c r="AJ48" s="551"/>
      <c r="AK48" s="265"/>
      <c r="AL48" s="48"/>
      <c r="AM48" s="26"/>
      <c r="AN48" s="1" t="str">
        <f t="shared" si="2"/>
        <v>■</v>
      </c>
    </row>
    <row r="49" spans="1:40" s="1" customFormat="1" ht="13.4" customHeight="1">
      <c r="A49" s="20" t="str">
        <f t="shared" si="0"/>
        <v>IR</v>
      </c>
      <c r="B49" s="20"/>
      <c r="C49" s="541">
        <v>6</v>
      </c>
      <c r="D49" s="542"/>
      <c r="E49" s="563" t="s">
        <v>418</v>
      </c>
      <c r="F49" s="564"/>
      <c r="G49" s="564"/>
      <c r="H49" s="564"/>
      <c r="I49" s="564"/>
      <c r="J49" s="564"/>
      <c r="K49" s="564"/>
      <c r="L49" s="564"/>
      <c r="M49" s="564"/>
      <c r="N49" s="564"/>
      <c r="O49" s="564"/>
      <c r="P49" s="564"/>
      <c r="Q49" s="564"/>
      <c r="R49" s="564"/>
      <c r="S49" s="564"/>
      <c r="T49" s="565"/>
      <c r="U49" s="229" t="s">
        <v>963</v>
      </c>
      <c r="V49" s="546" t="s">
        <v>107</v>
      </c>
      <c r="W49" s="547"/>
      <c r="X49" s="547"/>
      <c r="Y49" s="547"/>
      <c r="Z49" s="548"/>
      <c r="AA49" s="623" t="s">
        <v>102</v>
      </c>
      <c r="AB49" s="624"/>
      <c r="AC49" s="625"/>
      <c r="AD49" s="415">
        <v>1</v>
      </c>
      <c r="AE49" s="415" t="s">
        <v>103</v>
      </c>
      <c r="AF49" s="646"/>
      <c r="AG49" s="647"/>
      <c r="AH49" s="549"/>
      <c r="AI49" s="550"/>
      <c r="AJ49" s="551"/>
      <c r="AK49" s="265"/>
      <c r="AL49" s="48"/>
      <c r="AM49" s="26"/>
      <c r="AN49" s="1" t="str">
        <f t="shared" si="2"/>
        <v>■</v>
      </c>
    </row>
    <row r="50" spans="1:40" s="13" customFormat="1" ht="13.4" customHeight="1">
      <c r="A50" s="20" t="str">
        <f t="shared" si="0"/>
        <v>IR</v>
      </c>
      <c r="B50" s="20"/>
      <c r="C50" s="541">
        <v>7</v>
      </c>
      <c r="D50" s="542"/>
      <c r="E50" s="563" t="s">
        <v>420</v>
      </c>
      <c r="F50" s="564"/>
      <c r="G50" s="564"/>
      <c r="H50" s="564"/>
      <c r="I50" s="564"/>
      <c r="J50" s="564"/>
      <c r="K50" s="564"/>
      <c r="L50" s="564"/>
      <c r="M50" s="564"/>
      <c r="N50" s="564"/>
      <c r="O50" s="564"/>
      <c r="P50" s="564"/>
      <c r="Q50" s="564"/>
      <c r="R50" s="564"/>
      <c r="S50" s="564"/>
      <c r="T50" s="565"/>
      <c r="U50" s="229" t="s">
        <v>746</v>
      </c>
      <c r="V50" s="546" t="s">
        <v>107</v>
      </c>
      <c r="W50" s="547"/>
      <c r="X50" s="547"/>
      <c r="Y50" s="547"/>
      <c r="Z50" s="548"/>
      <c r="AA50" s="623" t="s">
        <v>102</v>
      </c>
      <c r="AB50" s="624"/>
      <c r="AC50" s="625"/>
      <c r="AD50" s="415">
        <v>2</v>
      </c>
      <c r="AE50" s="415" t="s">
        <v>103</v>
      </c>
      <c r="AF50" s="646"/>
      <c r="AG50" s="647"/>
      <c r="AH50" s="549"/>
      <c r="AI50" s="550"/>
      <c r="AJ50" s="551"/>
      <c r="AK50" s="265"/>
      <c r="AL50" s="48"/>
      <c r="AM50" s="54"/>
      <c r="AN50" s="1" t="str">
        <f t="shared" si="2"/>
        <v>■</v>
      </c>
    </row>
    <row r="51" spans="1:40" s="1" customFormat="1" ht="13.4" customHeight="1">
      <c r="A51" s="20" t="str">
        <f t="shared" si="0"/>
        <v>IR</v>
      </c>
      <c r="B51" s="20"/>
      <c r="C51" s="541">
        <v>8</v>
      </c>
      <c r="D51" s="542"/>
      <c r="E51" s="563" t="s">
        <v>422</v>
      </c>
      <c r="F51" s="564"/>
      <c r="G51" s="564"/>
      <c r="H51" s="564"/>
      <c r="I51" s="564"/>
      <c r="J51" s="564"/>
      <c r="K51" s="564"/>
      <c r="L51" s="564"/>
      <c r="M51" s="564"/>
      <c r="N51" s="564"/>
      <c r="O51" s="564"/>
      <c r="P51" s="564"/>
      <c r="Q51" s="564"/>
      <c r="R51" s="564"/>
      <c r="S51" s="564"/>
      <c r="T51" s="565"/>
      <c r="U51" s="229" t="s">
        <v>747</v>
      </c>
      <c r="V51" s="546" t="s">
        <v>107</v>
      </c>
      <c r="W51" s="547"/>
      <c r="X51" s="547"/>
      <c r="Y51" s="547"/>
      <c r="Z51" s="548"/>
      <c r="AA51" s="623" t="s">
        <v>102</v>
      </c>
      <c r="AB51" s="624"/>
      <c r="AC51" s="625"/>
      <c r="AD51" s="415">
        <v>1</v>
      </c>
      <c r="AE51" s="415" t="s">
        <v>103</v>
      </c>
      <c r="AF51" s="646"/>
      <c r="AG51" s="647"/>
      <c r="AH51" s="549"/>
      <c r="AI51" s="550"/>
      <c r="AJ51" s="551"/>
      <c r="AK51" s="265"/>
      <c r="AL51" s="48"/>
      <c r="AM51" s="26"/>
      <c r="AN51" s="1" t="str">
        <f t="shared" si="2"/>
        <v>■</v>
      </c>
    </row>
    <row r="52" spans="1:40" s="1" customFormat="1" ht="13.4" customHeight="1">
      <c r="A52" s="20" t="str">
        <f t="shared" si="0"/>
        <v>IR</v>
      </c>
      <c r="B52" s="20"/>
      <c r="C52" s="676">
        <v>9</v>
      </c>
      <c r="D52" s="677"/>
      <c r="E52" s="694" t="s">
        <v>424</v>
      </c>
      <c r="F52" s="695"/>
      <c r="G52" s="695"/>
      <c r="H52" s="695"/>
      <c r="I52" s="695"/>
      <c r="J52" s="695"/>
      <c r="K52" s="695"/>
      <c r="L52" s="695"/>
      <c r="M52" s="695"/>
      <c r="N52" s="695"/>
      <c r="O52" s="695"/>
      <c r="P52" s="695"/>
      <c r="Q52" s="695"/>
      <c r="R52" s="695"/>
      <c r="S52" s="695"/>
      <c r="T52" s="696"/>
      <c r="U52" s="262" t="s">
        <v>748</v>
      </c>
      <c r="V52" s="681" t="s">
        <v>107</v>
      </c>
      <c r="W52" s="682"/>
      <c r="X52" s="682"/>
      <c r="Y52" s="682"/>
      <c r="Z52" s="683"/>
      <c r="AA52" s="626" t="s">
        <v>102</v>
      </c>
      <c r="AB52" s="627"/>
      <c r="AC52" s="628"/>
      <c r="AD52" s="417">
        <v>7</v>
      </c>
      <c r="AE52" s="417" t="s">
        <v>103</v>
      </c>
      <c r="AF52" s="648" t="s">
        <v>109</v>
      </c>
      <c r="AG52" s="649"/>
      <c r="AH52" s="684"/>
      <c r="AI52" s="685"/>
      <c r="AJ52" s="686"/>
      <c r="AK52" s="350" t="s">
        <v>391</v>
      </c>
      <c r="AL52" s="48"/>
      <c r="AM52" s="26"/>
      <c r="AN52" s="1" t="str">
        <f t="shared" si="2"/>
        <v>■</v>
      </c>
    </row>
    <row r="53" spans="1:40" s="1" customFormat="1" ht="13.4" customHeight="1">
      <c r="A53" s="20" t="str">
        <f t="shared" si="0"/>
        <v>IR</v>
      </c>
      <c r="B53" s="20"/>
      <c r="C53" s="541">
        <v>10</v>
      </c>
      <c r="D53" s="542"/>
      <c r="E53" s="563" t="s">
        <v>426</v>
      </c>
      <c r="F53" s="564"/>
      <c r="G53" s="564"/>
      <c r="H53" s="564"/>
      <c r="I53" s="564"/>
      <c r="J53" s="564"/>
      <c r="K53" s="564"/>
      <c r="L53" s="564"/>
      <c r="M53" s="564"/>
      <c r="N53" s="564"/>
      <c r="O53" s="564"/>
      <c r="P53" s="564"/>
      <c r="Q53" s="564"/>
      <c r="R53" s="564"/>
      <c r="S53" s="564"/>
      <c r="T53" s="565"/>
      <c r="U53" s="229" t="s">
        <v>749</v>
      </c>
      <c r="V53" s="546" t="s">
        <v>107</v>
      </c>
      <c r="W53" s="547"/>
      <c r="X53" s="547"/>
      <c r="Y53" s="547"/>
      <c r="Z53" s="548"/>
      <c r="AA53" s="623" t="s">
        <v>102</v>
      </c>
      <c r="AB53" s="624"/>
      <c r="AC53" s="625"/>
      <c r="AD53" s="415">
        <v>7</v>
      </c>
      <c r="AE53" s="415" t="s">
        <v>103</v>
      </c>
      <c r="AF53" s="646"/>
      <c r="AG53" s="647"/>
      <c r="AH53" s="549"/>
      <c r="AI53" s="550"/>
      <c r="AJ53" s="551"/>
      <c r="AK53" s="265" t="s">
        <v>3020</v>
      </c>
      <c r="AL53" s="48"/>
      <c r="AM53" s="26"/>
      <c r="AN53" s="1" t="str">
        <f t="shared" si="2"/>
        <v>■</v>
      </c>
    </row>
    <row r="54" spans="1:40" s="1" customFormat="1" ht="13.4" customHeight="1">
      <c r="A54" s="20" t="str">
        <f t="shared" si="0"/>
        <v>IR</v>
      </c>
      <c r="B54" s="20"/>
      <c r="C54" s="676">
        <v>11</v>
      </c>
      <c r="D54" s="677"/>
      <c r="E54" s="694" t="s">
        <v>1131</v>
      </c>
      <c r="F54" s="695"/>
      <c r="G54" s="695"/>
      <c r="H54" s="695"/>
      <c r="I54" s="695"/>
      <c r="J54" s="695"/>
      <c r="K54" s="695"/>
      <c r="L54" s="695"/>
      <c r="M54" s="695"/>
      <c r="N54" s="695"/>
      <c r="O54" s="695"/>
      <c r="P54" s="695"/>
      <c r="Q54" s="695"/>
      <c r="R54" s="695"/>
      <c r="S54" s="695"/>
      <c r="T54" s="696"/>
      <c r="U54" s="262" t="s">
        <v>751</v>
      </c>
      <c r="V54" s="681" t="s">
        <v>107</v>
      </c>
      <c r="W54" s="682"/>
      <c r="X54" s="682"/>
      <c r="Y54" s="682"/>
      <c r="Z54" s="683"/>
      <c r="AA54" s="626" t="s">
        <v>102</v>
      </c>
      <c r="AB54" s="627"/>
      <c r="AC54" s="628"/>
      <c r="AD54" s="417">
        <v>2</v>
      </c>
      <c r="AE54" s="417" t="s">
        <v>103</v>
      </c>
      <c r="AF54" s="648" t="s">
        <v>109</v>
      </c>
      <c r="AG54" s="649"/>
      <c r="AH54" s="684"/>
      <c r="AI54" s="685"/>
      <c r="AJ54" s="686"/>
      <c r="AK54" s="350" t="s">
        <v>416</v>
      </c>
      <c r="AL54" s="48"/>
      <c r="AM54" s="26"/>
      <c r="AN54" s="1" t="str">
        <f t="shared" si="2"/>
        <v>■</v>
      </c>
    </row>
    <row r="55" spans="1:40" s="1" customFormat="1" ht="13.4" customHeight="1">
      <c r="A55" s="20" t="str">
        <f t="shared" si="0"/>
        <v>IR</v>
      </c>
      <c r="B55" s="20"/>
      <c r="C55" s="541">
        <v>12</v>
      </c>
      <c r="D55" s="542"/>
      <c r="E55" s="563" t="s">
        <v>430</v>
      </c>
      <c r="F55" s="564"/>
      <c r="G55" s="564"/>
      <c r="H55" s="564"/>
      <c r="I55" s="564"/>
      <c r="J55" s="564"/>
      <c r="K55" s="564"/>
      <c r="L55" s="564"/>
      <c r="M55" s="564"/>
      <c r="N55" s="564"/>
      <c r="O55" s="564"/>
      <c r="P55" s="564"/>
      <c r="Q55" s="564"/>
      <c r="R55" s="564"/>
      <c r="S55" s="564"/>
      <c r="T55" s="565"/>
      <c r="U55" s="229" t="s">
        <v>964</v>
      </c>
      <c r="V55" s="546" t="s">
        <v>107</v>
      </c>
      <c r="W55" s="547"/>
      <c r="X55" s="547"/>
      <c r="Y55" s="547"/>
      <c r="Z55" s="548"/>
      <c r="AA55" s="623" t="s">
        <v>102</v>
      </c>
      <c r="AB55" s="624"/>
      <c r="AC55" s="625"/>
      <c r="AD55" s="415">
        <v>6</v>
      </c>
      <c r="AE55" s="415" t="s">
        <v>103</v>
      </c>
      <c r="AF55" s="646"/>
      <c r="AG55" s="647"/>
      <c r="AH55" s="549"/>
      <c r="AI55" s="550"/>
      <c r="AJ55" s="551"/>
      <c r="AK55" s="265"/>
      <c r="AL55" s="48"/>
      <c r="AM55" s="26"/>
      <c r="AN55" s="1" t="str">
        <f t="shared" si="2"/>
        <v>■</v>
      </c>
    </row>
    <row r="56" spans="1:40" s="1" customFormat="1" ht="13.4" customHeight="1">
      <c r="A56" s="20" t="str">
        <f t="shared" si="0"/>
        <v>IR</v>
      </c>
      <c r="B56" s="20"/>
      <c r="C56" s="541">
        <v>13</v>
      </c>
      <c r="D56" s="542"/>
      <c r="E56" s="563" t="s">
        <v>1132</v>
      </c>
      <c r="F56" s="564"/>
      <c r="G56" s="564"/>
      <c r="H56" s="564"/>
      <c r="I56" s="564"/>
      <c r="J56" s="564"/>
      <c r="K56" s="564"/>
      <c r="L56" s="564"/>
      <c r="M56" s="564"/>
      <c r="N56" s="564"/>
      <c r="O56" s="564"/>
      <c r="P56" s="564"/>
      <c r="Q56" s="564"/>
      <c r="R56" s="564"/>
      <c r="S56" s="564"/>
      <c r="T56" s="565"/>
      <c r="U56" s="229" t="s">
        <v>1133</v>
      </c>
      <c r="V56" s="546" t="s">
        <v>101</v>
      </c>
      <c r="W56" s="547"/>
      <c r="X56" s="547"/>
      <c r="Y56" s="547"/>
      <c r="Z56" s="548"/>
      <c r="AA56" s="623" t="s">
        <v>102</v>
      </c>
      <c r="AB56" s="624"/>
      <c r="AC56" s="625"/>
      <c r="AD56" s="415">
        <v>40</v>
      </c>
      <c r="AE56" s="415" t="s">
        <v>103</v>
      </c>
      <c r="AF56" s="646"/>
      <c r="AG56" s="647"/>
      <c r="AH56" s="549"/>
      <c r="AI56" s="550"/>
      <c r="AJ56" s="551"/>
      <c r="AK56" s="265"/>
      <c r="AL56" s="48"/>
      <c r="AM56" s="26"/>
      <c r="AN56" s="1" t="str">
        <f t="shared" si="2"/>
        <v>■</v>
      </c>
    </row>
    <row r="57" spans="1:40" s="1" customFormat="1" ht="13.4" customHeight="1">
      <c r="A57" s="20" t="str">
        <f t="shared" si="0"/>
        <v>IR</v>
      </c>
      <c r="B57" s="20"/>
      <c r="C57" s="541">
        <v>14</v>
      </c>
      <c r="D57" s="542"/>
      <c r="E57" s="563" t="s">
        <v>434</v>
      </c>
      <c r="F57" s="564"/>
      <c r="G57" s="564"/>
      <c r="H57" s="564"/>
      <c r="I57" s="564"/>
      <c r="J57" s="564"/>
      <c r="K57" s="564"/>
      <c r="L57" s="564"/>
      <c r="M57" s="564"/>
      <c r="N57" s="564"/>
      <c r="O57" s="564"/>
      <c r="P57" s="564"/>
      <c r="Q57" s="564"/>
      <c r="R57" s="564"/>
      <c r="S57" s="564"/>
      <c r="T57" s="565"/>
      <c r="U57" s="229" t="s">
        <v>966</v>
      </c>
      <c r="V57" s="546" t="s">
        <v>107</v>
      </c>
      <c r="W57" s="547"/>
      <c r="X57" s="547"/>
      <c r="Y57" s="547"/>
      <c r="Z57" s="548"/>
      <c r="AA57" s="623" t="s">
        <v>108</v>
      </c>
      <c r="AB57" s="624"/>
      <c r="AC57" s="625"/>
      <c r="AD57" s="415">
        <v>1</v>
      </c>
      <c r="AE57" s="415">
        <v>0</v>
      </c>
      <c r="AF57" s="646"/>
      <c r="AG57" s="647"/>
      <c r="AH57" s="549"/>
      <c r="AI57" s="550"/>
      <c r="AJ57" s="551"/>
      <c r="AK57" s="265"/>
      <c r="AL57" s="29"/>
      <c r="AM57" s="26"/>
      <c r="AN57" s="1" t="str">
        <f t="shared" si="2"/>
        <v>■</v>
      </c>
    </row>
    <row r="58" spans="1:40" s="1" customFormat="1" ht="13.4" customHeight="1">
      <c r="A58" s="20" t="str">
        <f t="shared" si="0"/>
        <v>IR</v>
      </c>
      <c r="B58" s="20"/>
      <c r="C58" s="541">
        <v>15</v>
      </c>
      <c r="D58" s="542"/>
      <c r="E58" s="563" t="s">
        <v>409</v>
      </c>
      <c r="F58" s="564"/>
      <c r="G58" s="564"/>
      <c r="H58" s="564"/>
      <c r="I58" s="564"/>
      <c r="J58" s="564"/>
      <c r="K58" s="564"/>
      <c r="L58" s="564"/>
      <c r="M58" s="564"/>
      <c r="N58" s="564"/>
      <c r="O58" s="564"/>
      <c r="P58" s="564"/>
      <c r="Q58" s="564"/>
      <c r="R58" s="564"/>
      <c r="S58" s="564"/>
      <c r="T58" s="565"/>
      <c r="U58" s="229" t="s">
        <v>453</v>
      </c>
      <c r="V58" s="546" t="s">
        <v>107</v>
      </c>
      <c r="W58" s="547"/>
      <c r="X58" s="547"/>
      <c r="Y58" s="547"/>
      <c r="Z58" s="548"/>
      <c r="AA58" s="623" t="s">
        <v>102</v>
      </c>
      <c r="AB58" s="624"/>
      <c r="AC58" s="625"/>
      <c r="AD58" s="415">
        <v>6</v>
      </c>
      <c r="AE58" s="415" t="s">
        <v>103</v>
      </c>
      <c r="AF58" s="646"/>
      <c r="AG58" s="647"/>
      <c r="AH58" s="549"/>
      <c r="AI58" s="550"/>
      <c r="AJ58" s="551"/>
      <c r="AK58" s="265"/>
      <c r="AL58" s="48"/>
      <c r="AM58" s="26"/>
      <c r="AN58" s="1" t="str">
        <f t="shared" si="2"/>
        <v>■</v>
      </c>
    </row>
    <row r="59" spans="1:40" s="1" customFormat="1" ht="13.4" customHeight="1">
      <c r="A59" s="20" t="str">
        <f t="shared" si="0"/>
        <v>IR</v>
      </c>
      <c r="B59" s="20"/>
      <c r="C59" s="541">
        <v>16</v>
      </c>
      <c r="D59" s="542"/>
      <c r="E59" s="563" t="s">
        <v>411</v>
      </c>
      <c r="F59" s="564"/>
      <c r="G59" s="564"/>
      <c r="H59" s="564"/>
      <c r="I59" s="564"/>
      <c r="J59" s="564"/>
      <c r="K59" s="564"/>
      <c r="L59" s="564"/>
      <c r="M59" s="564"/>
      <c r="N59" s="564"/>
      <c r="O59" s="564"/>
      <c r="P59" s="564"/>
      <c r="Q59" s="564"/>
      <c r="R59" s="564"/>
      <c r="S59" s="564"/>
      <c r="T59" s="565"/>
      <c r="U59" s="229" t="s">
        <v>516</v>
      </c>
      <c r="V59" s="546" t="s">
        <v>107</v>
      </c>
      <c r="W59" s="547"/>
      <c r="X59" s="547"/>
      <c r="Y59" s="547"/>
      <c r="Z59" s="548"/>
      <c r="AA59" s="623" t="s">
        <v>102</v>
      </c>
      <c r="AB59" s="624"/>
      <c r="AC59" s="625"/>
      <c r="AD59" s="415">
        <v>6</v>
      </c>
      <c r="AE59" s="415" t="s">
        <v>103</v>
      </c>
      <c r="AF59" s="646"/>
      <c r="AG59" s="647"/>
      <c r="AH59" s="549"/>
      <c r="AI59" s="550"/>
      <c r="AJ59" s="551"/>
      <c r="AK59" s="265"/>
      <c r="AL59" s="29"/>
      <c r="AM59" s="26"/>
      <c r="AN59" s="1" t="str">
        <f t="shared" si="2"/>
        <v>■</v>
      </c>
    </row>
    <row r="60" spans="1:40" ht="13.4" customHeight="1">
      <c r="A60" s="20" t="str">
        <f t="shared" si="0"/>
        <v>IR</v>
      </c>
      <c r="B60" s="25"/>
      <c r="N60" s="50"/>
      <c r="V60" s="238"/>
      <c r="W60" s="238"/>
      <c r="X60" s="238"/>
      <c r="Y60" s="238"/>
      <c r="Z60" s="238"/>
      <c r="AA60" s="629"/>
      <c r="AB60" s="629"/>
      <c r="AC60" s="629"/>
      <c r="AF60" s="238"/>
      <c r="AG60" s="238"/>
      <c r="AH60" s="238"/>
      <c r="AI60" s="238"/>
      <c r="AJ60" s="238"/>
      <c r="AK60" s="55"/>
      <c r="AL60" s="29"/>
      <c r="AM60" s="16"/>
    </row>
    <row r="61" spans="1:40" s="1" customFormat="1" ht="13.4" customHeight="1">
      <c r="A61" s="20" t="str">
        <f t="shared" si="0"/>
        <v>RE</v>
      </c>
      <c r="B61" s="20"/>
      <c r="C61" s="52" t="s">
        <v>380</v>
      </c>
      <c r="D61" s="53"/>
      <c r="E61" s="26"/>
      <c r="F61" s="26"/>
      <c r="G61" s="26"/>
      <c r="H61" s="26"/>
      <c r="I61" s="26"/>
      <c r="J61" s="26" t="s">
        <v>438</v>
      </c>
      <c r="K61" s="71"/>
      <c r="L61" s="26"/>
      <c r="M61" s="71"/>
      <c r="N61" s="26"/>
      <c r="O61" s="26"/>
      <c r="P61" s="26"/>
      <c r="Q61" s="26"/>
      <c r="R61" s="26"/>
      <c r="S61" s="26"/>
      <c r="T61" s="26"/>
      <c r="U61" s="26" t="s">
        <v>1134</v>
      </c>
      <c r="V61" s="122"/>
      <c r="W61" s="122"/>
      <c r="X61" s="122"/>
      <c r="Y61" s="122"/>
      <c r="Z61" s="122"/>
      <c r="AA61" s="630"/>
      <c r="AB61" s="630"/>
      <c r="AC61" s="630"/>
      <c r="AD61" s="122"/>
      <c r="AE61" s="122"/>
      <c r="AF61" s="122"/>
      <c r="AG61" s="122"/>
      <c r="AH61" s="122"/>
      <c r="AI61" s="122"/>
      <c r="AJ61" s="122"/>
      <c r="AK61" s="26"/>
      <c r="AL61" s="48"/>
      <c r="AM61" s="26"/>
    </row>
    <row r="62" spans="1:40" ht="13.5" customHeight="1">
      <c r="A62" s="20" t="str">
        <f t="shared" si="0"/>
        <v>RE</v>
      </c>
      <c r="B62" s="51"/>
      <c r="C62" s="583" t="s">
        <v>73</v>
      </c>
      <c r="D62" s="573"/>
      <c r="E62" s="583" t="s">
        <v>94</v>
      </c>
      <c r="F62" s="583"/>
      <c r="G62" s="583"/>
      <c r="H62" s="583"/>
      <c r="I62" s="583"/>
      <c r="J62" s="583"/>
      <c r="K62" s="583"/>
      <c r="L62" s="583"/>
      <c r="M62" s="583"/>
      <c r="N62" s="583"/>
      <c r="O62" s="583"/>
      <c r="P62" s="583"/>
      <c r="Q62" s="583"/>
      <c r="R62" s="583"/>
      <c r="S62" s="583"/>
      <c r="T62" s="583"/>
      <c r="U62" s="226" t="s">
        <v>383</v>
      </c>
      <c r="V62" s="572" t="s">
        <v>138</v>
      </c>
      <c r="W62" s="572"/>
      <c r="X62" s="572"/>
      <c r="Y62" s="572"/>
      <c r="Z62" s="572"/>
      <c r="AA62" s="652" t="s">
        <v>959</v>
      </c>
      <c r="AB62" s="653"/>
      <c r="AC62" s="654"/>
      <c r="AD62" s="572" t="s">
        <v>97</v>
      </c>
      <c r="AE62" s="572"/>
      <c r="AF62" s="572" t="s">
        <v>98</v>
      </c>
      <c r="AG62" s="572"/>
      <c r="AH62" s="583" t="s">
        <v>75</v>
      </c>
      <c r="AI62" s="583"/>
      <c r="AJ62" s="583"/>
      <c r="AK62" s="581" t="s">
        <v>159</v>
      </c>
      <c r="AL62" s="48"/>
      <c r="AM62" s="16"/>
    </row>
    <row r="63" spans="1:40" ht="13.4" customHeight="1">
      <c r="A63" s="20" t="str">
        <f t="shared" si="0"/>
        <v>RE</v>
      </c>
      <c r="B63" s="51"/>
      <c r="C63" s="573"/>
      <c r="D63" s="573"/>
      <c r="E63" s="583"/>
      <c r="F63" s="583"/>
      <c r="G63" s="583"/>
      <c r="H63" s="583"/>
      <c r="I63" s="583"/>
      <c r="J63" s="583"/>
      <c r="K63" s="583"/>
      <c r="L63" s="583"/>
      <c r="M63" s="583"/>
      <c r="N63" s="583"/>
      <c r="O63" s="583"/>
      <c r="P63" s="583"/>
      <c r="Q63" s="583"/>
      <c r="R63" s="583"/>
      <c r="S63" s="583"/>
      <c r="T63" s="583"/>
      <c r="U63" s="227"/>
      <c r="V63" s="572"/>
      <c r="W63" s="572"/>
      <c r="X63" s="572"/>
      <c r="Y63" s="572"/>
      <c r="Z63" s="572"/>
      <c r="AA63" s="655"/>
      <c r="AB63" s="656"/>
      <c r="AC63" s="657"/>
      <c r="AD63" s="572"/>
      <c r="AE63" s="572"/>
      <c r="AF63" s="572"/>
      <c r="AG63" s="572"/>
      <c r="AH63" s="583"/>
      <c r="AI63" s="583"/>
      <c r="AJ63" s="583"/>
      <c r="AK63" s="582"/>
      <c r="AL63" s="38"/>
      <c r="AM63" s="16"/>
    </row>
    <row r="64" spans="1:40" s="1" customFormat="1" ht="13.4" customHeight="1">
      <c r="A64" s="20" t="str">
        <f t="shared" si="0"/>
        <v>RE</v>
      </c>
      <c r="B64" s="20"/>
      <c r="C64" s="541">
        <v>1</v>
      </c>
      <c r="D64" s="542"/>
      <c r="E64" s="563" t="s">
        <v>440</v>
      </c>
      <c r="F64" s="564"/>
      <c r="G64" s="564"/>
      <c r="H64" s="564"/>
      <c r="I64" s="564"/>
      <c r="J64" s="564"/>
      <c r="K64" s="564"/>
      <c r="L64" s="564"/>
      <c r="M64" s="564"/>
      <c r="N64" s="564"/>
      <c r="O64" s="564"/>
      <c r="P64" s="564"/>
      <c r="Q64" s="564"/>
      <c r="R64" s="564"/>
      <c r="S64" s="564"/>
      <c r="T64" s="565"/>
      <c r="U64" s="229" t="s">
        <v>441</v>
      </c>
      <c r="V64" s="546" t="s">
        <v>101</v>
      </c>
      <c r="W64" s="547"/>
      <c r="X64" s="547"/>
      <c r="Y64" s="547"/>
      <c r="Z64" s="548"/>
      <c r="AA64" s="623" t="s">
        <v>102</v>
      </c>
      <c r="AB64" s="624"/>
      <c r="AC64" s="625"/>
      <c r="AD64" s="415">
        <v>10</v>
      </c>
      <c r="AE64" s="415" t="s">
        <v>103</v>
      </c>
      <c r="AF64" s="646"/>
      <c r="AG64" s="647"/>
      <c r="AH64" s="549"/>
      <c r="AI64" s="550"/>
      <c r="AJ64" s="551"/>
      <c r="AK64" s="265"/>
      <c r="AL64" s="38"/>
      <c r="AM64" s="26"/>
      <c r="AN64" s="1" t="str">
        <f>$M$19</f>
        <v>■</v>
      </c>
    </row>
    <row r="65" spans="1:40" s="1" customFormat="1" ht="13.4" customHeight="1">
      <c r="A65" s="20" t="str">
        <f t="shared" si="0"/>
        <v>RE</v>
      </c>
      <c r="B65" s="20"/>
      <c r="C65" s="541">
        <v>2</v>
      </c>
      <c r="D65" s="542"/>
      <c r="E65" s="563" t="s">
        <v>442</v>
      </c>
      <c r="F65" s="564"/>
      <c r="G65" s="564"/>
      <c r="H65" s="564"/>
      <c r="I65" s="564"/>
      <c r="J65" s="564"/>
      <c r="K65" s="564"/>
      <c r="L65" s="564"/>
      <c r="M65" s="564"/>
      <c r="N65" s="564"/>
      <c r="O65" s="564"/>
      <c r="P65" s="564"/>
      <c r="Q65" s="564"/>
      <c r="R65" s="564"/>
      <c r="S65" s="564"/>
      <c r="T65" s="565"/>
      <c r="U65" s="229" t="s">
        <v>443</v>
      </c>
      <c r="V65" s="546" t="s">
        <v>101</v>
      </c>
      <c r="W65" s="547"/>
      <c r="X65" s="547"/>
      <c r="Y65" s="547"/>
      <c r="Z65" s="548"/>
      <c r="AA65" s="623" t="s">
        <v>102</v>
      </c>
      <c r="AB65" s="624"/>
      <c r="AC65" s="625"/>
      <c r="AD65" s="415">
        <v>51</v>
      </c>
      <c r="AE65" s="415" t="s">
        <v>103</v>
      </c>
      <c r="AF65" s="646"/>
      <c r="AG65" s="647"/>
      <c r="AH65" s="549"/>
      <c r="AI65" s="550"/>
      <c r="AJ65" s="551"/>
      <c r="AK65" s="265"/>
      <c r="AL65" s="48"/>
      <c r="AM65" s="26"/>
      <c r="AN65" s="1" t="str">
        <f t="shared" ref="AN65:AN107" si="3">$M$19</f>
        <v>■</v>
      </c>
    </row>
    <row r="66" spans="1:40" s="13" customFormat="1" ht="13.4" customHeight="1">
      <c r="A66" s="20" t="str">
        <f t="shared" si="0"/>
        <v>RE</v>
      </c>
      <c r="B66" s="20"/>
      <c r="C66" s="552">
        <v>3</v>
      </c>
      <c r="D66" s="553"/>
      <c r="E66" s="566" t="s">
        <v>106</v>
      </c>
      <c r="F66" s="567"/>
      <c r="G66" s="567"/>
      <c r="H66" s="567"/>
      <c r="I66" s="567"/>
      <c r="J66" s="567"/>
      <c r="K66" s="567"/>
      <c r="L66" s="567"/>
      <c r="M66" s="567"/>
      <c r="N66" s="567"/>
      <c r="O66" s="567"/>
      <c r="P66" s="567"/>
      <c r="Q66" s="567"/>
      <c r="R66" s="567"/>
      <c r="S66" s="567"/>
      <c r="T66" s="568"/>
      <c r="U66" s="230" t="s">
        <v>444</v>
      </c>
      <c r="V66" s="557" t="s">
        <v>107</v>
      </c>
      <c r="W66" s="558"/>
      <c r="X66" s="558"/>
      <c r="Y66" s="558"/>
      <c r="Z66" s="559"/>
      <c r="AA66" s="626" t="s">
        <v>108</v>
      </c>
      <c r="AB66" s="627"/>
      <c r="AC66" s="628"/>
      <c r="AD66" s="419">
        <v>1</v>
      </c>
      <c r="AE66" s="419">
        <v>0</v>
      </c>
      <c r="AF66" s="648" t="s">
        <v>109</v>
      </c>
      <c r="AG66" s="649"/>
      <c r="AH66" s="560"/>
      <c r="AI66" s="561"/>
      <c r="AJ66" s="562"/>
      <c r="AK66" s="346" t="s">
        <v>391</v>
      </c>
      <c r="AL66" s="48"/>
      <c r="AM66" s="54"/>
      <c r="AN66" s="1" t="str">
        <f t="shared" si="3"/>
        <v>■</v>
      </c>
    </row>
    <row r="67" spans="1:40" s="13" customFormat="1" ht="13.4" customHeight="1">
      <c r="A67" s="20" t="str">
        <f t="shared" si="0"/>
        <v>RE</v>
      </c>
      <c r="B67" s="20"/>
      <c r="C67" s="541">
        <v>4</v>
      </c>
      <c r="D67" s="542"/>
      <c r="E67" s="563" t="s">
        <v>110</v>
      </c>
      <c r="F67" s="564"/>
      <c r="G67" s="564"/>
      <c r="H67" s="564"/>
      <c r="I67" s="564"/>
      <c r="J67" s="564"/>
      <c r="K67" s="564"/>
      <c r="L67" s="564"/>
      <c r="M67" s="564"/>
      <c r="N67" s="564"/>
      <c r="O67" s="564"/>
      <c r="P67" s="564"/>
      <c r="Q67" s="564"/>
      <c r="R67" s="564"/>
      <c r="S67" s="564"/>
      <c r="T67" s="565"/>
      <c r="U67" s="229" t="s">
        <v>445</v>
      </c>
      <c r="V67" s="546" t="s">
        <v>107</v>
      </c>
      <c r="W67" s="547"/>
      <c r="X67" s="547"/>
      <c r="Y67" s="547"/>
      <c r="Z67" s="548"/>
      <c r="AA67" s="623" t="s">
        <v>108</v>
      </c>
      <c r="AB67" s="624"/>
      <c r="AC67" s="625"/>
      <c r="AD67" s="415">
        <v>1</v>
      </c>
      <c r="AE67" s="415">
        <v>0</v>
      </c>
      <c r="AF67" s="646"/>
      <c r="AG67" s="647"/>
      <c r="AH67" s="549"/>
      <c r="AI67" s="550"/>
      <c r="AJ67" s="551"/>
      <c r="AK67" s="265"/>
      <c r="AL67" s="38"/>
      <c r="AM67" s="54"/>
      <c r="AN67" s="1" t="str">
        <f t="shared" si="3"/>
        <v>■</v>
      </c>
    </row>
    <row r="68" spans="1:40" s="1" customFormat="1">
      <c r="A68" s="20" t="str">
        <f t="shared" si="0"/>
        <v>RE</v>
      </c>
      <c r="B68" s="20"/>
      <c r="C68" s="541">
        <v>5</v>
      </c>
      <c r="D68" s="542"/>
      <c r="E68" s="543" t="s">
        <v>80</v>
      </c>
      <c r="F68" s="544"/>
      <c r="G68" s="544"/>
      <c r="H68" s="544"/>
      <c r="I68" s="544"/>
      <c r="J68" s="544"/>
      <c r="K68" s="544"/>
      <c r="L68" s="544"/>
      <c r="M68" s="544"/>
      <c r="N68" s="544"/>
      <c r="O68" s="544"/>
      <c r="P68" s="544"/>
      <c r="Q68" s="544"/>
      <c r="R68" s="544"/>
      <c r="S68" s="544"/>
      <c r="T68" s="545"/>
      <c r="U68" s="229" t="s">
        <v>446</v>
      </c>
      <c r="V68" s="546" t="s">
        <v>101</v>
      </c>
      <c r="W68" s="547"/>
      <c r="X68" s="547"/>
      <c r="Y68" s="547"/>
      <c r="Z68" s="548"/>
      <c r="AA68" s="623" t="s">
        <v>102</v>
      </c>
      <c r="AB68" s="624"/>
      <c r="AC68" s="625"/>
      <c r="AD68" s="415">
        <v>2</v>
      </c>
      <c r="AE68" s="415" t="s">
        <v>103</v>
      </c>
      <c r="AF68" s="646"/>
      <c r="AG68" s="647"/>
      <c r="AH68" s="549"/>
      <c r="AI68" s="550"/>
      <c r="AJ68" s="551"/>
      <c r="AK68" s="265"/>
      <c r="AL68" s="38"/>
      <c r="AM68" s="26"/>
      <c r="AN68" s="1" t="str">
        <f t="shared" si="3"/>
        <v>■</v>
      </c>
    </row>
    <row r="69" spans="1:40" s="1" customFormat="1">
      <c r="A69" s="20" t="str">
        <f t="shared" si="0"/>
        <v>RE</v>
      </c>
      <c r="B69" s="20"/>
      <c r="C69" s="552">
        <v>6</v>
      </c>
      <c r="D69" s="553"/>
      <c r="E69" s="554" t="s">
        <v>111</v>
      </c>
      <c r="F69" s="555"/>
      <c r="G69" s="555"/>
      <c r="H69" s="555"/>
      <c r="I69" s="555"/>
      <c r="J69" s="555"/>
      <c r="K69" s="555"/>
      <c r="L69" s="555"/>
      <c r="M69" s="555"/>
      <c r="N69" s="555"/>
      <c r="O69" s="555"/>
      <c r="P69" s="555"/>
      <c r="Q69" s="555"/>
      <c r="R69" s="555"/>
      <c r="S69" s="555"/>
      <c r="T69" s="556"/>
      <c r="U69" s="230" t="s">
        <v>447</v>
      </c>
      <c r="V69" s="557" t="s">
        <v>107</v>
      </c>
      <c r="W69" s="558"/>
      <c r="X69" s="558"/>
      <c r="Y69" s="558"/>
      <c r="Z69" s="559"/>
      <c r="AA69" s="626" t="s">
        <v>108</v>
      </c>
      <c r="AB69" s="627"/>
      <c r="AC69" s="628"/>
      <c r="AD69" s="419">
        <v>3</v>
      </c>
      <c r="AE69" s="419">
        <v>0</v>
      </c>
      <c r="AF69" s="569" t="s">
        <v>109</v>
      </c>
      <c r="AG69" s="570"/>
      <c r="AH69" s="560"/>
      <c r="AI69" s="561"/>
      <c r="AJ69" s="562"/>
      <c r="AK69" s="321" t="s">
        <v>391</v>
      </c>
      <c r="AL69" s="48"/>
      <c r="AM69" s="26"/>
      <c r="AN69" s="1" t="str">
        <f t="shared" si="3"/>
        <v>■</v>
      </c>
    </row>
    <row r="70" spans="1:40" s="13" customFormat="1">
      <c r="A70" s="20" t="str">
        <f t="shared" si="0"/>
        <v>RE</v>
      </c>
      <c r="B70" s="20"/>
      <c r="C70" s="541">
        <v>7</v>
      </c>
      <c r="D70" s="542"/>
      <c r="E70" s="670" t="s">
        <v>112</v>
      </c>
      <c r="F70" s="671"/>
      <c r="G70" s="671"/>
      <c r="H70" s="671"/>
      <c r="I70" s="671"/>
      <c r="J70" s="671"/>
      <c r="K70" s="671"/>
      <c r="L70" s="671"/>
      <c r="M70" s="671"/>
      <c r="N70" s="671"/>
      <c r="O70" s="671"/>
      <c r="P70" s="671"/>
      <c r="Q70" s="671"/>
      <c r="R70" s="671"/>
      <c r="S70" s="671"/>
      <c r="T70" s="672"/>
      <c r="U70" s="229" t="s">
        <v>448</v>
      </c>
      <c r="V70" s="673" t="s">
        <v>101</v>
      </c>
      <c r="W70" s="674"/>
      <c r="X70" s="674"/>
      <c r="Y70" s="674"/>
      <c r="Z70" s="675"/>
      <c r="AA70" s="623" t="s">
        <v>102</v>
      </c>
      <c r="AB70" s="624"/>
      <c r="AC70" s="625"/>
      <c r="AD70" s="420">
        <v>64</v>
      </c>
      <c r="AE70" s="420" t="s">
        <v>103</v>
      </c>
      <c r="AF70" s="646"/>
      <c r="AG70" s="647"/>
      <c r="AH70" s="549"/>
      <c r="AI70" s="550"/>
      <c r="AJ70" s="551"/>
      <c r="AK70" s="265"/>
      <c r="AL70" s="48"/>
      <c r="AM70" s="54"/>
      <c r="AN70" s="1" t="str">
        <f t="shared" si="3"/>
        <v>■</v>
      </c>
    </row>
    <row r="71" spans="1:40" s="13" customFormat="1">
      <c r="A71" s="20" t="str">
        <f t="shared" si="0"/>
        <v>RE</v>
      </c>
      <c r="B71" s="20"/>
      <c r="C71" s="541">
        <v>8</v>
      </c>
      <c r="D71" s="542"/>
      <c r="E71" s="543" t="s">
        <v>113</v>
      </c>
      <c r="F71" s="544"/>
      <c r="G71" s="544"/>
      <c r="H71" s="544"/>
      <c r="I71" s="544"/>
      <c r="J71" s="544"/>
      <c r="K71" s="544"/>
      <c r="L71" s="544"/>
      <c r="M71" s="544"/>
      <c r="N71" s="544"/>
      <c r="O71" s="544"/>
      <c r="P71" s="544"/>
      <c r="Q71" s="544"/>
      <c r="R71" s="544"/>
      <c r="S71" s="544"/>
      <c r="T71" s="545"/>
      <c r="U71" s="229" t="s">
        <v>449</v>
      </c>
      <c r="V71" s="673" t="s">
        <v>101</v>
      </c>
      <c r="W71" s="674"/>
      <c r="X71" s="674"/>
      <c r="Y71" s="674"/>
      <c r="Z71" s="675"/>
      <c r="AA71" s="623" t="s">
        <v>102</v>
      </c>
      <c r="AB71" s="624"/>
      <c r="AC71" s="625"/>
      <c r="AD71" s="420">
        <v>64</v>
      </c>
      <c r="AE71" s="420" t="s">
        <v>103</v>
      </c>
      <c r="AF71" s="646"/>
      <c r="AG71" s="647"/>
      <c r="AH71" s="549"/>
      <c r="AI71" s="550"/>
      <c r="AJ71" s="551"/>
      <c r="AK71" s="265"/>
      <c r="AL71" s="48"/>
      <c r="AM71" s="54"/>
      <c r="AN71" s="1" t="str">
        <f t="shared" si="3"/>
        <v>■</v>
      </c>
    </row>
    <row r="72" spans="1:40" s="1" customFormat="1">
      <c r="A72" s="20" t="str">
        <f t="shared" si="0"/>
        <v>RE</v>
      </c>
      <c r="B72" s="20"/>
      <c r="C72" s="541">
        <v>9</v>
      </c>
      <c r="D72" s="542"/>
      <c r="E72" s="543" t="s">
        <v>114</v>
      </c>
      <c r="F72" s="544"/>
      <c r="G72" s="544"/>
      <c r="H72" s="544"/>
      <c r="I72" s="544"/>
      <c r="J72" s="544"/>
      <c r="K72" s="544"/>
      <c r="L72" s="544"/>
      <c r="M72" s="544"/>
      <c r="N72" s="544"/>
      <c r="O72" s="544"/>
      <c r="P72" s="544"/>
      <c r="Q72" s="544"/>
      <c r="R72" s="544"/>
      <c r="S72" s="544"/>
      <c r="T72" s="545"/>
      <c r="U72" s="229" t="s">
        <v>450</v>
      </c>
      <c r="V72" s="546" t="s">
        <v>101</v>
      </c>
      <c r="W72" s="547"/>
      <c r="X72" s="547"/>
      <c r="Y72" s="547"/>
      <c r="Z72" s="548"/>
      <c r="AA72" s="623" t="s">
        <v>102</v>
      </c>
      <c r="AB72" s="624"/>
      <c r="AC72" s="625"/>
      <c r="AD72" s="415">
        <v>64</v>
      </c>
      <c r="AE72" s="415" t="s">
        <v>103</v>
      </c>
      <c r="AF72" s="646"/>
      <c r="AG72" s="647"/>
      <c r="AH72" s="549"/>
      <c r="AI72" s="550"/>
      <c r="AJ72" s="551"/>
      <c r="AK72" s="265"/>
      <c r="AL72" s="48"/>
      <c r="AM72" s="26"/>
      <c r="AN72" s="1" t="str">
        <f t="shared" si="3"/>
        <v>■</v>
      </c>
    </row>
    <row r="73" spans="1:40" s="1" customFormat="1">
      <c r="A73" s="20" t="str">
        <f t="shared" si="0"/>
        <v>RE</v>
      </c>
      <c r="B73" s="20"/>
      <c r="C73" s="541">
        <v>10</v>
      </c>
      <c r="D73" s="542"/>
      <c r="E73" s="543" t="s">
        <v>115</v>
      </c>
      <c r="F73" s="544"/>
      <c r="G73" s="544"/>
      <c r="H73" s="544"/>
      <c r="I73" s="544"/>
      <c r="J73" s="544"/>
      <c r="K73" s="544"/>
      <c r="L73" s="544"/>
      <c r="M73" s="544"/>
      <c r="N73" s="544"/>
      <c r="O73" s="544"/>
      <c r="P73" s="544"/>
      <c r="Q73" s="544"/>
      <c r="R73" s="544"/>
      <c r="S73" s="544"/>
      <c r="T73" s="545"/>
      <c r="U73" s="229" t="s">
        <v>451</v>
      </c>
      <c r="V73" s="546" t="s">
        <v>107</v>
      </c>
      <c r="W73" s="547"/>
      <c r="X73" s="547"/>
      <c r="Y73" s="547"/>
      <c r="Z73" s="548"/>
      <c r="AA73" s="623" t="s">
        <v>108</v>
      </c>
      <c r="AB73" s="624"/>
      <c r="AC73" s="625"/>
      <c r="AD73" s="415">
        <v>6</v>
      </c>
      <c r="AE73" s="415">
        <v>0</v>
      </c>
      <c r="AF73" s="646"/>
      <c r="AG73" s="647"/>
      <c r="AH73" s="549"/>
      <c r="AI73" s="550"/>
      <c r="AJ73" s="551"/>
      <c r="AK73" s="265"/>
      <c r="AL73" s="48"/>
      <c r="AM73" s="26"/>
      <c r="AN73" s="1" t="str">
        <f t="shared" si="3"/>
        <v>■</v>
      </c>
    </row>
    <row r="74" spans="1:40" s="1" customFormat="1">
      <c r="A74" s="20" t="str">
        <f t="shared" si="0"/>
        <v>RE</v>
      </c>
      <c r="B74" s="20"/>
      <c r="C74" s="541">
        <v>11</v>
      </c>
      <c r="D74" s="542"/>
      <c r="E74" s="543" t="s">
        <v>116</v>
      </c>
      <c r="F74" s="544"/>
      <c r="G74" s="544"/>
      <c r="H74" s="544"/>
      <c r="I74" s="544"/>
      <c r="J74" s="544"/>
      <c r="K74" s="544"/>
      <c r="L74" s="544"/>
      <c r="M74" s="544"/>
      <c r="N74" s="544"/>
      <c r="O74" s="544"/>
      <c r="P74" s="544"/>
      <c r="Q74" s="544"/>
      <c r="R74" s="544"/>
      <c r="S74" s="544"/>
      <c r="T74" s="545"/>
      <c r="U74" s="229" t="s">
        <v>452</v>
      </c>
      <c r="V74" s="546" t="s">
        <v>107</v>
      </c>
      <c r="W74" s="547"/>
      <c r="X74" s="547"/>
      <c r="Y74" s="547"/>
      <c r="Z74" s="548"/>
      <c r="AA74" s="623" t="s">
        <v>102</v>
      </c>
      <c r="AB74" s="624"/>
      <c r="AC74" s="625"/>
      <c r="AD74" s="415">
        <v>4</v>
      </c>
      <c r="AE74" s="415" t="s">
        <v>103</v>
      </c>
      <c r="AF74" s="646"/>
      <c r="AG74" s="647"/>
      <c r="AH74" s="549"/>
      <c r="AI74" s="550"/>
      <c r="AJ74" s="551"/>
      <c r="AK74" s="265"/>
      <c r="AL74" s="48"/>
      <c r="AM74" s="26"/>
      <c r="AN74" s="1" t="str">
        <f t="shared" si="3"/>
        <v>■</v>
      </c>
    </row>
    <row r="75" spans="1:40" s="1" customFormat="1">
      <c r="A75" s="20" t="str">
        <f t="shared" si="0"/>
        <v>RE</v>
      </c>
      <c r="B75" s="20"/>
      <c r="C75" s="541">
        <v>12</v>
      </c>
      <c r="D75" s="542"/>
      <c r="E75" s="543" t="s">
        <v>409</v>
      </c>
      <c r="F75" s="544"/>
      <c r="G75" s="544"/>
      <c r="H75" s="544"/>
      <c r="I75" s="544"/>
      <c r="J75" s="544"/>
      <c r="K75" s="544"/>
      <c r="L75" s="544"/>
      <c r="M75" s="544"/>
      <c r="N75" s="544"/>
      <c r="O75" s="544"/>
      <c r="P75" s="544"/>
      <c r="Q75" s="544"/>
      <c r="R75" s="544"/>
      <c r="S75" s="544"/>
      <c r="T75" s="545"/>
      <c r="U75" s="229" t="s">
        <v>453</v>
      </c>
      <c r="V75" s="546" t="s">
        <v>107</v>
      </c>
      <c r="W75" s="547"/>
      <c r="X75" s="547"/>
      <c r="Y75" s="547"/>
      <c r="Z75" s="548"/>
      <c r="AA75" s="623" t="s">
        <v>102</v>
      </c>
      <c r="AB75" s="624"/>
      <c r="AC75" s="625"/>
      <c r="AD75" s="415">
        <v>6</v>
      </c>
      <c r="AE75" s="415" t="s">
        <v>103</v>
      </c>
      <c r="AF75" s="646"/>
      <c r="AG75" s="647"/>
      <c r="AH75" s="549"/>
      <c r="AI75" s="550"/>
      <c r="AJ75" s="551"/>
      <c r="AK75" s="265"/>
      <c r="AL75" s="48"/>
      <c r="AM75" s="26"/>
      <c r="AN75" s="1" t="str">
        <f t="shared" si="3"/>
        <v>■</v>
      </c>
    </row>
    <row r="76" spans="1:40" s="1" customFormat="1">
      <c r="A76" s="20" t="str">
        <f t="shared" si="0"/>
        <v>RE</v>
      </c>
      <c r="B76" s="20"/>
      <c r="C76" s="541">
        <v>13</v>
      </c>
      <c r="D76" s="542"/>
      <c r="E76" s="543" t="s">
        <v>454</v>
      </c>
      <c r="F76" s="544"/>
      <c r="G76" s="544"/>
      <c r="H76" s="544"/>
      <c r="I76" s="544"/>
      <c r="J76" s="544"/>
      <c r="K76" s="544"/>
      <c r="L76" s="544"/>
      <c r="M76" s="544"/>
      <c r="N76" s="544"/>
      <c r="O76" s="544"/>
      <c r="P76" s="544"/>
      <c r="Q76" s="544"/>
      <c r="R76" s="544"/>
      <c r="S76" s="544"/>
      <c r="T76" s="545"/>
      <c r="U76" s="229" t="s">
        <v>455</v>
      </c>
      <c r="V76" s="546" t="s">
        <v>107</v>
      </c>
      <c r="W76" s="547"/>
      <c r="X76" s="547"/>
      <c r="Y76" s="547"/>
      <c r="Z76" s="548"/>
      <c r="AA76" s="623" t="s">
        <v>102</v>
      </c>
      <c r="AB76" s="624"/>
      <c r="AC76" s="625"/>
      <c r="AD76" s="415">
        <v>1</v>
      </c>
      <c r="AE76" s="415" t="s">
        <v>103</v>
      </c>
      <c r="AF76" s="646"/>
      <c r="AG76" s="647"/>
      <c r="AH76" s="549"/>
      <c r="AI76" s="550"/>
      <c r="AJ76" s="551"/>
      <c r="AK76" s="265"/>
      <c r="AL76" s="48"/>
      <c r="AM76" s="26"/>
      <c r="AN76" s="1" t="str">
        <f t="shared" si="3"/>
        <v>■</v>
      </c>
    </row>
    <row r="77" spans="1:40" s="1" customFormat="1">
      <c r="A77" s="20" t="str">
        <f t="shared" si="0"/>
        <v>RE</v>
      </c>
      <c r="B77" s="20"/>
      <c r="C77" s="676">
        <v>14</v>
      </c>
      <c r="D77" s="677"/>
      <c r="E77" s="678" t="s">
        <v>760</v>
      </c>
      <c r="F77" s="679"/>
      <c r="G77" s="679"/>
      <c r="H77" s="679"/>
      <c r="I77" s="679"/>
      <c r="J77" s="679"/>
      <c r="K77" s="679"/>
      <c r="L77" s="679"/>
      <c r="M77" s="679"/>
      <c r="N77" s="679"/>
      <c r="O77" s="679"/>
      <c r="P77" s="679"/>
      <c r="Q77" s="679"/>
      <c r="R77" s="679"/>
      <c r="S77" s="679"/>
      <c r="T77" s="680"/>
      <c r="U77" s="262" t="s">
        <v>457</v>
      </c>
      <c r="V77" s="681" t="s">
        <v>107</v>
      </c>
      <c r="W77" s="682"/>
      <c r="X77" s="682"/>
      <c r="Y77" s="682"/>
      <c r="Z77" s="683"/>
      <c r="AA77" s="626" t="s">
        <v>102</v>
      </c>
      <c r="AB77" s="627"/>
      <c r="AC77" s="628"/>
      <c r="AD77" s="417">
        <v>6</v>
      </c>
      <c r="AE77" s="417" t="s">
        <v>103</v>
      </c>
      <c r="AF77" s="648" t="s">
        <v>109</v>
      </c>
      <c r="AG77" s="649"/>
      <c r="AH77" s="684"/>
      <c r="AI77" s="685"/>
      <c r="AJ77" s="686"/>
      <c r="AK77" s="350" t="s">
        <v>391</v>
      </c>
      <c r="AL77" s="38"/>
      <c r="AM77" s="26"/>
      <c r="AN77" s="1" t="str">
        <f t="shared" si="3"/>
        <v>■</v>
      </c>
    </row>
    <row r="78" spans="1:40" s="1" customFormat="1">
      <c r="A78" s="20" t="str">
        <f t="shared" si="0"/>
        <v>RE</v>
      </c>
      <c r="B78" s="20"/>
      <c r="C78" s="541">
        <v>15</v>
      </c>
      <c r="D78" s="542"/>
      <c r="E78" s="543" t="s">
        <v>458</v>
      </c>
      <c r="F78" s="544"/>
      <c r="G78" s="544"/>
      <c r="H78" s="544"/>
      <c r="I78" s="544"/>
      <c r="J78" s="544"/>
      <c r="K78" s="544"/>
      <c r="L78" s="544"/>
      <c r="M78" s="544"/>
      <c r="N78" s="544"/>
      <c r="O78" s="544"/>
      <c r="P78" s="544"/>
      <c r="Q78" s="544"/>
      <c r="R78" s="544"/>
      <c r="S78" s="544"/>
      <c r="T78" s="545"/>
      <c r="U78" s="229" t="s">
        <v>459</v>
      </c>
      <c r="V78" s="546" t="s">
        <v>107</v>
      </c>
      <c r="W78" s="547"/>
      <c r="X78" s="547"/>
      <c r="Y78" s="547"/>
      <c r="Z78" s="548"/>
      <c r="AA78" s="623" t="s">
        <v>108</v>
      </c>
      <c r="AB78" s="624"/>
      <c r="AC78" s="625"/>
      <c r="AD78" s="415">
        <v>3</v>
      </c>
      <c r="AE78" s="415">
        <v>0</v>
      </c>
      <c r="AF78" s="646"/>
      <c r="AG78" s="647"/>
      <c r="AH78" s="549"/>
      <c r="AI78" s="550"/>
      <c r="AJ78" s="551"/>
      <c r="AK78" s="265"/>
      <c r="AL78" s="38"/>
      <c r="AM78" s="26"/>
      <c r="AN78" s="1" t="str">
        <f t="shared" si="3"/>
        <v>■</v>
      </c>
    </row>
    <row r="79" spans="1:40" s="1" customFormat="1">
      <c r="A79" s="20" t="str">
        <f t="shared" si="0"/>
        <v>RE</v>
      </c>
      <c r="B79" s="20"/>
      <c r="C79" s="541">
        <v>16</v>
      </c>
      <c r="D79" s="542"/>
      <c r="E79" s="543" t="s">
        <v>460</v>
      </c>
      <c r="F79" s="544"/>
      <c r="G79" s="544"/>
      <c r="H79" s="544"/>
      <c r="I79" s="544"/>
      <c r="J79" s="544"/>
      <c r="K79" s="544"/>
      <c r="L79" s="544"/>
      <c r="M79" s="544"/>
      <c r="N79" s="544"/>
      <c r="O79" s="544"/>
      <c r="P79" s="544"/>
      <c r="Q79" s="544"/>
      <c r="R79" s="544"/>
      <c r="S79" s="544"/>
      <c r="T79" s="545"/>
      <c r="U79" s="229" t="s">
        <v>461</v>
      </c>
      <c r="V79" s="546" t="s">
        <v>107</v>
      </c>
      <c r="W79" s="547"/>
      <c r="X79" s="547"/>
      <c r="Y79" s="547"/>
      <c r="Z79" s="548"/>
      <c r="AA79" s="623" t="s">
        <v>102</v>
      </c>
      <c r="AB79" s="624"/>
      <c r="AC79" s="625"/>
      <c r="AD79" s="415">
        <v>8</v>
      </c>
      <c r="AE79" s="415" t="s">
        <v>103</v>
      </c>
      <c r="AF79" s="646"/>
      <c r="AG79" s="647"/>
      <c r="AH79" s="549"/>
      <c r="AI79" s="550"/>
      <c r="AJ79" s="551"/>
      <c r="AK79" s="265"/>
      <c r="AL79" s="48"/>
      <c r="AM79" s="26"/>
      <c r="AN79" s="1" t="str">
        <f t="shared" si="3"/>
        <v>■</v>
      </c>
    </row>
    <row r="80" spans="1:40" s="13" customFormat="1">
      <c r="A80" s="20" t="str">
        <f t="shared" si="0"/>
        <v>RE</v>
      </c>
      <c r="B80" s="20"/>
      <c r="C80" s="541">
        <v>17</v>
      </c>
      <c r="D80" s="542"/>
      <c r="E80" s="543" t="s">
        <v>1135</v>
      </c>
      <c r="F80" s="544"/>
      <c r="G80" s="544"/>
      <c r="H80" s="544"/>
      <c r="I80" s="544"/>
      <c r="J80" s="544"/>
      <c r="K80" s="544"/>
      <c r="L80" s="544"/>
      <c r="M80" s="544"/>
      <c r="N80" s="544"/>
      <c r="O80" s="544"/>
      <c r="P80" s="544"/>
      <c r="Q80" s="544"/>
      <c r="R80" s="544"/>
      <c r="S80" s="544"/>
      <c r="T80" s="545"/>
      <c r="U80" s="229" t="s">
        <v>1136</v>
      </c>
      <c r="V80" s="546" t="s">
        <v>107</v>
      </c>
      <c r="W80" s="547"/>
      <c r="X80" s="547"/>
      <c r="Y80" s="547"/>
      <c r="Z80" s="548"/>
      <c r="AA80" s="623" t="s">
        <v>102</v>
      </c>
      <c r="AB80" s="624"/>
      <c r="AC80" s="625"/>
      <c r="AD80" s="415">
        <v>8</v>
      </c>
      <c r="AE80" s="415" t="s">
        <v>103</v>
      </c>
      <c r="AF80" s="646"/>
      <c r="AG80" s="647"/>
      <c r="AH80" s="549"/>
      <c r="AI80" s="550"/>
      <c r="AJ80" s="551"/>
      <c r="AK80" s="265"/>
      <c r="AL80" s="48"/>
      <c r="AM80" s="54"/>
      <c r="AN80" s="1" t="str">
        <f t="shared" si="3"/>
        <v>■</v>
      </c>
    </row>
    <row r="81" spans="1:40" s="13" customFormat="1" ht="13.4" customHeight="1">
      <c r="A81" s="20" t="str">
        <f t="shared" si="0"/>
        <v>RE</v>
      </c>
      <c r="B81" s="20"/>
      <c r="C81" s="541">
        <v>18</v>
      </c>
      <c r="D81" s="542"/>
      <c r="E81" s="691" t="s">
        <v>587</v>
      </c>
      <c r="F81" s="692"/>
      <c r="G81" s="692"/>
      <c r="H81" s="692"/>
      <c r="I81" s="692"/>
      <c r="J81" s="692"/>
      <c r="K81" s="692"/>
      <c r="L81" s="692"/>
      <c r="M81" s="692"/>
      <c r="N81" s="692"/>
      <c r="O81" s="692"/>
      <c r="P81" s="692"/>
      <c r="Q81" s="692"/>
      <c r="R81" s="692"/>
      <c r="S81" s="692"/>
      <c r="T81" s="693"/>
      <c r="U81" s="229" t="s">
        <v>588</v>
      </c>
      <c r="V81" s="546" t="s">
        <v>107</v>
      </c>
      <c r="W81" s="547"/>
      <c r="X81" s="547"/>
      <c r="Y81" s="547"/>
      <c r="Z81" s="548"/>
      <c r="AA81" s="623" t="s">
        <v>102</v>
      </c>
      <c r="AB81" s="624"/>
      <c r="AC81" s="625"/>
      <c r="AD81" s="415">
        <v>1</v>
      </c>
      <c r="AE81" s="415" t="s">
        <v>103</v>
      </c>
      <c r="AF81" s="646"/>
      <c r="AG81" s="647"/>
      <c r="AH81" s="549"/>
      <c r="AI81" s="550"/>
      <c r="AJ81" s="551"/>
      <c r="AK81" s="265"/>
      <c r="AL81" s="38"/>
      <c r="AM81" s="54"/>
      <c r="AN81" s="1" t="str">
        <f t="shared" si="3"/>
        <v>■</v>
      </c>
    </row>
    <row r="82" spans="1:40" s="1" customFormat="1">
      <c r="A82" s="20" t="str">
        <f t="shared" si="0"/>
        <v>RE</v>
      </c>
      <c r="B82" s="20"/>
      <c r="C82" s="541">
        <v>19</v>
      </c>
      <c r="D82" s="542"/>
      <c r="E82" s="543" t="s">
        <v>462</v>
      </c>
      <c r="F82" s="544"/>
      <c r="G82" s="544"/>
      <c r="H82" s="544"/>
      <c r="I82" s="544"/>
      <c r="J82" s="544"/>
      <c r="K82" s="544"/>
      <c r="L82" s="544"/>
      <c r="M82" s="544"/>
      <c r="N82" s="544"/>
      <c r="O82" s="544"/>
      <c r="P82" s="544"/>
      <c r="Q82" s="544"/>
      <c r="R82" s="544"/>
      <c r="S82" s="544"/>
      <c r="T82" s="545"/>
      <c r="U82" s="229" t="s">
        <v>463</v>
      </c>
      <c r="V82" s="546" t="s">
        <v>101</v>
      </c>
      <c r="W82" s="547"/>
      <c r="X82" s="547"/>
      <c r="Y82" s="547"/>
      <c r="Z82" s="548"/>
      <c r="AA82" s="623" t="s">
        <v>102</v>
      </c>
      <c r="AB82" s="624"/>
      <c r="AC82" s="625"/>
      <c r="AD82" s="415">
        <v>8</v>
      </c>
      <c r="AE82" s="415" t="s">
        <v>103</v>
      </c>
      <c r="AF82" s="646"/>
      <c r="AG82" s="647"/>
      <c r="AH82" s="549"/>
      <c r="AI82" s="550"/>
      <c r="AJ82" s="551"/>
      <c r="AK82" s="265"/>
      <c r="AL82" s="48"/>
      <c r="AM82" s="26"/>
      <c r="AN82" s="1" t="str">
        <f t="shared" si="3"/>
        <v>■</v>
      </c>
    </row>
    <row r="83" spans="1:40" s="1" customFormat="1" ht="13.4" customHeight="1">
      <c r="A83" s="20" t="str">
        <f t="shared" si="0"/>
        <v>RE</v>
      </c>
      <c r="B83" s="20"/>
      <c r="C83" s="541">
        <v>20</v>
      </c>
      <c r="D83" s="542"/>
      <c r="E83" s="595" t="s">
        <v>464</v>
      </c>
      <c r="F83" s="596"/>
      <c r="G83" s="596"/>
      <c r="H83" s="596"/>
      <c r="I83" s="596"/>
      <c r="J83" s="596"/>
      <c r="K83" s="596"/>
      <c r="L83" s="596"/>
      <c r="M83" s="596"/>
      <c r="N83" s="596"/>
      <c r="O83" s="596"/>
      <c r="P83" s="596"/>
      <c r="Q83" s="596"/>
      <c r="R83" s="596"/>
      <c r="S83" s="596"/>
      <c r="T83" s="597"/>
      <c r="U83" s="229" t="s">
        <v>465</v>
      </c>
      <c r="V83" s="546" t="s">
        <v>107</v>
      </c>
      <c r="W83" s="547"/>
      <c r="X83" s="547"/>
      <c r="Y83" s="547"/>
      <c r="Z83" s="548"/>
      <c r="AA83" s="623" t="s">
        <v>102</v>
      </c>
      <c r="AB83" s="624"/>
      <c r="AC83" s="625"/>
      <c r="AD83" s="415">
        <v>1</v>
      </c>
      <c r="AE83" s="415" t="s">
        <v>103</v>
      </c>
      <c r="AF83" s="646"/>
      <c r="AG83" s="647"/>
      <c r="AH83" s="549"/>
      <c r="AI83" s="550"/>
      <c r="AJ83" s="551"/>
      <c r="AK83" s="265"/>
      <c r="AL83" s="48"/>
      <c r="AM83" s="26"/>
      <c r="AN83" s="1" t="str">
        <f t="shared" si="3"/>
        <v>■</v>
      </c>
    </row>
    <row r="84" spans="1:40" s="13" customFormat="1">
      <c r="A84" s="20" t="str">
        <f t="shared" si="0"/>
        <v>RE</v>
      </c>
      <c r="B84" s="20"/>
      <c r="C84" s="541">
        <v>21</v>
      </c>
      <c r="D84" s="542"/>
      <c r="E84" s="543" t="s">
        <v>466</v>
      </c>
      <c r="F84" s="544"/>
      <c r="G84" s="544"/>
      <c r="H84" s="544"/>
      <c r="I84" s="544"/>
      <c r="J84" s="544"/>
      <c r="K84" s="544"/>
      <c r="L84" s="544"/>
      <c r="M84" s="544"/>
      <c r="N84" s="544"/>
      <c r="O84" s="544"/>
      <c r="P84" s="544"/>
      <c r="Q84" s="544"/>
      <c r="R84" s="544"/>
      <c r="S84" s="544"/>
      <c r="T84" s="545"/>
      <c r="U84" s="229" t="s">
        <v>467</v>
      </c>
      <c r="V84" s="546" t="s">
        <v>101</v>
      </c>
      <c r="W84" s="547"/>
      <c r="X84" s="547"/>
      <c r="Y84" s="547"/>
      <c r="Z84" s="548"/>
      <c r="AA84" s="623" t="s">
        <v>102</v>
      </c>
      <c r="AB84" s="624"/>
      <c r="AC84" s="625"/>
      <c r="AD84" s="415">
        <v>10</v>
      </c>
      <c r="AE84" s="415" t="s">
        <v>103</v>
      </c>
      <c r="AF84" s="646"/>
      <c r="AG84" s="647"/>
      <c r="AH84" s="549"/>
      <c r="AI84" s="550"/>
      <c r="AJ84" s="551"/>
      <c r="AK84" s="265"/>
      <c r="AL84" s="48"/>
      <c r="AM84" s="54"/>
      <c r="AN84" s="1" t="str">
        <f t="shared" si="3"/>
        <v>■</v>
      </c>
    </row>
    <row r="85" spans="1:40" s="1" customFormat="1">
      <c r="A85" s="20" t="str">
        <f t="shared" si="0"/>
        <v>RE</v>
      </c>
      <c r="B85" s="20"/>
      <c r="C85" s="676">
        <v>22</v>
      </c>
      <c r="D85" s="677"/>
      <c r="E85" s="678" t="s">
        <v>400</v>
      </c>
      <c r="F85" s="679"/>
      <c r="G85" s="679"/>
      <c r="H85" s="679"/>
      <c r="I85" s="679"/>
      <c r="J85" s="679"/>
      <c r="K85" s="679"/>
      <c r="L85" s="679"/>
      <c r="M85" s="679"/>
      <c r="N85" s="679"/>
      <c r="O85" s="679"/>
      <c r="P85" s="679"/>
      <c r="Q85" s="679"/>
      <c r="R85" s="679"/>
      <c r="S85" s="679"/>
      <c r="T85" s="680"/>
      <c r="U85" s="262" t="s">
        <v>474</v>
      </c>
      <c r="V85" s="681" t="s">
        <v>107</v>
      </c>
      <c r="W85" s="682"/>
      <c r="X85" s="682"/>
      <c r="Y85" s="682"/>
      <c r="Z85" s="683"/>
      <c r="AA85" s="626" t="s">
        <v>102</v>
      </c>
      <c r="AB85" s="627"/>
      <c r="AC85" s="628"/>
      <c r="AD85" s="417">
        <v>4</v>
      </c>
      <c r="AE85" s="417" t="s">
        <v>103</v>
      </c>
      <c r="AF85" s="648" t="s">
        <v>109</v>
      </c>
      <c r="AG85" s="649"/>
      <c r="AH85" s="684"/>
      <c r="AI85" s="685"/>
      <c r="AJ85" s="686"/>
      <c r="AK85" s="333" t="s">
        <v>399</v>
      </c>
      <c r="AL85" s="48"/>
      <c r="AM85" s="26"/>
      <c r="AN85" s="1" t="str">
        <f t="shared" si="3"/>
        <v>■</v>
      </c>
    </row>
    <row r="86" spans="1:40" s="1" customFormat="1">
      <c r="A86" s="20" t="str">
        <f t="shared" si="0"/>
        <v>RE</v>
      </c>
      <c r="B86" s="20"/>
      <c r="C86" s="541">
        <v>23</v>
      </c>
      <c r="D86" s="542"/>
      <c r="E86" s="543" t="s">
        <v>1137</v>
      </c>
      <c r="F86" s="544"/>
      <c r="G86" s="544"/>
      <c r="H86" s="544"/>
      <c r="I86" s="544"/>
      <c r="J86" s="544"/>
      <c r="K86" s="544"/>
      <c r="L86" s="544"/>
      <c r="M86" s="544"/>
      <c r="N86" s="544"/>
      <c r="O86" s="544"/>
      <c r="P86" s="544"/>
      <c r="Q86" s="544"/>
      <c r="R86" s="544"/>
      <c r="S86" s="544"/>
      <c r="T86" s="545"/>
      <c r="U86" s="229" t="s">
        <v>1138</v>
      </c>
      <c r="V86" s="546" t="s">
        <v>107</v>
      </c>
      <c r="W86" s="547"/>
      <c r="X86" s="547"/>
      <c r="Y86" s="547"/>
      <c r="Z86" s="548"/>
      <c r="AA86" s="623" t="s">
        <v>102</v>
      </c>
      <c r="AB86" s="624"/>
      <c r="AC86" s="625"/>
      <c r="AD86" s="415">
        <v>2</v>
      </c>
      <c r="AE86" s="415" t="s">
        <v>103</v>
      </c>
      <c r="AF86" s="646"/>
      <c r="AG86" s="647"/>
      <c r="AH86" s="549"/>
      <c r="AI86" s="550"/>
      <c r="AJ86" s="551"/>
      <c r="AK86" s="265"/>
      <c r="AL86" s="48"/>
      <c r="AM86" s="26"/>
      <c r="AN86" s="1" t="str">
        <f t="shared" si="3"/>
        <v>■</v>
      </c>
    </row>
    <row r="87" spans="1:40" s="1" customFormat="1">
      <c r="A87" s="20" t="str">
        <f t="shared" si="0"/>
        <v>RE</v>
      </c>
      <c r="B87" s="20"/>
      <c r="C87" s="676">
        <v>24</v>
      </c>
      <c r="D87" s="677"/>
      <c r="E87" s="678" t="s">
        <v>402</v>
      </c>
      <c r="F87" s="679"/>
      <c r="G87" s="679"/>
      <c r="H87" s="679"/>
      <c r="I87" s="679"/>
      <c r="J87" s="679"/>
      <c r="K87" s="679"/>
      <c r="L87" s="679"/>
      <c r="M87" s="679"/>
      <c r="N87" s="679"/>
      <c r="O87" s="679"/>
      <c r="P87" s="679"/>
      <c r="Q87" s="679"/>
      <c r="R87" s="679"/>
      <c r="S87" s="679"/>
      <c r="T87" s="680"/>
      <c r="U87" s="262" t="s">
        <v>475</v>
      </c>
      <c r="V87" s="681" t="s">
        <v>107</v>
      </c>
      <c r="W87" s="682"/>
      <c r="X87" s="682"/>
      <c r="Y87" s="682"/>
      <c r="Z87" s="683"/>
      <c r="AA87" s="626" t="s">
        <v>102</v>
      </c>
      <c r="AB87" s="627"/>
      <c r="AC87" s="628"/>
      <c r="AD87" s="417">
        <v>2</v>
      </c>
      <c r="AE87" s="417" t="s">
        <v>103</v>
      </c>
      <c r="AF87" s="648" t="s">
        <v>109</v>
      </c>
      <c r="AG87" s="649"/>
      <c r="AH87" s="684"/>
      <c r="AI87" s="685"/>
      <c r="AJ87" s="686"/>
      <c r="AK87" s="333" t="s">
        <v>399</v>
      </c>
      <c r="AL87" s="48"/>
      <c r="AM87" s="26"/>
      <c r="AN87" s="1" t="str">
        <f t="shared" si="3"/>
        <v>■</v>
      </c>
    </row>
    <row r="88" spans="1:40" s="1" customFormat="1">
      <c r="A88" s="20" t="str">
        <f t="shared" ref="A88:A105" si="4">IF(LEN(J88)&gt;0,MID(J88,FIND("（",J88,1)+1,2),A87)</f>
        <v>RE</v>
      </c>
      <c r="B88" s="20"/>
      <c r="C88" s="541">
        <v>25</v>
      </c>
      <c r="D88" s="542"/>
      <c r="E88" s="543" t="s">
        <v>1139</v>
      </c>
      <c r="F88" s="544"/>
      <c r="G88" s="544"/>
      <c r="H88" s="544"/>
      <c r="I88" s="544"/>
      <c r="J88" s="544"/>
      <c r="K88" s="544"/>
      <c r="L88" s="544"/>
      <c r="M88" s="544"/>
      <c r="N88" s="544"/>
      <c r="O88" s="544"/>
      <c r="P88" s="544"/>
      <c r="Q88" s="544"/>
      <c r="R88" s="544"/>
      <c r="S88" s="544"/>
      <c r="T88" s="545"/>
      <c r="U88" s="229" t="s">
        <v>1140</v>
      </c>
      <c r="V88" s="546" t="s">
        <v>107</v>
      </c>
      <c r="W88" s="547"/>
      <c r="X88" s="547"/>
      <c r="Y88" s="547"/>
      <c r="Z88" s="548"/>
      <c r="AA88" s="623" t="s">
        <v>102</v>
      </c>
      <c r="AB88" s="624"/>
      <c r="AC88" s="625"/>
      <c r="AD88" s="415">
        <v>2</v>
      </c>
      <c r="AE88" s="415" t="s">
        <v>103</v>
      </c>
      <c r="AF88" s="646"/>
      <c r="AG88" s="647"/>
      <c r="AH88" s="549"/>
      <c r="AI88" s="550"/>
      <c r="AJ88" s="551"/>
      <c r="AK88" s="265"/>
      <c r="AL88" s="48"/>
      <c r="AM88" s="26"/>
      <c r="AN88" s="1" t="str">
        <f t="shared" si="3"/>
        <v>■</v>
      </c>
    </row>
    <row r="89" spans="1:40" s="1" customFormat="1">
      <c r="A89" s="20" t="str">
        <f t="shared" si="4"/>
        <v>RE</v>
      </c>
      <c r="B89" s="20"/>
      <c r="C89" s="552">
        <v>26</v>
      </c>
      <c r="D89" s="553"/>
      <c r="E89" s="554" t="s">
        <v>1141</v>
      </c>
      <c r="F89" s="555"/>
      <c r="G89" s="555"/>
      <c r="H89" s="555"/>
      <c r="I89" s="555"/>
      <c r="J89" s="555"/>
      <c r="K89" s="555"/>
      <c r="L89" s="555"/>
      <c r="M89" s="555"/>
      <c r="N89" s="555"/>
      <c r="O89" s="555"/>
      <c r="P89" s="555"/>
      <c r="Q89" s="555"/>
      <c r="R89" s="555"/>
      <c r="S89" s="555"/>
      <c r="T89" s="556"/>
      <c r="U89" s="230" t="s">
        <v>479</v>
      </c>
      <c r="V89" s="557" t="s">
        <v>107</v>
      </c>
      <c r="W89" s="558"/>
      <c r="X89" s="558"/>
      <c r="Y89" s="558"/>
      <c r="Z89" s="559"/>
      <c r="AA89" s="626" t="s">
        <v>102</v>
      </c>
      <c r="AB89" s="627"/>
      <c r="AC89" s="628"/>
      <c r="AD89" s="419">
        <v>30</v>
      </c>
      <c r="AE89" s="419" t="s">
        <v>103</v>
      </c>
      <c r="AF89" s="648" t="s">
        <v>109</v>
      </c>
      <c r="AG89" s="649"/>
      <c r="AH89" s="560"/>
      <c r="AI89" s="561"/>
      <c r="AJ89" s="562"/>
      <c r="AK89" s="321" t="s">
        <v>416</v>
      </c>
      <c r="AL89" s="48"/>
      <c r="AM89" s="26"/>
      <c r="AN89" s="1" t="str">
        <f t="shared" si="3"/>
        <v>■</v>
      </c>
    </row>
    <row r="90" spans="1:40" s="1" customFormat="1" ht="13" customHeight="1">
      <c r="A90" s="20" t="str">
        <f t="shared" si="4"/>
        <v>RE</v>
      </c>
      <c r="B90" s="20"/>
      <c r="C90" s="552">
        <v>27</v>
      </c>
      <c r="D90" s="553"/>
      <c r="E90" s="554" t="s">
        <v>1142</v>
      </c>
      <c r="F90" s="555"/>
      <c r="G90" s="555"/>
      <c r="H90" s="555"/>
      <c r="I90" s="555"/>
      <c r="J90" s="555"/>
      <c r="K90" s="555"/>
      <c r="L90" s="555"/>
      <c r="M90" s="555"/>
      <c r="N90" s="555"/>
      <c r="O90" s="555"/>
      <c r="P90" s="555"/>
      <c r="Q90" s="555"/>
      <c r="R90" s="555"/>
      <c r="S90" s="555"/>
      <c r="T90" s="556"/>
      <c r="U90" s="230" t="s">
        <v>482</v>
      </c>
      <c r="V90" s="557" t="s">
        <v>107</v>
      </c>
      <c r="W90" s="558"/>
      <c r="X90" s="558"/>
      <c r="Y90" s="558"/>
      <c r="Z90" s="559"/>
      <c r="AA90" s="626" t="s">
        <v>102</v>
      </c>
      <c r="AB90" s="627"/>
      <c r="AC90" s="628"/>
      <c r="AD90" s="419">
        <v>5</v>
      </c>
      <c r="AE90" s="419" t="s">
        <v>103</v>
      </c>
      <c r="AF90" s="648" t="s">
        <v>109</v>
      </c>
      <c r="AG90" s="649"/>
      <c r="AH90" s="560"/>
      <c r="AI90" s="561"/>
      <c r="AJ90" s="562"/>
      <c r="AK90" s="321" t="s">
        <v>416</v>
      </c>
      <c r="AL90" s="48"/>
      <c r="AM90" s="26"/>
      <c r="AN90" s="1" t="str">
        <f t="shared" si="3"/>
        <v>■</v>
      </c>
    </row>
    <row r="91" spans="1:40" s="1" customFormat="1" ht="13.4" customHeight="1">
      <c r="A91" s="20" t="str">
        <f t="shared" si="4"/>
        <v>RE</v>
      </c>
      <c r="B91" s="20"/>
      <c r="C91" s="676">
        <v>28</v>
      </c>
      <c r="D91" s="677"/>
      <c r="E91" s="678" t="s">
        <v>1143</v>
      </c>
      <c r="F91" s="679"/>
      <c r="G91" s="679"/>
      <c r="H91" s="679"/>
      <c r="I91" s="679"/>
      <c r="J91" s="679"/>
      <c r="K91" s="679"/>
      <c r="L91" s="679"/>
      <c r="M91" s="679"/>
      <c r="N91" s="679"/>
      <c r="O91" s="679"/>
      <c r="P91" s="679"/>
      <c r="Q91" s="679"/>
      <c r="R91" s="679"/>
      <c r="S91" s="679"/>
      <c r="T91" s="680"/>
      <c r="U91" s="262" t="s">
        <v>1144</v>
      </c>
      <c r="V91" s="648" t="s">
        <v>485</v>
      </c>
      <c r="W91" s="690"/>
      <c r="X91" s="690"/>
      <c r="Y91" s="690"/>
      <c r="Z91" s="649"/>
      <c r="AA91" s="635" t="s">
        <v>102</v>
      </c>
      <c r="AB91" s="636"/>
      <c r="AC91" s="637"/>
      <c r="AD91" s="417">
        <v>40</v>
      </c>
      <c r="AE91" s="417" t="s">
        <v>103</v>
      </c>
      <c r="AF91" s="648" t="s">
        <v>109</v>
      </c>
      <c r="AG91" s="649"/>
      <c r="AH91" s="684"/>
      <c r="AI91" s="685"/>
      <c r="AJ91" s="686"/>
      <c r="AK91" s="333" t="s">
        <v>399</v>
      </c>
      <c r="AL91" s="48"/>
      <c r="AM91" s="26"/>
      <c r="AN91" s="1" t="str">
        <f t="shared" si="3"/>
        <v>■</v>
      </c>
    </row>
    <row r="92" spans="1:40" s="1" customFormat="1">
      <c r="A92" s="20" t="str">
        <f t="shared" si="4"/>
        <v>RE</v>
      </c>
      <c r="B92" s="20"/>
      <c r="C92" s="676">
        <v>29</v>
      </c>
      <c r="D92" s="677"/>
      <c r="E92" s="678" t="s">
        <v>823</v>
      </c>
      <c r="F92" s="679"/>
      <c r="G92" s="679"/>
      <c r="H92" s="679"/>
      <c r="I92" s="679"/>
      <c r="J92" s="679"/>
      <c r="K92" s="679"/>
      <c r="L92" s="679"/>
      <c r="M92" s="679"/>
      <c r="N92" s="679"/>
      <c r="O92" s="679"/>
      <c r="P92" s="679"/>
      <c r="Q92" s="679"/>
      <c r="R92" s="679"/>
      <c r="S92" s="679"/>
      <c r="T92" s="680"/>
      <c r="U92" s="262" t="s">
        <v>765</v>
      </c>
      <c r="V92" s="681" t="s">
        <v>107</v>
      </c>
      <c r="W92" s="682"/>
      <c r="X92" s="682"/>
      <c r="Y92" s="682"/>
      <c r="Z92" s="683"/>
      <c r="AA92" s="626" t="s">
        <v>102</v>
      </c>
      <c r="AB92" s="627"/>
      <c r="AC92" s="628"/>
      <c r="AD92" s="417">
        <v>2</v>
      </c>
      <c r="AE92" s="417" t="s">
        <v>103</v>
      </c>
      <c r="AF92" s="648" t="s">
        <v>109</v>
      </c>
      <c r="AG92" s="649"/>
      <c r="AH92" s="684"/>
      <c r="AI92" s="685"/>
      <c r="AJ92" s="686"/>
      <c r="AK92" s="333" t="s">
        <v>399</v>
      </c>
      <c r="AL92" s="48"/>
      <c r="AM92" s="26"/>
      <c r="AN92" s="1" t="str">
        <f t="shared" si="3"/>
        <v>■</v>
      </c>
    </row>
    <row r="93" spans="1:40" s="1" customFormat="1">
      <c r="A93" s="20" t="str">
        <f t="shared" si="4"/>
        <v>RE</v>
      </c>
      <c r="B93" s="20"/>
      <c r="C93" s="676">
        <v>30</v>
      </c>
      <c r="D93" s="677"/>
      <c r="E93" s="678" t="s">
        <v>824</v>
      </c>
      <c r="F93" s="679"/>
      <c r="G93" s="679"/>
      <c r="H93" s="679"/>
      <c r="I93" s="679"/>
      <c r="J93" s="679"/>
      <c r="K93" s="679"/>
      <c r="L93" s="679"/>
      <c r="M93" s="679"/>
      <c r="N93" s="679"/>
      <c r="O93" s="679"/>
      <c r="P93" s="679"/>
      <c r="Q93" s="679"/>
      <c r="R93" s="679"/>
      <c r="S93" s="679"/>
      <c r="T93" s="680"/>
      <c r="U93" s="262" t="s">
        <v>766</v>
      </c>
      <c r="V93" s="681" t="s">
        <v>107</v>
      </c>
      <c r="W93" s="682"/>
      <c r="X93" s="682"/>
      <c r="Y93" s="682"/>
      <c r="Z93" s="683"/>
      <c r="AA93" s="626" t="s">
        <v>102</v>
      </c>
      <c r="AB93" s="627"/>
      <c r="AC93" s="628"/>
      <c r="AD93" s="417">
        <v>3</v>
      </c>
      <c r="AE93" s="417" t="s">
        <v>103</v>
      </c>
      <c r="AF93" s="648" t="s">
        <v>109</v>
      </c>
      <c r="AG93" s="649"/>
      <c r="AH93" s="684"/>
      <c r="AI93" s="685"/>
      <c r="AJ93" s="686"/>
      <c r="AK93" s="333" t="s">
        <v>399</v>
      </c>
      <c r="AL93" s="48"/>
      <c r="AM93" s="26"/>
      <c r="AN93" s="1" t="str">
        <f t="shared" si="3"/>
        <v>■</v>
      </c>
    </row>
    <row r="94" spans="1:40" s="1" customFormat="1">
      <c r="A94" s="20" t="str">
        <f t="shared" si="4"/>
        <v>RE</v>
      </c>
      <c r="B94" s="20"/>
      <c r="C94" s="676">
        <v>31</v>
      </c>
      <c r="D94" s="677"/>
      <c r="E94" s="678" t="s">
        <v>825</v>
      </c>
      <c r="F94" s="679"/>
      <c r="G94" s="679"/>
      <c r="H94" s="679"/>
      <c r="I94" s="679"/>
      <c r="J94" s="679"/>
      <c r="K94" s="679"/>
      <c r="L94" s="679"/>
      <c r="M94" s="679"/>
      <c r="N94" s="679"/>
      <c r="O94" s="679"/>
      <c r="P94" s="679"/>
      <c r="Q94" s="679"/>
      <c r="R94" s="679"/>
      <c r="S94" s="679"/>
      <c r="T94" s="680"/>
      <c r="U94" s="262" t="s">
        <v>768</v>
      </c>
      <c r="V94" s="681" t="s">
        <v>107</v>
      </c>
      <c r="W94" s="682"/>
      <c r="X94" s="682"/>
      <c r="Y94" s="682"/>
      <c r="Z94" s="683"/>
      <c r="AA94" s="626" t="s">
        <v>102</v>
      </c>
      <c r="AB94" s="627"/>
      <c r="AC94" s="628"/>
      <c r="AD94" s="417">
        <v>3</v>
      </c>
      <c r="AE94" s="417" t="s">
        <v>103</v>
      </c>
      <c r="AF94" s="648" t="s">
        <v>109</v>
      </c>
      <c r="AG94" s="649"/>
      <c r="AH94" s="684"/>
      <c r="AI94" s="685"/>
      <c r="AJ94" s="686"/>
      <c r="AK94" s="333" t="s">
        <v>399</v>
      </c>
      <c r="AL94" s="48"/>
      <c r="AM94" s="26"/>
      <c r="AN94" s="1" t="str">
        <f t="shared" si="3"/>
        <v>■</v>
      </c>
    </row>
    <row r="95" spans="1:40" s="1" customFormat="1">
      <c r="A95" s="20" t="str">
        <f t="shared" si="4"/>
        <v>RE</v>
      </c>
      <c r="B95" s="20"/>
      <c r="C95" s="541">
        <v>32</v>
      </c>
      <c r="D95" s="542"/>
      <c r="E95" s="543" t="s">
        <v>411</v>
      </c>
      <c r="F95" s="544"/>
      <c r="G95" s="544"/>
      <c r="H95" s="544"/>
      <c r="I95" s="544"/>
      <c r="J95" s="544"/>
      <c r="K95" s="544"/>
      <c r="L95" s="544"/>
      <c r="M95" s="544"/>
      <c r="N95" s="544"/>
      <c r="O95" s="544"/>
      <c r="P95" s="544"/>
      <c r="Q95" s="544"/>
      <c r="R95" s="544"/>
      <c r="S95" s="544"/>
      <c r="T95" s="545"/>
      <c r="U95" s="229" t="s">
        <v>516</v>
      </c>
      <c r="V95" s="546" t="s">
        <v>107</v>
      </c>
      <c r="W95" s="547"/>
      <c r="X95" s="547"/>
      <c r="Y95" s="547"/>
      <c r="Z95" s="548"/>
      <c r="AA95" s="623" t="s">
        <v>102</v>
      </c>
      <c r="AB95" s="624"/>
      <c r="AC95" s="625"/>
      <c r="AD95" s="415">
        <v>6</v>
      </c>
      <c r="AE95" s="415" t="s">
        <v>103</v>
      </c>
      <c r="AF95" s="646"/>
      <c r="AG95" s="647"/>
      <c r="AH95" s="549"/>
      <c r="AI95" s="550"/>
      <c r="AJ95" s="551"/>
      <c r="AK95" s="265"/>
      <c r="AL95" s="48"/>
      <c r="AM95" s="26"/>
      <c r="AN95" s="1" t="str">
        <f t="shared" si="3"/>
        <v>■</v>
      </c>
    </row>
    <row r="96" spans="1:40" s="1" customFormat="1">
      <c r="A96" s="20" t="str">
        <f t="shared" si="4"/>
        <v>RE</v>
      </c>
      <c r="B96" s="20"/>
      <c r="C96" s="541">
        <v>33</v>
      </c>
      <c r="D96" s="542"/>
      <c r="E96" s="543" t="s">
        <v>517</v>
      </c>
      <c r="F96" s="544"/>
      <c r="G96" s="544"/>
      <c r="H96" s="544"/>
      <c r="I96" s="544"/>
      <c r="J96" s="544"/>
      <c r="K96" s="544"/>
      <c r="L96" s="544"/>
      <c r="M96" s="544"/>
      <c r="N96" s="544"/>
      <c r="O96" s="544"/>
      <c r="P96" s="544"/>
      <c r="Q96" s="544"/>
      <c r="R96" s="544"/>
      <c r="S96" s="544"/>
      <c r="T96" s="545"/>
      <c r="U96" s="229" t="s">
        <v>518</v>
      </c>
      <c r="V96" s="546" t="s">
        <v>101</v>
      </c>
      <c r="W96" s="547"/>
      <c r="X96" s="547"/>
      <c r="Y96" s="547"/>
      <c r="Z96" s="548"/>
      <c r="AA96" s="623" t="s">
        <v>102</v>
      </c>
      <c r="AB96" s="624"/>
      <c r="AC96" s="625"/>
      <c r="AD96" s="415">
        <v>3</v>
      </c>
      <c r="AE96" s="415" t="s">
        <v>103</v>
      </c>
      <c r="AF96" s="646"/>
      <c r="AG96" s="647"/>
      <c r="AH96" s="549"/>
      <c r="AI96" s="550"/>
      <c r="AJ96" s="551"/>
      <c r="AK96" s="265"/>
      <c r="AL96" s="48"/>
      <c r="AM96" s="26"/>
      <c r="AN96" s="1" t="str">
        <f t="shared" si="3"/>
        <v>■</v>
      </c>
    </row>
    <row r="97" spans="1:40" s="1" customFormat="1">
      <c r="A97" s="20" t="str">
        <f t="shared" si="4"/>
        <v>RE</v>
      </c>
      <c r="B97" s="20"/>
      <c r="C97" s="541">
        <v>34</v>
      </c>
      <c r="D97" s="542"/>
      <c r="E97" s="543" t="s">
        <v>519</v>
      </c>
      <c r="F97" s="544"/>
      <c r="G97" s="544"/>
      <c r="H97" s="544"/>
      <c r="I97" s="544"/>
      <c r="J97" s="544"/>
      <c r="K97" s="544"/>
      <c r="L97" s="544"/>
      <c r="M97" s="544"/>
      <c r="N97" s="544"/>
      <c r="O97" s="544"/>
      <c r="P97" s="544"/>
      <c r="Q97" s="544"/>
      <c r="R97" s="544"/>
      <c r="S97" s="544"/>
      <c r="T97" s="545"/>
      <c r="U97" s="229" t="s">
        <v>520</v>
      </c>
      <c r="V97" s="546" t="s">
        <v>101</v>
      </c>
      <c r="W97" s="547"/>
      <c r="X97" s="547"/>
      <c r="Y97" s="547"/>
      <c r="Z97" s="548"/>
      <c r="AA97" s="623" t="s">
        <v>102</v>
      </c>
      <c r="AB97" s="624"/>
      <c r="AC97" s="625"/>
      <c r="AD97" s="415">
        <v>3</v>
      </c>
      <c r="AE97" s="415" t="s">
        <v>103</v>
      </c>
      <c r="AF97" s="646"/>
      <c r="AG97" s="647"/>
      <c r="AH97" s="549"/>
      <c r="AI97" s="550"/>
      <c r="AJ97" s="551"/>
      <c r="AK97" s="265"/>
      <c r="AL97" s="48"/>
      <c r="AM97" s="26"/>
      <c r="AN97" s="1" t="str">
        <f t="shared" si="3"/>
        <v>■</v>
      </c>
    </row>
    <row r="98" spans="1:40" s="1" customFormat="1">
      <c r="A98" s="20" t="str">
        <f t="shared" si="4"/>
        <v>RE</v>
      </c>
      <c r="B98" s="20"/>
      <c r="C98" s="676">
        <v>35</v>
      </c>
      <c r="D98" s="677"/>
      <c r="E98" s="678" t="s">
        <v>521</v>
      </c>
      <c r="F98" s="679"/>
      <c r="G98" s="679"/>
      <c r="H98" s="679"/>
      <c r="I98" s="679"/>
      <c r="J98" s="679"/>
      <c r="K98" s="679"/>
      <c r="L98" s="679"/>
      <c r="M98" s="679"/>
      <c r="N98" s="679"/>
      <c r="O98" s="679"/>
      <c r="P98" s="679"/>
      <c r="Q98" s="679"/>
      <c r="R98" s="679"/>
      <c r="S98" s="679"/>
      <c r="T98" s="680"/>
      <c r="U98" s="262" t="s">
        <v>522</v>
      </c>
      <c r="V98" s="681" t="s">
        <v>107</v>
      </c>
      <c r="W98" s="682"/>
      <c r="X98" s="682"/>
      <c r="Y98" s="682"/>
      <c r="Z98" s="683"/>
      <c r="AA98" s="626" t="s">
        <v>108</v>
      </c>
      <c r="AB98" s="627"/>
      <c r="AC98" s="628"/>
      <c r="AD98" s="417">
        <v>3</v>
      </c>
      <c r="AE98" s="417">
        <v>0</v>
      </c>
      <c r="AF98" s="648" t="s">
        <v>109</v>
      </c>
      <c r="AG98" s="649"/>
      <c r="AH98" s="684"/>
      <c r="AI98" s="685"/>
      <c r="AJ98" s="686"/>
      <c r="AK98" s="350" t="s">
        <v>391</v>
      </c>
      <c r="AL98" s="48"/>
      <c r="AM98" s="26"/>
      <c r="AN98" s="1" t="str">
        <f t="shared" si="3"/>
        <v>■</v>
      </c>
    </row>
    <row r="99" spans="1:40" s="1" customFormat="1">
      <c r="A99" s="20" t="str">
        <f t="shared" si="4"/>
        <v>RE</v>
      </c>
      <c r="B99" s="20"/>
      <c r="C99" s="541">
        <v>36</v>
      </c>
      <c r="D99" s="542"/>
      <c r="E99" s="543" t="s">
        <v>523</v>
      </c>
      <c r="F99" s="544"/>
      <c r="G99" s="544"/>
      <c r="H99" s="544"/>
      <c r="I99" s="544"/>
      <c r="J99" s="544"/>
      <c r="K99" s="544"/>
      <c r="L99" s="544"/>
      <c r="M99" s="544"/>
      <c r="N99" s="544"/>
      <c r="O99" s="544"/>
      <c r="P99" s="544"/>
      <c r="Q99" s="544"/>
      <c r="R99" s="544"/>
      <c r="S99" s="544"/>
      <c r="T99" s="545"/>
      <c r="U99" s="229" t="s">
        <v>524</v>
      </c>
      <c r="V99" s="546" t="s">
        <v>101</v>
      </c>
      <c r="W99" s="547"/>
      <c r="X99" s="547"/>
      <c r="Y99" s="547"/>
      <c r="Z99" s="548"/>
      <c r="AA99" s="623" t="s">
        <v>102</v>
      </c>
      <c r="AB99" s="624"/>
      <c r="AC99" s="625"/>
      <c r="AD99" s="415">
        <v>3</v>
      </c>
      <c r="AE99" s="415" t="s">
        <v>103</v>
      </c>
      <c r="AF99" s="646"/>
      <c r="AG99" s="647"/>
      <c r="AH99" s="549"/>
      <c r="AI99" s="550"/>
      <c r="AJ99" s="551"/>
      <c r="AK99" s="265"/>
      <c r="AL99" s="48"/>
      <c r="AM99" s="26"/>
      <c r="AN99" s="1" t="str">
        <f t="shared" si="3"/>
        <v>■</v>
      </c>
    </row>
    <row r="100" spans="1:40" s="1" customFormat="1">
      <c r="A100" s="20" t="str">
        <f t="shared" si="4"/>
        <v>RE</v>
      </c>
      <c r="B100" s="20"/>
      <c r="C100" s="541">
        <v>37</v>
      </c>
      <c r="D100" s="542"/>
      <c r="E100" s="543" t="s">
        <v>525</v>
      </c>
      <c r="F100" s="544"/>
      <c r="G100" s="544"/>
      <c r="H100" s="544"/>
      <c r="I100" s="544"/>
      <c r="J100" s="544"/>
      <c r="K100" s="544"/>
      <c r="L100" s="544"/>
      <c r="M100" s="544"/>
      <c r="N100" s="544"/>
      <c r="O100" s="544"/>
      <c r="P100" s="544"/>
      <c r="Q100" s="544"/>
      <c r="R100" s="544"/>
      <c r="S100" s="544"/>
      <c r="T100" s="545"/>
      <c r="U100" s="229" t="s">
        <v>526</v>
      </c>
      <c r="V100" s="546" t="s">
        <v>101</v>
      </c>
      <c r="W100" s="547"/>
      <c r="X100" s="547"/>
      <c r="Y100" s="547"/>
      <c r="Z100" s="548"/>
      <c r="AA100" s="623" t="s">
        <v>102</v>
      </c>
      <c r="AB100" s="624"/>
      <c r="AC100" s="625"/>
      <c r="AD100" s="415">
        <v>3</v>
      </c>
      <c r="AE100" s="415" t="s">
        <v>103</v>
      </c>
      <c r="AF100" s="646"/>
      <c r="AG100" s="647"/>
      <c r="AH100" s="549"/>
      <c r="AI100" s="550"/>
      <c r="AJ100" s="551"/>
      <c r="AK100" s="265"/>
      <c r="AL100" s="48"/>
      <c r="AM100" s="26"/>
      <c r="AN100" s="1" t="str">
        <f t="shared" si="3"/>
        <v>■</v>
      </c>
    </row>
    <row r="101" spans="1:40" s="1" customFormat="1">
      <c r="A101" s="20" t="str">
        <f t="shared" si="4"/>
        <v>RE</v>
      </c>
      <c r="B101" s="20"/>
      <c r="C101" s="541">
        <v>38</v>
      </c>
      <c r="D101" s="542"/>
      <c r="E101" s="543" t="s">
        <v>1145</v>
      </c>
      <c r="F101" s="544"/>
      <c r="G101" s="544"/>
      <c r="H101" s="544"/>
      <c r="I101" s="544"/>
      <c r="J101" s="544"/>
      <c r="K101" s="544"/>
      <c r="L101" s="544"/>
      <c r="M101" s="544"/>
      <c r="N101" s="544"/>
      <c r="O101" s="544"/>
      <c r="P101" s="544"/>
      <c r="Q101" s="544"/>
      <c r="R101" s="544"/>
      <c r="S101" s="544"/>
      <c r="T101" s="545"/>
      <c r="U101" s="229" t="s">
        <v>528</v>
      </c>
      <c r="V101" s="546" t="s">
        <v>101</v>
      </c>
      <c r="W101" s="547"/>
      <c r="X101" s="547"/>
      <c r="Y101" s="547"/>
      <c r="Z101" s="548"/>
      <c r="AA101" s="623" t="s">
        <v>102</v>
      </c>
      <c r="AB101" s="624"/>
      <c r="AC101" s="625"/>
      <c r="AD101" s="415">
        <v>64</v>
      </c>
      <c r="AE101" s="415" t="s">
        <v>103</v>
      </c>
      <c r="AF101" s="646"/>
      <c r="AG101" s="647"/>
      <c r="AH101" s="549"/>
      <c r="AI101" s="550"/>
      <c r="AJ101" s="551"/>
      <c r="AK101" s="265"/>
      <c r="AL101" s="48"/>
      <c r="AM101" s="26"/>
      <c r="AN101" s="1" t="str">
        <f t="shared" si="3"/>
        <v>■</v>
      </c>
    </row>
    <row r="102" spans="1:40" s="1" customFormat="1">
      <c r="A102" s="20" t="str">
        <f t="shared" si="4"/>
        <v>RE</v>
      </c>
      <c r="B102" s="20"/>
      <c r="C102" s="541">
        <v>39</v>
      </c>
      <c r="D102" s="542"/>
      <c r="E102" s="543" t="s">
        <v>529</v>
      </c>
      <c r="F102" s="544"/>
      <c r="G102" s="544"/>
      <c r="H102" s="544"/>
      <c r="I102" s="544"/>
      <c r="J102" s="544"/>
      <c r="K102" s="544"/>
      <c r="L102" s="544"/>
      <c r="M102" s="544"/>
      <c r="N102" s="544"/>
      <c r="O102" s="544"/>
      <c r="P102" s="544"/>
      <c r="Q102" s="544"/>
      <c r="R102" s="544"/>
      <c r="S102" s="544"/>
      <c r="T102" s="545"/>
      <c r="U102" s="222" t="s">
        <v>530</v>
      </c>
      <c r="V102" s="546" t="s">
        <v>1146</v>
      </c>
      <c r="W102" s="547"/>
      <c r="X102" s="547"/>
      <c r="Y102" s="547"/>
      <c r="Z102" s="548"/>
      <c r="AA102" s="623" t="s">
        <v>102</v>
      </c>
      <c r="AB102" s="624"/>
      <c r="AC102" s="625"/>
      <c r="AD102" s="415">
        <v>60</v>
      </c>
      <c r="AE102" s="415" t="s">
        <v>103</v>
      </c>
      <c r="AF102" s="646"/>
      <c r="AG102" s="647"/>
      <c r="AH102" s="549"/>
      <c r="AI102" s="550"/>
      <c r="AJ102" s="551"/>
      <c r="AK102" s="265"/>
      <c r="AL102" s="48"/>
      <c r="AM102" s="26"/>
      <c r="AN102" s="1" t="str">
        <f t="shared" si="3"/>
        <v>■</v>
      </c>
    </row>
    <row r="103" spans="1:40" s="1" customFormat="1">
      <c r="A103" s="20" t="str">
        <f t="shared" si="4"/>
        <v>RE</v>
      </c>
      <c r="B103" s="20"/>
      <c r="C103" s="541">
        <v>40</v>
      </c>
      <c r="D103" s="542"/>
      <c r="E103" s="543" t="s">
        <v>531</v>
      </c>
      <c r="F103" s="544"/>
      <c r="G103" s="544"/>
      <c r="H103" s="544"/>
      <c r="I103" s="544"/>
      <c r="J103" s="544"/>
      <c r="K103" s="544"/>
      <c r="L103" s="544"/>
      <c r="M103" s="544"/>
      <c r="N103" s="544"/>
      <c r="O103" s="544"/>
      <c r="P103" s="544"/>
      <c r="Q103" s="544"/>
      <c r="R103" s="544"/>
      <c r="S103" s="544"/>
      <c r="T103" s="545"/>
      <c r="U103" s="222" t="s">
        <v>532</v>
      </c>
      <c r="V103" s="546" t="s">
        <v>533</v>
      </c>
      <c r="W103" s="547"/>
      <c r="X103" s="547"/>
      <c r="Y103" s="547"/>
      <c r="Z103" s="548"/>
      <c r="AA103" s="623" t="s">
        <v>102</v>
      </c>
      <c r="AB103" s="624"/>
      <c r="AC103" s="625"/>
      <c r="AD103" s="415">
        <v>64</v>
      </c>
      <c r="AE103" s="415" t="s">
        <v>103</v>
      </c>
      <c r="AF103" s="646"/>
      <c r="AG103" s="647"/>
      <c r="AH103" s="549"/>
      <c r="AI103" s="550"/>
      <c r="AJ103" s="551"/>
      <c r="AK103" s="265"/>
      <c r="AL103" s="48"/>
      <c r="AM103" s="26"/>
      <c r="AN103" s="1" t="str">
        <f t="shared" si="3"/>
        <v>■</v>
      </c>
    </row>
    <row r="104" spans="1:40" s="1" customFormat="1">
      <c r="A104" s="20" t="str">
        <f t="shared" si="4"/>
        <v>RE</v>
      </c>
      <c r="B104" s="20"/>
      <c r="C104" s="541">
        <v>41</v>
      </c>
      <c r="D104" s="542"/>
      <c r="E104" s="543" t="s">
        <v>534</v>
      </c>
      <c r="F104" s="544"/>
      <c r="G104" s="544"/>
      <c r="H104" s="544"/>
      <c r="I104" s="544"/>
      <c r="J104" s="544"/>
      <c r="K104" s="544"/>
      <c r="L104" s="544"/>
      <c r="M104" s="544"/>
      <c r="N104" s="544"/>
      <c r="O104" s="544"/>
      <c r="P104" s="544"/>
      <c r="Q104" s="544"/>
      <c r="R104" s="544"/>
      <c r="S104" s="544"/>
      <c r="T104" s="545"/>
      <c r="U104" s="222" t="s">
        <v>535</v>
      </c>
      <c r="V104" s="546" t="s">
        <v>533</v>
      </c>
      <c r="W104" s="547"/>
      <c r="X104" s="547"/>
      <c r="Y104" s="547"/>
      <c r="Z104" s="548"/>
      <c r="AA104" s="623" t="s">
        <v>102</v>
      </c>
      <c r="AB104" s="624"/>
      <c r="AC104" s="625"/>
      <c r="AD104" s="415">
        <v>7</v>
      </c>
      <c r="AE104" s="415" t="s">
        <v>103</v>
      </c>
      <c r="AF104" s="646"/>
      <c r="AG104" s="647"/>
      <c r="AH104" s="549"/>
      <c r="AI104" s="550"/>
      <c r="AJ104" s="551"/>
      <c r="AK104" s="265" t="s">
        <v>3020</v>
      </c>
      <c r="AL104" s="29"/>
      <c r="AM104" s="26"/>
      <c r="AN104" s="1" t="str">
        <f t="shared" si="3"/>
        <v>■</v>
      </c>
    </row>
    <row r="105" spans="1:40" s="1" customFormat="1">
      <c r="A105" s="20" t="str">
        <f t="shared" si="4"/>
        <v>RE</v>
      </c>
      <c r="B105" s="20"/>
      <c r="C105" s="541">
        <v>42</v>
      </c>
      <c r="D105" s="542"/>
      <c r="E105" s="543" t="s">
        <v>536</v>
      </c>
      <c r="F105" s="544"/>
      <c r="G105" s="544"/>
      <c r="H105" s="544"/>
      <c r="I105" s="544"/>
      <c r="J105" s="544"/>
      <c r="K105" s="544"/>
      <c r="L105" s="544"/>
      <c r="M105" s="544"/>
      <c r="N105" s="544"/>
      <c r="O105" s="544"/>
      <c r="P105" s="544"/>
      <c r="Q105" s="544"/>
      <c r="R105" s="544"/>
      <c r="S105" s="544"/>
      <c r="T105" s="545"/>
      <c r="U105" s="222" t="s">
        <v>537</v>
      </c>
      <c r="V105" s="546" t="s">
        <v>533</v>
      </c>
      <c r="W105" s="547"/>
      <c r="X105" s="547"/>
      <c r="Y105" s="547"/>
      <c r="Z105" s="548"/>
      <c r="AA105" s="623" t="s">
        <v>102</v>
      </c>
      <c r="AB105" s="624"/>
      <c r="AC105" s="625"/>
      <c r="AD105" s="415">
        <v>5</v>
      </c>
      <c r="AE105" s="415" t="s">
        <v>103</v>
      </c>
      <c r="AF105" s="646"/>
      <c r="AG105" s="647"/>
      <c r="AH105" s="549"/>
      <c r="AI105" s="550"/>
      <c r="AJ105" s="551"/>
      <c r="AK105" s="265" t="s">
        <v>3020</v>
      </c>
      <c r="AL105" s="48"/>
      <c r="AM105" s="26"/>
      <c r="AN105" s="1" t="str">
        <f t="shared" si="3"/>
        <v>■</v>
      </c>
    </row>
    <row r="106" spans="1:40" s="1" customFormat="1" ht="13.5" customHeight="1">
      <c r="A106" s="20" t="str">
        <f>IF(LEN(J106)&gt;0,MID(J106,FIND("（",J106,1)+1,2),A104)</f>
        <v>RE</v>
      </c>
      <c r="B106" s="20"/>
      <c r="C106" s="541">
        <v>43</v>
      </c>
      <c r="D106" s="542"/>
      <c r="E106" s="543" t="s">
        <v>538</v>
      </c>
      <c r="F106" s="544"/>
      <c r="G106" s="544"/>
      <c r="H106" s="544"/>
      <c r="I106" s="544"/>
      <c r="J106" s="544"/>
      <c r="K106" s="544"/>
      <c r="L106" s="544"/>
      <c r="M106" s="544"/>
      <c r="N106" s="544"/>
      <c r="O106" s="544"/>
      <c r="P106" s="544"/>
      <c r="Q106" s="544"/>
      <c r="R106" s="544"/>
      <c r="S106" s="544"/>
      <c r="T106" s="545"/>
      <c r="U106" s="222" t="s">
        <v>539</v>
      </c>
      <c r="V106" s="546" t="s">
        <v>533</v>
      </c>
      <c r="W106" s="547"/>
      <c r="X106" s="547"/>
      <c r="Y106" s="547"/>
      <c r="Z106" s="548"/>
      <c r="AA106" s="623" t="s">
        <v>102</v>
      </c>
      <c r="AB106" s="624"/>
      <c r="AC106" s="625"/>
      <c r="AD106" s="415">
        <v>1</v>
      </c>
      <c r="AE106" s="415" t="s">
        <v>103</v>
      </c>
      <c r="AF106" s="646"/>
      <c r="AG106" s="647"/>
      <c r="AH106" s="549"/>
      <c r="AI106" s="550"/>
      <c r="AJ106" s="551"/>
      <c r="AK106" s="265" t="s">
        <v>3020</v>
      </c>
      <c r="AL106" s="29"/>
      <c r="AM106" s="26"/>
      <c r="AN106" s="1" t="str">
        <f t="shared" si="3"/>
        <v>■</v>
      </c>
    </row>
    <row r="107" spans="1:40" s="1" customFormat="1">
      <c r="A107" s="20" t="str">
        <f>IF(LEN(J107)&gt;0,MID(J107,FIND("（",J107,1)+1,2),A105)</f>
        <v>RE</v>
      </c>
      <c r="B107" s="20"/>
      <c r="C107" s="541">
        <v>44</v>
      </c>
      <c r="D107" s="542"/>
      <c r="E107" s="543" t="s">
        <v>540</v>
      </c>
      <c r="F107" s="544"/>
      <c r="G107" s="544"/>
      <c r="H107" s="544"/>
      <c r="I107" s="544"/>
      <c r="J107" s="544"/>
      <c r="K107" s="544"/>
      <c r="L107" s="544"/>
      <c r="M107" s="544"/>
      <c r="N107" s="544"/>
      <c r="O107" s="544"/>
      <c r="P107" s="544"/>
      <c r="Q107" s="544"/>
      <c r="R107" s="544"/>
      <c r="S107" s="544"/>
      <c r="T107" s="545"/>
      <c r="U107" s="222" t="s">
        <v>541</v>
      </c>
      <c r="V107" s="546" t="s">
        <v>1146</v>
      </c>
      <c r="W107" s="547"/>
      <c r="X107" s="547"/>
      <c r="Y107" s="547"/>
      <c r="Z107" s="548"/>
      <c r="AA107" s="623" t="s">
        <v>102</v>
      </c>
      <c r="AB107" s="624"/>
      <c r="AC107" s="625"/>
      <c r="AD107" s="415">
        <v>2</v>
      </c>
      <c r="AE107" s="415" t="s">
        <v>103</v>
      </c>
      <c r="AF107" s="646"/>
      <c r="AG107" s="647"/>
      <c r="AH107" s="549"/>
      <c r="AI107" s="550"/>
      <c r="AJ107" s="551"/>
      <c r="AK107" s="265"/>
      <c r="AL107" s="29"/>
      <c r="AM107" s="26"/>
      <c r="AN107" s="1" t="str">
        <f t="shared" si="3"/>
        <v>■</v>
      </c>
    </row>
    <row r="108" spans="1:40" ht="13.4" customHeight="1">
      <c r="A108" s="20" t="str">
        <f t="shared" ref="A108:A171" si="5">IF(LEN(J108)&gt;0,MID(J108,FIND("（",J108,1)+1,2),A107)</f>
        <v>RE</v>
      </c>
      <c r="B108" s="25"/>
      <c r="N108" s="50"/>
      <c r="V108" s="238"/>
      <c r="W108" s="238"/>
      <c r="X108" s="238"/>
      <c r="Y108" s="238"/>
      <c r="Z108" s="238"/>
      <c r="AA108" s="629"/>
      <c r="AB108" s="629"/>
      <c r="AC108" s="629"/>
      <c r="AF108" s="238"/>
      <c r="AG108" s="238"/>
      <c r="AH108" s="238"/>
      <c r="AI108" s="238"/>
      <c r="AJ108" s="238"/>
      <c r="AK108" s="55"/>
      <c r="AL108" s="29"/>
      <c r="AM108" s="16"/>
    </row>
    <row r="109" spans="1:40" s="1" customFormat="1" ht="13.4" customHeight="1">
      <c r="A109" s="20" t="str">
        <f t="shared" si="5"/>
        <v>HO</v>
      </c>
      <c r="B109" s="20"/>
      <c r="C109" s="52" t="s">
        <v>380</v>
      </c>
      <c r="D109" s="53"/>
      <c r="E109" s="26"/>
      <c r="F109" s="26"/>
      <c r="G109" s="26"/>
      <c r="H109" s="26"/>
      <c r="I109" s="26"/>
      <c r="J109" s="26" t="s">
        <v>543</v>
      </c>
      <c r="K109" s="71"/>
      <c r="L109" s="26"/>
      <c r="M109" s="71"/>
      <c r="N109" s="26"/>
      <c r="O109" s="26"/>
      <c r="P109" s="26"/>
      <c r="Q109" s="26"/>
      <c r="R109" s="26"/>
      <c r="S109" s="26"/>
      <c r="T109" s="26"/>
      <c r="U109" s="26" t="s">
        <v>1147</v>
      </c>
      <c r="V109" s="122"/>
      <c r="W109" s="122"/>
      <c r="X109" s="122"/>
      <c r="Y109" s="122"/>
      <c r="Z109" s="122"/>
      <c r="AA109" s="630"/>
      <c r="AB109" s="630"/>
      <c r="AC109" s="630"/>
      <c r="AD109" s="122"/>
      <c r="AE109" s="122"/>
      <c r="AF109" s="122"/>
      <c r="AG109" s="122"/>
      <c r="AH109" s="122"/>
      <c r="AI109" s="122"/>
      <c r="AJ109" s="122"/>
      <c r="AK109" s="26"/>
      <c r="AL109" s="48"/>
      <c r="AM109" s="26"/>
    </row>
    <row r="110" spans="1:40" ht="13.5" customHeight="1">
      <c r="A110" s="20" t="str">
        <f t="shared" si="5"/>
        <v>HO</v>
      </c>
      <c r="B110" s="51"/>
      <c r="C110" s="583" t="s">
        <v>73</v>
      </c>
      <c r="D110" s="573"/>
      <c r="E110" s="583" t="s">
        <v>94</v>
      </c>
      <c r="F110" s="583"/>
      <c r="G110" s="583"/>
      <c r="H110" s="583"/>
      <c r="I110" s="583"/>
      <c r="J110" s="583"/>
      <c r="K110" s="583"/>
      <c r="L110" s="583"/>
      <c r="M110" s="583"/>
      <c r="N110" s="583"/>
      <c r="O110" s="583"/>
      <c r="P110" s="583"/>
      <c r="Q110" s="583"/>
      <c r="R110" s="583"/>
      <c r="S110" s="583"/>
      <c r="T110" s="583"/>
      <c r="U110" s="226" t="s">
        <v>383</v>
      </c>
      <c r="V110" s="572" t="s">
        <v>138</v>
      </c>
      <c r="W110" s="572"/>
      <c r="X110" s="572"/>
      <c r="Y110" s="572"/>
      <c r="Z110" s="572"/>
      <c r="AA110" s="652" t="s">
        <v>959</v>
      </c>
      <c r="AB110" s="653"/>
      <c r="AC110" s="654"/>
      <c r="AD110" s="572" t="s">
        <v>97</v>
      </c>
      <c r="AE110" s="572"/>
      <c r="AF110" s="572" t="s">
        <v>98</v>
      </c>
      <c r="AG110" s="572"/>
      <c r="AH110" s="583" t="s">
        <v>75</v>
      </c>
      <c r="AI110" s="583"/>
      <c r="AJ110" s="583"/>
      <c r="AK110" s="581" t="s">
        <v>159</v>
      </c>
      <c r="AL110" s="48"/>
      <c r="AM110" s="16"/>
    </row>
    <row r="111" spans="1:40" ht="13.4" customHeight="1">
      <c r="A111" s="20" t="str">
        <f t="shared" si="5"/>
        <v>HO</v>
      </c>
      <c r="B111" s="51"/>
      <c r="C111" s="573"/>
      <c r="D111" s="573"/>
      <c r="E111" s="583"/>
      <c r="F111" s="583"/>
      <c r="G111" s="583"/>
      <c r="H111" s="583"/>
      <c r="I111" s="583"/>
      <c r="J111" s="583"/>
      <c r="K111" s="583"/>
      <c r="L111" s="583"/>
      <c r="M111" s="583"/>
      <c r="N111" s="583"/>
      <c r="O111" s="583"/>
      <c r="P111" s="583"/>
      <c r="Q111" s="583"/>
      <c r="R111" s="583"/>
      <c r="S111" s="583"/>
      <c r="T111" s="583"/>
      <c r="U111" s="227"/>
      <c r="V111" s="572"/>
      <c r="W111" s="572"/>
      <c r="X111" s="572"/>
      <c r="Y111" s="572"/>
      <c r="Z111" s="572"/>
      <c r="AA111" s="655"/>
      <c r="AB111" s="656"/>
      <c r="AC111" s="657"/>
      <c r="AD111" s="572"/>
      <c r="AE111" s="572"/>
      <c r="AF111" s="572"/>
      <c r="AG111" s="572"/>
      <c r="AH111" s="583"/>
      <c r="AI111" s="583"/>
      <c r="AJ111" s="583"/>
      <c r="AK111" s="582"/>
      <c r="AL111" s="38"/>
      <c r="AM111" s="16"/>
    </row>
    <row r="112" spans="1:40" s="1" customFormat="1" ht="13.4" customHeight="1">
      <c r="A112" s="20" t="str">
        <f t="shared" si="5"/>
        <v>HO</v>
      </c>
      <c r="B112" s="20"/>
      <c r="C112" s="541">
        <v>1</v>
      </c>
      <c r="D112" s="542"/>
      <c r="E112" s="563" t="s">
        <v>440</v>
      </c>
      <c r="F112" s="564"/>
      <c r="G112" s="564"/>
      <c r="H112" s="564"/>
      <c r="I112" s="564"/>
      <c r="J112" s="564"/>
      <c r="K112" s="564"/>
      <c r="L112" s="564"/>
      <c r="M112" s="564"/>
      <c r="N112" s="564"/>
      <c r="O112" s="564"/>
      <c r="P112" s="564"/>
      <c r="Q112" s="564"/>
      <c r="R112" s="564"/>
      <c r="S112" s="564"/>
      <c r="T112" s="565"/>
      <c r="U112" s="219" t="s">
        <v>441</v>
      </c>
      <c r="V112" s="546" t="s">
        <v>101</v>
      </c>
      <c r="W112" s="547"/>
      <c r="X112" s="547"/>
      <c r="Y112" s="547"/>
      <c r="Z112" s="548"/>
      <c r="AA112" s="623" t="s">
        <v>102</v>
      </c>
      <c r="AB112" s="624"/>
      <c r="AC112" s="625"/>
      <c r="AD112" s="415">
        <v>10</v>
      </c>
      <c r="AE112" s="415" t="s">
        <v>103</v>
      </c>
      <c r="AF112" s="646"/>
      <c r="AG112" s="647"/>
      <c r="AH112" s="549"/>
      <c r="AI112" s="550"/>
      <c r="AJ112" s="551"/>
      <c r="AK112" s="265"/>
      <c r="AL112" s="38"/>
      <c r="AM112" s="26"/>
      <c r="AN112" s="1" t="str">
        <f>$P$19</f>
        <v>■</v>
      </c>
    </row>
    <row r="113" spans="1:40" s="1" customFormat="1" ht="13.4" customHeight="1">
      <c r="A113" s="20" t="str">
        <f t="shared" si="5"/>
        <v>HO</v>
      </c>
      <c r="B113" s="20"/>
      <c r="C113" s="541">
        <v>2</v>
      </c>
      <c r="D113" s="542"/>
      <c r="E113" s="563" t="s">
        <v>442</v>
      </c>
      <c r="F113" s="564"/>
      <c r="G113" s="564"/>
      <c r="H113" s="564"/>
      <c r="I113" s="564"/>
      <c r="J113" s="564"/>
      <c r="K113" s="564"/>
      <c r="L113" s="564"/>
      <c r="M113" s="564"/>
      <c r="N113" s="564"/>
      <c r="O113" s="564"/>
      <c r="P113" s="564"/>
      <c r="Q113" s="564"/>
      <c r="R113" s="564"/>
      <c r="S113" s="564"/>
      <c r="T113" s="565"/>
      <c r="U113" s="219" t="s">
        <v>443</v>
      </c>
      <c r="V113" s="546" t="s">
        <v>101</v>
      </c>
      <c r="W113" s="547"/>
      <c r="X113" s="547"/>
      <c r="Y113" s="547"/>
      <c r="Z113" s="548"/>
      <c r="AA113" s="623" t="s">
        <v>102</v>
      </c>
      <c r="AB113" s="624"/>
      <c r="AC113" s="625"/>
      <c r="AD113" s="415">
        <v>51</v>
      </c>
      <c r="AE113" s="415" t="s">
        <v>103</v>
      </c>
      <c r="AF113" s="646"/>
      <c r="AG113" s="647"/>
      <c r="AH113" s="549"/>
      <c r="AI113" s="550"/>
      <c r="AJ113" s="551"/>
      <c r="AK113" s="265"/>
      <c r="AL113" s="48"/>
      <c r="AM113" s="26"/>
      <c r="AN113" s="1" t="str">
        <f t="shared" ref="AN113:AN130" si="6">$P$19</f>
        <v>■</v>
      </c>
    </row>
    <row r="114" spans="1:40" s="13" customFormat="1" ht="13.4" customHeight="1">
      <c r="A114" s="20" t="str">
        <f t="shared" si="5"/>
        <v>HO</v>
      </c>
      <c r="B114" s="20"/>
      <c r="C114" s="552">
        <v>3</v>
      </c>
      <c r="D114" s="553"/>
      <c r="E114" s="566" t="s">
        <v>106</v>
      </c>
      <c r="F114" s="567"/>
      <c r="G114" s="567"/>
      <c r="H114" s="567"/>
      <c r="I114" s="567"/>
      <c r="J114" s="567"/>
      <c r="K114" s="567"/>
      <c r="L114" s="567"/>
      <c r="M114" s="567"/>
      <c r="N114" s="567"/>
      <c r="O114" s="567"/>
      <c r="P114" s="567"/>
      <c r="Q114" s="567"/>
      <c r="R114" s="567"/>
      <c r="S114" s="567"/>
      <c r="T114" s="568"/>
      <c r="U114" s="230" t="s">
        <v>444</v>
      </c>
      <c r="V114" s="557" t="s">
        <v>107</v>
      </c>
      <c r="W114" s="558"/>
      <c r="X114" s="558"/>
      <c r="Y114" s="558"/>
      <c r="Z114" s="559"/>
      <c r="AA114" s="626" t="s">
        <v>108</v>
      </c>
      <c r="AB114" s="627"/>
      <c r="AC114" s="628"/>
      <c r="AD114" s="419">
        <v>1</v>
      </c>
      <c r="AE114" s="419">
        <v>0</v>
      </c>
      <c r="AF114" s="648" t="s">
        <v>109</v>
      </c>
      <c r="AG114" s="649"/>
      <c r="AH114" s="560"/>
      <c r="AI114" s="561"/>
      <c r="AJ114" s="562"/>
      <c r="AK114" s="346" t="s">
        <v>416</v>
      </c>
      <c r="AL114" s="38"/>
      <c r="AM114" s="54"/>
      <c r="AN114" s="1" t="str">
        <f t="shared" si="6"/>
        <v>■</v>
      </c>
    </row>
    <row r="115" spans="1:40" s="13" customFormat="1" ht="13.4" customHeight="1">
      <c r="A115" s="20" t="str">
        <f t="shared" si="5"/>
        <v>HO</v>
      </c>
      <c r="B115" s="20"/>
      <c r="C115" s="541">
        <v>4</v>
      </c>
      <c r="D115" s="542"/>
      <c r="E115" s="563" t="s">
        <v>110</v>
      </c>
      <c r="F115" s="564"/>
      <c r="G115" s="564"/>
      <c r="H115" s="564"/>
      <c r="I115" s="564"/>
      <c r="J115" s="564"/>
      <c r="K115" s="564"/>
      <c r="L115" s="564"/>
      <c r="M115" s="564"/>
      <c r="N115" s="564"/>
      <c r="O115" s="564"/>
      <c r="P115" s="564"/>
      <c r="Q115" s="564"/>
      <c r="R115" s="564"/>
      <c r="S115" s="564"/>
      <c r="T115" s="565"/>
      <c r="U115" s="229" t="s">
        <v>445</v>
      </c>
      <c r="V115" s="546" t="s">
        <v>107</v>
      </c>
      <c r="W115" s="547"/>
      <c r="X115" s="547"/>
      <c r="Y115" s="547"/>
      <c r="Z115" s="548"/>
      <c r="AA115" s="623" t="s">
        <v>108</v>
      </c>
      <c r="AB115" s="624"/>
      <c r="AC115" s="625"/>
      <c r="AD115" s="415">
        <v>1</v>
      </c>
      <c r="AE115" s="415">
        <v>0</v>
      </c>
      <c r="AF115" s="646"/>
      <c r="AG115" s="647"/>
      <c r="AH115" s="549"/>
      <c r="AI115" s="550"/>
      <c r="AJ115" s="551"/>
      <c r="AK115" s="265"/>
      <c r="AL115" s="38"/>
      <c r="AM115" s="54"/>
      <c r="AN115" s="1" t="str">
        <f t="shared" si="6"/>
        <v>■</v>
      </c>
    </row>
    <row r="116" spans="1:40" s="1" customFormat="1">
      <c r="A116" s="20" t="str">
        <f t="shared" si="5"/>
        <v>HO</v>
      </c>
      <c r="B116" s="20"/>
      <c r="C116" s="541">
        <v>5</v>
      </c>
      <c r="D116" s="542"/>
      <c r="E116" s="543" t="s">
        <v>80</v>
      </c>
      <c r="F116" s="544"/>
      <c r="G116" s="544"/>
      <c r="H116" s="544"/>
      <c r="I116" s="544"/>
      <c r="J116" s="544"/>
      <c r="K116" s="544"/>
      <c r="L116" s="544"/>
      <c r="M116" s="544"/>
      <c r="N116" s="544"/>
      <c r="O116" s="544"/>
      <c r="P116" s="544"/>
      <c r="Q116" s="544"/>
      <c r="R116" s="544"/>
      <c r="S116" s="544"/>
      <c r="T116" s="545"/>
      <c r="U116" s="229" t="s">
        <v>446</v>
      </c>
      <c r="V116" s="546" t="s">
        <v>101</v>
      </c>
      <c r="W116" s="547"/>
      <c r="X116" s="547"/>
      <c r="Y116" s="547"/>
      <c r="Z116" s="548"/>
      <c r="AA116" s="623" t="s">
        <v>102</v>
      </c>
      <c r="AB116" s="624"/>
      <c r="AC116" s="625"/>
      <c r="AD116" s="415">
        <v>2</v>
      </c>
      <c r="AE116" s="415" t="s">
        <v>103</v>
      </c>
      <c r="AF116" s="646"/>
      <c r="AG116" s="647"/>
      <c r="AH116" s="549"/>
      <c r="AI116" s="550"/>
      <c r="AJ116" s="551"/>
      <c r="AK116" s="265"/>
      <c r="AL116" s="48"/>
      <c r="AM116" s="26"/>
      <c r="AN116" s="1" t="str">
        <f t="shared" si="6"/>
        <v>■</v>
      </c>
    </row>
    <row r="117" spans="1:40" s="13" customFormat="1">
      <c r="A117" s="20" t="str">
        <f t="shared" si="5"/>
        <v>HO</v>
      </c>
      <c r="B117" s="20"/>
      <c r="C117" s="676">
        <v>6</v>
      </c>
      <c r="D117" s="677"/>
      <c r="E117" s="678" t="s">
        <v>545</v>
      </c>
      <c r="F117" s="679"/>
      <c r="G117" s="679"/>
      <c r="H117" s="679"/>
      <c r="I117" s="679"/>
      <c r="J117" s="679"/>
      <c r="K117" s="679"/>
      <c r="L117" s="679"/>
      <c r="M117" s="679"/>
      <c r="N117" s="679"/>
      <c r="O117" s="679"/>
      <c r="P117" s="679"/>
      <c r="Q117" s="679"/>
      <c r="R117" s="679"/>
      <c r="S117" s="679"/>
      <c r="T117" s="680"/>
      <c r="U117" s="262" t="s">
        <v>546</v>
      </c>
      <c r="V117" s="681" t="s">
        <v>101</v>
      </c>
      <c r="W117" s="682"/>
      <c r="X117" s="682"/>
      <c r="Y117" s="682"/>
      <c r="Z117" s="683"/>
      <c r="AA117" s="626" t="s">
        <v>102</v>
      </c>
      <c r="AB117" s="627"/>
      <c r="AC117" s="628"/>
      <c r="AD117" s="417">
        <v>8</v>
      </c>
      <c r="AE117" s="417" t="s">
        <v>103</v>
      </c>
      <c r="AF117" s="648" t="s">
        <v>109</v>
      </c>
      <c r="AG117" s="649"/>
      <c r="AH117" s="684"/>
      <c r="AI117" s="685"/>
      <c r="AJ117" s="686"/>
      <c r="AK117" s="350" t="s">
        <v>391</v>
      </c>
      <c r="AL117" s="48"/>
      <c r="AM117" s="54"/>
      <c r="AN117" s="1" t="str">
        <f t="shared" si="6"/>
        <v>■</v>
      </c>
    </row>
    <row r="118" spans="1:40" s="13" customFormat="1">
      <c r="A118" s="20" t="str">
        <f t="shared" si="5"/>
        <v>HO</v>
      </c>
      <c r="B118" s="20"/>
      <c r="C118" s="676">
        <v>7</v>
      </c>
      <c r="D118" s="677"/>
      <c r="E118" s="678" t="s">
        <v>547</v>
      </c>
      <c r="F118" s="679"/>
      <c r="G118" s="679"/>
      <c r="H118" s="679"/>
      <c r="I118" s="679"/>
      <c r="J118" s="679"/>
      <c r="K118" s="679"/>
      <c r="L118" s="679"/>
      <c r="M118" s="679"/>
      <c r="N118" s="679"/>
      <c r="O118" s="679"/>
      <c r="P118" s="679"/>
      <c r="Q118" s="679"/>
      <c r="R118" s="679"/>
      <c r="S118" s="679"/>
      <c r="T118" s="680"/>
      <c r="U118" s="262" t="s">
        <v>548</v>
      </c>
      <c r="V118" s="681" t="s">
        <v>101</v>
      </c>
      <c r="W118" s="682"/>
      <c r="X118" s="682"/>
      <c r="Y118" s="682"/>
      <c r="Z118" s="683"/>
      <c r="AA118" s="626" t="s">
        <v>102</v>
      </c>
      <c r="AB118" s="627"/>
      <c r="AC118" s="628"/>
      <c r="AD118" s="417">
        <v>8</v>
      </c>
      <c r="AE118" s="417" t="s">
        <v>103</v>
      </c>
      <c r="AF118" s="648" t="s">
        <v>109</v>
      </c>
      <c r="AG118" s="649"/>
      <c r="AH118" s="684"/>
      <c r="AI118" s="685"/>
      <c r="AJ118" s="686"/>
      <c r="AK118" s="350" t="s">
        <v>391</v>
      </c>
      <c r="AL118" s="48"/>
      <c r="AM118" s="54"/>
      <c r="AN118" s="1" t="str">
        <f t="shared" si="6"/>
        <v>■</v>
      </c>
    </row>
    <row r="119" spans="1:40" s="1" customFormat="1">
      <c r="A119" s="20" t="str">
        <f t="shared" si="5"/>
        <v>HO</v>
      </c>
      <c r="B119" s="20"/>
      <c r="C119" s="541">
        <v>8</v>
      </c>
      <c r="D119" s="542"/>
      <c r="E119" s="543" t="s">
        <v>979</v>
      </c>
      <c r="F119" s="544"/>
      <c r="G119" s="544"/>
      <c r="H119" s="544"/>
      <c r="I119" s="544"/>
      <c r="J119" s="544"/>
      <c r="K119" s="544"/>
      <c r="L119" s="544"/>
      <c r="M119" s="544"/>
      <c r="N119" s="544"/>
      <c r="O119" s="544"/>
      <c r="P119" s="544"/>
      <c r="Q119" s="544"/>
      <c r="R119" s="544"/>
      <c r="S119" s="544"/>
      <c r="T119" s="545"/>
      <c r="U119" s="229" t="s">
        <v>550</v>
      </c>
      <c r="V119" s="546" t="s">
        <v>101</v>
      </c>
      <c r="W119" s="547"/>
      <c r="X119" s="547"/>
      <c r="Y119" s="547"/>
      <c r="Z119" s="548"/>
      <c r="AA119" s="623" t="s">
        <v>102</v>
      </c>
      <c r="AB119" s="624"/>
      <c r="AC119" s="625"/>
      <c r="AD119" s="415">
        <v>8</v>
      </c>
      <c r="AE119" s="415" t="s">
        <v>103</v>
      </c>
      <c r="AF119" s="646"/>
      <c r="AG119" s="647"/>
      <c r="AH119" s="549"/>
      <c r="AI119" s="550"/>
      <c r="AJ119" s="551"/>
      <c r="AK119" s="265" t="s">
        <v>3020</v>
      </c>
      <c r="AL119" s="48"/>
      <c r="AM119" s="26"/>
      <c r="AN119" s="1" t="str">
        <f t="shared" si="6"/>
        <v>■</v>
      </c>
    </row>
    <row r="120" spans="1:40" s="1" customFormat="1">
      <c r="A120" s="20" t="str">
        <f t="shared" si="5"/>
        <v>HO</v>
      </c>
      <c r="B120" s="20"/>
      <c r="C120" s="541">
        <v>9</v>
      </c>
      <c r="D120" s="542"/>
      <c r="E120" s="543" t="s">
        <v>551</v>
      </c>
      <c r="F120" s="544"/>
      <c r="G120" s="544"/>
      <c r="H120" s="544"/>
      <c r="I120" s="544"/>
      <c r="J120" s="544"/>
      <c r="K120" s="544"/>
      <c r="L120" s="544"/>
      <c r="M120" s="544"/>
      <c r="N120" s="544"/>
      <c r="O120" s="544"/>
      <c r="P120" s="544"/>
      <c r="Q120" s="544"/>
      <c r="R120" s="544"/>
      <c r="S120" s="544"/>
      <c r="T120" s="545"/>
      <c r="U120" s="229" t="s">
        <v>552</v>
      </c>
      <c r="V120" s="546" t="s">
        <v>107</v>
      </c>
      <c r="W120" s="547"/>
      <c r="X120" s="547"/>
      <c r="Y120" s="547"/>
      <c r="Z120" s="548"/>
      <c r="AA120" s="623" t="s">
        <v>108</v>
      </c>
      <c r="AB120" s="624"/>
      <c r="AC120" s="625"/>
      <c r="AD120" s="415">
        <v>2</v>
      </c>
      <c r="AE120" s="415">
        <v>0</v>
      </c>
      <c r="AF120" s="646"/>
      <c r="AG120" s="647"/>
      <c r="AH120" s="549"/>
      <c r="AI120" s="550"/>
      <c r="AJ120" s="551"/>
      <c r="AK120" s="265"/>
      <c r="AL120" s="48"/>
      <c r="AM120" s="26"/>
      <c r="AN120" s="1" t="str">
        <f t="shared" si="6"/>
        <v>■</v>
      </c>
    </row>
    <row r="121" spans="1:40" s="1" customFormat="1">
      <c r="A121" s="20" t="str">
        <f t="shared" si="5"/>
        <v>HO</v>
      </c>
      <c r="B121" s="20"/>
      <c r="C121" s="541">
        <v>10</v>
      </c>
      <c r="D121" s="542"/>
      <c r="E121" s="543" t="s">
        <v>553</v>
      </c>
      <c r="F121" s="544"/>
      <c r="G121" s="544"/>
      <c r="H121" s="544"/>
      <c r="I121" s="544"/>
      <c r="J121" s="544"/>
      <c r="K121" s="544"/>
      <c r="L121" s="544"/>
      <c r="M121" s="544"/>
      <c r="N121" s="544"/>
      <c r="O121" s="544"/>
      <c r="P121" s="544"/>
      <c r="Q121" s="544"/>
      <c r="R121" s="544"/>
      <c r="S121" s="544"/>
      <c r="T121" s="545"/>
      <c r="U121" s="229" t="s">
        <v>554</v>
      </c>
      <c r="V121" s="546" t="s">
        <v>107</v>
      </c>
      <c r="W121" s="547"/>
      <c r="X121" s="547"/>
      <c r="Y121" s="547"/>
      <c r="Z121" s="548"/>
      <c r="AA121" s="623" t="s">
        <v>108</v>
      </c>
      <c r="AB121" s="624"/>
      <c r="AC121" s="625"/>
      <c r="AD121" s="415">
        <v>8</v>
      </c>
      <c r="AE121" s="415">
        <v>0</v>
      </c>
      <c r="AF121" s="646"/>
      <c r="AG121" s="647"/>
      <c r="AH121" s="549"/>
      <c r="AI121" s="550"/>
      <c r="AJ121" s="551"/>
      <c r="AK121" s="265"/>
      <c r="AL121" s="48"/>
      <c r="AM121" s="26"/>
      <c r="AN121" s="1" t="str">
        <f t="shared" si="6"/>
        <v>■</v>
      </c>
    </row>
    <row r="122" spans="1:40" s="1" customFormat="1">
      <c r="A122" s="20" t="str">
        <f t="shared" si="5"/>
        <v>HO</v>
      </c>
      <c r="B122" s="20"/>
      <c r="C122" s="541">
        <v>11</v>
      </c>
      <c r="D122" s="542"/>
      <c r="E122" s="543" t="s">
        <v>556</v>
      </c>
      <c r="F122" s="544"/>
      <c r="G122" s="544"/>
      <c r="H122" s="544"/>
      <c r="I122" s="544"/>
      <c r="J122" s="544"/>
      <c r="K122" s="544"/>
      <c r="L122" s="544"/>
      <c r="M122" s="544"/>
      <c r="N122" s="544"/>
      <c r="O122" s="544"/>
      <c r="P122" s="544"/>
      <c r="Q122" s="544"/>
      <c r="R122" s="544"/>
      <c r="S122" s="544"/>
      <c r="T122" s="545"/>
      <c r="U122" s="229" t="s">
        <v>557</v>
      </c>
      <c r="V122" s="546" t="s">
        <v>107</v>
      </c>
      <c r="W122" s="547"/>
      <c r="X122" s="547"/>
      <c r="Y122" s="547"/>
      <c r="Z122" s="548"/>
      <c r="AA122" s="623" t="s">
        <v>108</v>
      </c>
      <c r="AB122" s="624"/>
      <c r="AC122" s="625"/>
      <c r="AD122" s="415">
        <v>2</v>
      </c>
      <c r="AE122" s="415">
        <v>0</v>
      </c>
      <c r="AF122" s="646"/>
      <c r="AG122" s="647"/>
      <c r="AH122" s="549"/>
      <c r="AI122" s="550"/>
      <c r="AJ122" s="551"/>
      <c r="AK122" s="265"/>
      <c r="AL122" s="48"/>
      <c r="AM122" s="26"/>
      <c r="AN122" s="1" t="str">
        <f t="shared" si="6"/>
        <v>■</v>
      </c>
    </row>
    <row r="123" spans="1:40" s="1" customFormat="1">
      <c r="A123" s="20" t="str">
        <f t="shared" si="5"/>
        <v>HO</v>
      </c>
      <c r="B123" s="20"/>
      <c r="C123" s="541">
        <v>12</v>
      </c>
      <c r="D123" s="542"/>
      <c r="E123" s="543" t="s">
        <v>558</v>
      </c>
      <c r="F123" s="544"/>
      <c r="G123" s="544"/>
      <c r="H123" s="544"/>
      <c r="I123" s="544"/>
      <c r="J123" s="544"/>
      <c r="K123" s="544"/>
      <c r="L123" s="544"/>
      <c r="M123" s="544"/>
      <c r="N123" s="544"/>
      <c r="O123" s="544"/>
      <c r="P123" s="544"/>
      <c r="Q123" s="544"/>
      <c r="R123" s="544"/>
      <c r="S123" s="544"/>
      <c r="T123" s="545"/>
      <c r="U123" s="229" t="s">
        <v>559</v>
      </c>
      <c r="V123" s="546" t="s">
        <v>107</v>
      </c>
      <c r="W123" s="547"/>
      <c r="X123" s="547"/>
      <c r="Y123" s="547"/>
      <c r="Z123" s="548"/>
      <c r="AA123" s="623" t="s">
        <v>108</v>
      </c>
      <c r="AB123" s="624"/>
      <c r="AC123" s="625"/>
      <c r="AD123" s="415">
        <v>8</v>
      </c>
      <c r="AE123" s="415">
        <v>0</v>
      </c>
      <c r="AF123" s="646"/>
      <c r="AG123" s="647"/>
      <c r="AH123" s="549"/>
      <c r="AI123" s="550"/>
      <c r="AJ123" s="551"/>
      <c r="AK123" s="265"/>
      <c r="AL123" s="48"/>
      <c r="AM123" s="26"/>
      <c r="AN123" s="1" t="str">
        <f t="shared" si="6"/>
        <v>■</v>
      </c>
    </row>
    <row r="124" spans="1:40" s="1" customFormat="1">
      <c r="A124" s="20" t="str">
        <f t="shared" si="5"/>
        <v>HO</v>
      </c>
      <c r="B124" s="20"/>
      <c r="C124" s="541">
        <v>13</v>
      </c>
      <c r="D124" s="542"/>
      <c r="E124" s="543" t="s">
        <v>560</v>
      </c>
      <c r="F124" s="544"/>
      <c r="G124" s="544"/>
      <c r="H124" s="544"/>
      <c r="I124" s="544"/>
      <c r="J124" s="544"/>
      <c r="K124" s="544"/>
      <c r="L124" s="544"/>
      <c r="M124" s="544"/>
      <c r="N124" s="544"/>
      <c r="O124" s="544"/>
      <c r="P124" s="544"/>
      <c r="Q124" s="544"/>
      <c r="R124" s="544"/>
      <c r="S124" s="544"/>
      <c r="T124" s="545"/>
      <c r="U124" s="229" t="s">
        <v>561</v>
      </c>
      <c r="V124" s="546" t="s">
        <v>107</v>
      </c>
      <c r="W124" s="547"/>
      <c r="X124" s="547"/>
      <c r="Y124" s="547"/>
      <c r="Z124" s="548"/>
      <c r="AA124" s="623" t="s">
        <v>102</v>
      </c>
      <c r="AB124" s="624"/>
      <c r="AC124" s="625"/>
      <c r="AD124" s="415">
        <v>1</v>
      </c>
      <c r="AE124" s="415" t="s">
        <v>103</v>
      </c>
      <c r="AF124" s="646"/>
      <c r="AG124" s="647"/>
      <c r="AH124" s="549"/>
      <c r="AI124" s="550"/>
      <c r="AJ124" s="551"/>
      <c r="AK124" s="265"/>
      <c r="AL124" s="48"/>
      <c r="AM124" s="26"/>
      <c r="AN124" s="1" t="str">
        <f t="shared" si="6"/>
        <v>■</v>
      </c>
    </row>
    <row r="125" spans="1:40" s="1" customFormat="1">
      <c r="A125" s="20" t="str">
        <f t="shared" si="5"/>
        <v>HO</v>
      </c>
      <c r="B125" s="20"/>
      <c r="C125" s="541">
        <v>14</v>
      </c>
      <c r="D125" s="542"/>
      <c r="E125" s="543" t="s">
        <v>562</v>
      </c>
      <c r="F125" s="544"/>
      <c r="G125" s="544"/>
      <c r="H125" s="544"/>
      <c r="I125" s="544"/>
      <c r="J125" s="544"/>
      <c r="K125" s="544"/>
      <c r="L125" s="544"/>
      <c r="M125" s="544"/>
      <c r="N125" s="544"/>
      <c r="O125" s="544"/>
      <c r="P125" s="544"/>
      <c r="Q125" s="544"/>
      <c r="R125" s="544"/>
      <c r="S125" s="544"/>
      <c r="T125" s="545"/>
      <c r="U125" s="229" t="s">
        <v>563</v>
      </c>
      <c r="V125" s="546" t="s">
        <v>107</v>
      </c>
      <c r="W125" s="547"/>
      <c r="X125" s="547"/>
      <c r="Y125" s="547"/>
      <c r="Z125" s="548"/>
      <c r="AA125" s="623" t="s">
        <v>108</v>
      </c>
      <c r="AB125" s="624"/>
      <c r="AC125" s="625"/>
      <c r="AD125" s="415">
        <v>9</v>
      </c>
      <c r="AE125" s="415">
        <v>0</v>
      </c>
      <c r="AF125" s="646"/>
      <c r="AG125" s="647"/>
      <c r="AH125" s="549"/>
      <c r="AI125" s="550"/>
      <c r="AJ125" s="551"/>
      <c r="AK125" s="265"/>
      <c r="AL125" s="48"/>
      <c r="AM125" s="26"/>
      <c r="AN125" s="1" t="str">
        <f t="shared" si="6"/>
        <v>■</v>
      </c>
    </row>
    <row r="126" spans="1:40" s="1" customFormat="1">
      <c r="A126" s="20" t="str">
        <f t="shared" si="5"/>
        <v>HO</v>
      </c>
      <c r="B126" s="20"/>
      <c r="C126" s="541">
        <v>15</v>
      </c>
      <c r="D126" s="542"/>
      <c r="E126" s="543" t="s">
        <v>564</v>
      </c>
      <c r="F126" s="544"/>
      <c r="G126" s="544"/>
      <c r="H126" s="544"/>
      <c r="I126" s="544"/>
      <c r="J126" s="544"/>
      <c r="K126" s="544"/>
      <c r="L126" s="544"/>
      <c r="M126" s="544"/>
      <c r="N126" s="544"/>
      <c r="O126" s="544"/>
      <c r="P126" s="544"/>
      <c r="Q126" s="544"/>
      <c r="R126" s="544"/>
      <c r="S126" s="544"/>
      <c r="T126" s="545"/>
      <c r="U126" s="229" t="s">
        <v>565</v>
      </c>
      <c r="V126" s="546" t="s">
        <v>107</v>
      </c>
      <c r="W126" s="547"/>
      <c r="X126" s="547"/>
      <c r="Y126" s="547"/>
      <c r="Z126" s="548"/>
      <c r="AA126" s="623" t="s">
        <v>102</v>
      </c>
      <c r="AB126" s="624"/>
      <c r="AC126" s="625"/>
      <c r="AD126" s="415">
        <v>1</v>
      </c>
      <c r="AE126" s="415" t="s">
        <v>103</v>
      </c>
      <c r="AF126" s="646"/>
      <c r="AG126" s="647"/>
      <c r="AH126" s="549"/>
      <c r="AI126" s="550"/>
      <c r="AJ126" s="551"/>
      <c r="AK126" s="265"/>
      <c r="AL126" s="48"/>
      <c r="AM126" s="26"/>
      <c r="AN126" s="1" t="str">
        <f t="shared" si="6"/>
        <v>■</v>
      </c>
    </row>
    <row r="127" spans="1:40" s="1" customFormat="1">
      <c r="A127" s="20" t="str">
        <f t="shared" si="5"/>
        <v>HO</v>
      </c>
      <c r="B127" s="20"/>
      <c r="C127" s="541">
        <v>16</v>
      </c>
      <c r="D127" s="542"/>
      <c r="E127" s="543" t="s">
        <v>566</v>
      </c>
      <c r="F127" s="544"/>
      <c r="G127" s="544"/>
      <c r="H127" s="544"/>
      <c r="I127" s="544"/>
      <c r="J127" s="544"/>
      <c r="K127" s="544"/>
      <c r="L127" s="544"/>
      <c r="M127" s="544"/>
      <c r="N127" s="544"/>
      <c r="O127" s="544"/>
      <c r="P127" s="544"/>
      <c r="Q127" s="544"/>
      <c r="R127" s="544"/>
      <c r="S127" s="544"/>
      <c r="T127" s="545"/>
      <c r="U127" s="229" t="s">
        <v>567</v>
      </c>
      <c r="V127" s="546" t="s">
        <v>107</v>
      </c>
      <c r="W127" s="547"/>
      <c r="X127" s="547"/>
      <c r="Y127" s="547"/>
      <c r="Z127" s="548"/>
      <c r="AA127" s="623" t="s">
        <v>108</v>
      </c>
      <c r="AB127" s="624"/>
      <c r="AC127" s="625"/>
      <c r="AD127" s="415">
        <v>3</v>
      </c>
      <c r="AE127" s="415">
        <v>0</v>
      </c>
      <c r="AF127" s="646"/>
      <c r="AG127" s="647"/>
      <c r="AH127" s="549"/>
      <c r="AI127" s="550"/>
      <c r="AJ127" s="551"/>
      <c r="AK127" s="265"/>
      <c r="AL127" s="48"/>
      <c r="AM127" s="26"/>
      <c r="AN127" s="1" t="str">
        <f t="shared" si="6"/>
        <v>■</v>
      </c>
    </row>
    <row r="128" spans="1:40" s="1" customFormat="1">
      <c r="A128" s="20" t="str">
        <f t="shared" si="5"/>
        <v>HO</v>
      </c>
      <c r="B128" s="20"/>
      <c r="C128" s="541">
        <v>17</v>
      </c>
      <c r="D128" s="542"/>
      <c r="E128" s="543" t="s">
        <v>568</v>
      </c>
      <c r="F128" s="544"/>
      <c r="G128" s="544"/>
      <c r="H128" s="544"/>
      <c r="I128" s="544"/>
      <c r="J128" s="544"/>
      <c r="K128" s="544"/>
      <c r="L128" s="544"/>
      <c r="M128" s="544"/>
      <c r="N128" s="544"/>
      <c r="O128" s="544"/>
      <c r="P128" s="544"/>
      <c r="Q128" s="544"/>
      <c r="R128" s="544"/>
      <c r="S128" s="544"/>
      <c r="T128" s="545"/>
      <c r="U128" s="229" t="s">
        <v>569</v>
      </c>
      <c r="V128" s="546" t="s">
        <v>107</v>
      </c>
      <c r="W128" s="547"/>
      <c r="X128" s="547"/>
      <c r="Y128" s="547"/>
      <c r="Z128" s="548"/>
      <c r="AA128" s="623" t="s">
        <v>108</v>
      </c>
      <c r="AB128" s="624"/>
      <c r="AC128" s="625"/>
      <c r="AD128" s="415">
        <v>6</v>
      </c>
      <c r="AE128" s="415">
        <v>0</v>
      </c>
      <c r="AF128" s="646"/>
      <c r="AG128" s="647"/>
      <c r="AH128" s="549"/>
      <c r="AI128" s="550"/>
      <c r="AJ128" s="551"/>
      <c r="AK128" s="265"/>
      <c r="AL128" s="48"/>
      <c r="AM128" s="26"/>
      <c r="AN128" s="1" t="str">
        <f t="shared" si="6"/>
        <v>■</v>
      </c>
    </row>
    <row r="129" spans="1:40" s="1" customFormat="1">
      <c r="A129" s="20" t="str">
        <f t="shared" si="5"/>
        <v>HO</v>
      </c>
      <c r="B129" s="20"/>
      <c r="C129" s="541">
        <v>18</v>
      </c>
      <c r="D129" s="542"/>
      <c r="E129" s="543" t="s">
        <v>409</v>
      </c>
      <c r="F129" s="544"/>
      <c r="G129" s="544"/>
      <c r="H129" s="544"/>
      <c r="I129" s="544"/>
      <c r="J129" s="544"/>
      <c r="K129" s="544"/>
      <c r="L129" s="544"/>
      <c r="M129" s="544"/>
      <c r="N129" s="544"/>
      <c r="O129" s="544"/>
      <c r="P129" s="544"/>
      <c r="Q129" s="544"/>
      <c r="R129" s="544"/>
      <c r="S129" s="544"/>
      <c r="T129" s="545"/>
      <c r="U129" s="229" t="s">
        <v>453</v>
      </c>
      <c r="V129" s="546" t="s">
        <v>107</v>
      </c>
      <c r="W129" s="547"/>
      <c r="X129" s="547"/>
      <c r="Y129" s="547"/>
      <c r="Z129" s="548"/>
      <c r="AA129" s="623" t="s">
        <v>102</v>
      </c>
      <c r="AB129" s="624"/>
      <c r="AC129" s="625"/>
      <c r="AD129" s="415">
        <v>6</v>
      </c>
      <c r="AE129" s="415" t="s">
        <v>103</v>
      </c>
      <c r="AF129" s="646"/>
      <c r="AG129" s="647"/>
      <c r="AH129" s="549"/>
      <c r="AI129" s="550"/>
      <c r="AJ129" s="551"/>
      <c r="AK129" s="265"/>
      <c r="AL129" s="48"/>
      <c r="AM129" s="26"/>
      <c r="AN129" s="1" t="str">
        <f t="shared" si="6"/>
        <v>■</v>
      </c>
    </row>
    <row r="130" spans="1:40" s="1" customFormat="1">
      <c r="A130" s="20" t="str">
        <f t="shared" si="5"/>
        <v>HO</v>
      </c>
      <c r="B130" s="20"/>
      <c r="C130" s="541">
        <v>19</v>
      </c>
      <c r="D130" s="542"/>
      <c r="E130" s="543" t="s">
        <v>411</v>
      </c>
      <c r="F130" s="544"/>
      <c r="G130" s="544"/>
      <c r="H130" s="544"/>
      <c r="I130" s="544"/>
      <c r="J130" s="544"/>
      <c r="K130" s="544"/>
      <c r="L130" s="544"/>
      <c r="M130" s="544"/>
      <c r="N130" s="544"/>
      <c r="O130" s="544"/>
      <c r="P130" s="544"/>
      <c r="Q130" s="544"/>
      <c r="R130" s="544"/>
      <c r="S130" s="544"/>
      <c r="T130" s="545"/>
      <c r="U130" s="229" t="s">
        <v>516</v>
      </c>
      <c r="V130" s="546" t="s">
        <v>107</v>
      </c>
      <c r="W130" s="547"/>
      <c r="X130" s="547"/>
      <c r="Y130" s="547"/>
      <c r="Z130" s="548"/>
      <c r="AA130" s="623" t="s">
        <v>102</v>
      </c>
      <c r="AB130" s="624"/>
      <c r="AC130" s="625"/>
      <c r="AD130" s="415">
        <v>6</v>
      </c>
      <c r="AE130" s="415" t="s">
        <v>103</v>
      </c>
      <c r="AF130" s="646"/>
      <c r="AG130" s="647"/>
      <c r="AH130" s="549"/>
      <c r="AI130" s="550"/>
      <c r="AJ130" s="551"/>
      <c r="AK130" s="265"/>
      <c r="AL130" s="48"/>
      <c r="AM130" s="26"/>
      <c r="AN130" s="1" t="str">
        <f t="shared" si="6"/>
        <v>■</v>
      </c>
    </row>
    <row r="131" spans="1:40" s="1" customFormat="1" ht="13.4" customHeight="1">
      <c r="A131" s="20" t="str">
        <f t="shared" si="5"/>
        <v>HO</v>
      </c>
      <c r="B131" s="70"/>
      <c r="C131" s="26"/>
      <c r="D131" s="26"/>
      <c r="E131" s="26"/>
      <c r="F131" s="26"/>
      <c r="G131" s="26"/>
      <c r="H131" s="26"/>
      <c r="I131" s="26"/>
      <c r="J131" s="26"/>
      <c r="K131" s="26"/>
      <c r="L131" s="26"/>
      <c r="M131" s="26"/>
      <c r="N131" s="26"/>
      <c r="O131" s="26"/>
      <c r="P131" s="26"/>
      <c r="Q131" s="26"/>
      <c r="R131" s="26"/>
      <c r="S131" s="26"/>
      <c r="T131" s="26"/>
      <c r="U131" s="26"/>
      <c r="V131" s="122"/>
      <c r="W131" s="122"/>
      <c r="X131" s="122"/>
      <c r="Y131" s="122"/>
      <c r="Z131" s="122"/>
      <c r="AA131" s="634"/>
      <c r="AB131" s="634"/>
      <c r="AC131" s="634"/>
      <c r="AD131" s="122"/>
      <c r="AE131" s="122"/>
      <c r="AF131" s="122"/>
      <c r="AG131" s="122"/>
      <c r="AH131" s="122"/>
      <c r="AI131" s="122"/>
      <c r="AJ131" s="122"/>
      <c r="AK131" s="26"/>
      <c r="AL131" s="48"/>
      <c r="AM131" s="26"/>
    </row>
    <row r="132" spans="1:40" s="1" customFormat="1" ht="13.4" customHeight="1">
      <c r="A132" s="20" t="str">
        <f t="shared" si="5"/>
        <v>KO</v>
      </c>
      <c r="B132" s="20"/>
      <c r="C132" s="52" t="s">
        <v>380</v>
      </c>
      <c r="D132" s="53"/>
      <c r="E132" s="26"/>
      <c r="F132" s="26"/>
      <c r="G132" s="26"/>
      <c r="H132" s="26"/>
      <c r="I132" s="26"/>
      <c r="J132" s="26" t="s">
        <v>1148</v>
      </c>
      <c r="K132" s="71"/>
      <c r="L132" s="26"/>
      <c r="M132" s="71"/>
      <c r="N132" s="26"/>
      <c r="O132" s="26"/>
      <c r="P132" s="26"/>
      <c r="Q132" s="26"/>
      <c r="R132" s="26"/>
      <c r="S132" s="26"/>
      <c r="T132" s="26"/>
      <c r="U132" s="26" t="s">
        <v>1149</v>
      </c>
      <c r="V132" s="122"/>
      <c r="W132" s="122"/>
      <c r="X132" s="122"/>
      <c r="Y132" s="122"/>
      <c r="Z132" s="122"/>
      <c r="AA132" s="630"/>
      <c r="AB132" s="630"/>
      <c r="AC132" s="630"/>
      <c r="AD132" s="122"/>
      <c r="AE132" s="122"/>
      <c r="AF132" s="122"/>
      <c r="AG132" s="122"/>
      <c r="AH132" s="122"/>
      <c r="AI132" s="122"/>
      <c r="AJ132" s="122"/>
      <c r="AK132" s="26"/>
      <c r="AL132" s="48"/>
      <c r="AM132" s="26"/>
    </row>
    <row r="133" spans="1:40" s="1" customFormat="1" ht="13.5" customHeight="1">
      <c r="A133" s="20" t="str">
        <f t="shared" si="5"/>
        <v>KO</v>
      </c>
      <c r="B133" s="20"/>
      <c r="C133" s="583" t="s">
        <v>73</v>
      </c>
      <c r="D133" s="573"/>
      <c r="E133" s="583" t="s">
        <v>94</v>
      </c>
      <c r="F133" s="583"/>
      <c r="G133" s="583"/>
      <c r="H133" s="583"/>
      <c r="I133" s="583"/>
      <c r="J133" s="583"/>
      <c r="K133" s="583"/>
      <c r="L133" s="583"/>
      <c r="M133" s="583"/>
      <c r="N133" s="583"/>
      <c r="O133" s="583"/>
      <c r="P133" s="583"/>
      <c r="Q133" s="583"/>
      <c r="R133" s="583"/>
      <c r="S133" s="583"/>
      <c r="T133" s="583"/>
      <c r="U133" s="226" t="s">
        <v>383</v>
      </c>
      <c r="V133" s="572" t="s">
        <v>138</v>
      </c>
      <c r="W133" s="572"/>
      <c r="X133" s="572"/>
      <c r="Y133" s="572"/>
      <c r="Z133" s="572"/>
      <c r="AA133" s="652" t="s">
        <v>959</v>
      </c>
      <c r="AB133" s="653"/>
      <c r="AC133" s="654"/>
      <c r="AD133" s="572" t="s">
        <v>97</v>
      </c>
      <c r="AE133" s="572"/>
      <c r="AF133" s="572" t="s">
        <v>98</v>
      </c>
      <c r="AG133" s="572"/>
      <c r="AH133" s="583" t="s">
        <v>75</v>
      </c>
      <c r="AI133" s="583"/>
      <c r="AJ133" s="583"/>
      <c r="AK133" s="572" t="s">
        <v>159</v>
      </c>
      <c r="AL133" s="48"/>
      <c r="AM133" s="26"/>
    </row>
    <row r="134" spans="1:40" s="1" customFormat="1" ht="13.4" customHeight="1">
      <c r="A134" s="20" t="str">
        <f t="shared" si="5"/>
        <v>KO</v>
      </c>
      <c r="B134" s="20"/>
      <c r="C134" s="573"/>
      <c r="D134" s="573"/>
      <c r="E134" s="583"/>
      <c r="F134" s="583"/>
      <c r="G134" s="583"/>
      <c r="H134" s="583"/>
      <c r="I134" s="583"/>
      <c r="J134" s="583"/>
      <c r="K134" s="583"/>
      <c r="L134" s="583"/>
      <c r="M134" s="583"/>
      <c r="N134" s="583"/>
      <c r="O134" s="583"/>
      <c r="P134" s="583"/>
      <c r="Q134" s="583"/>
      <c r="R134" s="583"/>
      <c r="S134" s="583"/>
      <c r="T134" s="583"/>
      <c r="U134" s="227"/>
      <c r="V134" s="572"/>
      <c r="W134" s="572"/>
      <c r="X134" s="572"/>
      <c r="Y134" s="572"/>
      <c r="Z134" s="572"/>
      <c r="AA134" s="655"/>
      <c r="AB134" s="656"/>
      <c r="AC134" s="657"/>
      <c r="AD134" s="572"/>
      <c r="AE134" s="572"/>
      <c r="AF134" s="572"/>
      <c r="AG134" s="572"/>
      <c r="AH134" s="583"/>
      <c r="AI134" s="583"/>
      <c r="AJ134" s="583"/>
      <c r="AK134" s="572"/>
      <c r="AL134" s="38"/>
      <c r="AM134" s="26"/>
    </row>
    <row r="135" spans="1:40" s="1" customFormat="1" ht="13.4" customHeight="1">
      <c r="A135" s="20" t="str">
        <f t="shared" si="5"/>
        <v>KO</v>
      </c>
      <c r="B135" s="20"/>
      <c r="C135" s="541">
        <v>1</v>
      </c>
      <c r="D135" s="542"/>
      <c r="E135" s="563" t="s">
        <v>440</v>
      </c>
      <c r="F135" s="564"/>
      <c r="G135" s="564"/>
      <c r="H135" s="564"/>
      <c r="I135" s="564"/>
      <c r="J135" s="564"/>
      <c r="K135" s="564"/>
      <c r="L135" s="564"/>
      <c r="M135" s="564"/>
      <c r="N135" s="564"/>
      <c r="O135" s="564"/>
      <c r="P135" s="564"/>
      <c r="Q135" s="564"/>
      <c r="R135" s="564"/>
      <c r="S135" s="564"/>
      <c r="T135" s="565"/>
      <c r="U135" s="219" t="s">
        <v>441</v>
      </c>
      <c r="V135" s="546" t="s">
        <v>101</v>
      </c>
      <c r="W135" s="547"/>
      <c r="X135" s="547"/>
      <c r="Y135" s="547"/>
      <c r="Z135" s="548"/>
      <c r="AA135" s="623" t="s">
        <v>102</v>
      </c>
      <c r="AB135" s="624"/>
      <c r="AC135" s="625"/>
      <c r="AD135" s="415">
        <v>10</v>
      </c>
      <c r="AE135" s="415" t="s">
        <v>103</v>
      </c>
      <c r="AF135" s="646"/>
      <c r="AG135" s="647"/>
      <c r="AH135" s="549"/>
      <c r="AI135" s="550"/>
      <c r="AJ135" s="551"/>
      <c r="AK135" s="332"/>
      <c r="AL135" s="38"/>
      <c r="AM135" s="26"/>
      <c r="AN135" s="1" t="str">
        <f>$S$19</f>
        <v>■</v>
      </c>
    </row>
    <row r="136" spans="1:40" s="1" customFormat="1" ht="13.4" customHeight="1">
      <c r="A136" s="20" t="str">
        <f t="shared" si="5"/>
        <v>KO</v>
      </c>
      <c r="B136" s="20"/>
      <c r="C136" s="541">
        <v>2</v>
      </c>
      <c r="D136" s="542"/>
      <c r="E136" s="563" t="s">
        <v>442</v>
      </c>
      <c r="F136" s="564"/>
      <c r="G136" s="564"/>
      <c r="H136" s="564"/>
      <c r="I136" s="564"/>
      <c r="J136" s="564"/>
      <c r="K136" s="564"/>
      <c r="L136" s="564"/>
      <c r="M136" s="564"/>
      <c r="N136" s="564"/>
      <c r="O136" s="564"/>
      <c r="P136" s="564"/>
      <c r="Q136" s="564"/>
      <c r="R136" s="564"/>
      <c r="S136" s="564"/>
      <c r="T136" s="565"/>
      <c r="U136" s="219" t="s">
        <v>443</v>
      </c>
      <c r="V136" s="546" t="s">
        <v>101</v>
      </c>
      <c r="W136" s="547"/>
      <c r="X136" s="547"/>
      <c r="Y136" s="547"/>
      <c r="Z136" s="548"/>
      <c r="AA136" s="623" t="s">
        <v>102</v>
      </c>
      <c r="AB136" s="624"/>
      <c r="AC136" s="625"/>
      <c r="AD136" s="415">
        <v>51</v>
      </c>
      <c r="AE136" s="415" t="s">
        <v>103</v>
      </c>
      <c r="AF136" s="646"/>
      <c r="AG136" s="647"/>
      <c r="AH136" s="549"/>
      <c r="AI136" s="550"/>
      <c r="AJ136" s="551"/>
      <c r="AK136" s="332"/>
      <c r="AL136" s="48"/>
      <c r="AM136" s="26"/>
      <c r="AN136" s="1" t="str">
        <f t="shared" ref="AN136:AN149" si="7">$S$19</f>
        <v>■</v>
      </c>
    </row>
    <row r="137" spans="1:40" s="13" customFormat="1" ht="13.4" customHeight="1">
      <c r="A137" s="20" t="str">
        <f t="shared" si="5"/>
        <v>KO</v>
      </c>
      <c r="B137" s="20"/>
      <c r="C137" s="552">
        <v>3</v>
      </c>
      <c r="D137" s="553"/>
      <c r="E137" s="566" t="s">
        <v>106</v>
      </c>
      <c r="F137" s="567"/>
      <c r="G137" s="567"/>
      <c r="H137" s="567"/>
      <c r="I137" s="567"/>
      <c r="J137" s="567"/>
      <c r="K137" s="567"/>
      <c r="L137" s="567"/>
      <c r="M137" s="567"/>
      <c r="N137" s="567"/>
      <c r="O137" s="567"/>
      <c r="P137" s="567"/>
      <c r="Q137" s="567"/>
      <c r="R137" s="567"/>
      <c r="S137" s="567"/>
      <c r="T137" s="568"/>
      <c r="U137" s="230" t="s">
        <v>444</v>
      </c>
      <c r="V137" s="557" t="s">
        <v>107</v>
      </c>
      <c r="W137" s="558"/>
      <c r="X137" s="558"/>
      <c r="Y137" s="558"/>
      <c r="Z137" s="559"/>
      <c r="AA137" s="626" t="s">
        <v>108</v>
      </c>
      <c r="AB137" s="627"/>
      <c r="AC137" s="628"/>
      <c r="AD137" s="419">
        <v>1</v>
      </c>
      <c r="AE137" s="419">
        <v>0</v>
      </c>
      <c r="AF137" s="648" t="s">
        <v>109</v>
      </c>
      <c r="AG137" s="649"/>
      <c r="AH137" s="560"/>
      <c r="AI137" s="561"/>
      <c r="AJ137" s="562"/>
      <c r="AK137" s="333" t="s">
        <v>416</v>
      </c>
      <c r="AL137" s="38"/>
      <c r="AM137" s="54"/>
      <c r="AN137" s="1" t="str">
        <f t="shared" si="7"/>
        <v>■</v>
      </c>
    </row>
    <row r="138" spans="1:40" s="13" customFormat="1" ht="13.4" customHeight="1">
      <c r="A138" s="20" t="str">
        <f t="shared" si="5"/>
        <v>KO</v>
      </c>
      <c r="B138" s="20"/>
      <c r="C138" s="541">
        <v>4</v>
      </c>
      <c r="D138" s="542"/>
      <c r="E138" s="563" t="s">
        <v>110</v>
      </c>
      <c r="F138" s="564"/>
      <c r="G138" s="564"/>
      <c r="H138" s="564"/>
      <c r="I138" s="564"/>
      <c r="J138" s="564"/>
      <c r="K138" s="564"/>
      <c r="L138" s="564"/>
      <c r="M138" s="564"/>
      <c r="N138" s="564"/>
      <c r="O138" s="564"/>
      <c r="P138" s="564"/>
      <c r="Q138" s="564"/>
      <c r="R138" s="564"/>
      <c r="S138" s="564"/>
      <c r="T138" s="565"/>
      <c r="U138" s="229" t="s">
        <v>445</v>
      </c>
      <c r="V138" s="546" t="s">
        <v>107</v>
      </c>
      <c r="W138" s="547"/>
      <c r="X138" s="547"/>
      <c r="Y138" s="547"/>
      <c r="Z138" s="548"/>
      <c r="AA138" s="623" t="s">
        <v>108</v>
      </c>
      <c r="AB138" s="624"/>
      <c r="AC138" s="625"/>
      <c r="AD138" s="415">
        <v>1</v>
      </c>
      <c r="AE138" s="415">
        <v>0</v>
      </c>
      <c r="AF138" s="646"/>
      <c r="AG138" s="647"/>
      <c r="AH138" s="549"/>
      <c r="AI138" s="550"/>
      <c r="AJ138" s="551"/>
      <c r="AK138" s="332"/>
      <c r="AL138" s="38"/>
      <c r="AM138" s="54"/>
      <c r="AN138" s="1" t="str">
        <f t="shared" si="7"/>
        <v>■</v>
      </c>
    </row>
    <row r="139" spans="1:40" s="1" customFormat="1">
      <c r="A139" s="20" t="str">
        <f t="shared" si="5"/>
        <v>KO</v>
      </c>
      <c r="B139" s="20"/>
      <c r="C139" s="541">
        <v>5</v>
      </c>
      <c r="D139" s="542"/>
      <c r="E139" s="543" t="s">
        <v>80</v>
      </c>
      <c r="F139" s="544"/>
      <c r="G139" s="544"/>
      <c r="H139" s="544"/>
      <c r="I139" s="544"/>
      <c r="J139" s="544"/>
      <c r="K139" s="544"/>
      <c r="L139" s="544"/>
      <c r="M139" s="544"/>
      <c r="N139" s="544"/>
      <c r="O139" s="544"/>
      <c r="P139" s="544"/>
      <c r="Q139" s="544"/>
      <c r="R139" s="544"/>
      <c r="S139" s="544"/>
      <c r="T139" s="545"/>
      <c r="U139" s="229" t="s">
        <v>446</v>
      </c>
      <c r="V139" s="546" t="s">
        <v>101</v>
      </c>
      <c r="W139" s="547"/>
      <c r="X139" s="547"/>
      <c r="Y139" s="547"/>
      <c r="Z139" s="548"/>
      <c r="AA139" s="623" t="s">
        <v>102</v>
      </c>
      <c r="AB139" s="624"/>
      <c r="AC139" s="625"/>
      <c r="AD139" s="415">
        <v>2</v>
      </c>
      <c r="AE139" s="415" t="s">
        <v>103</v>
      </c>
      <c r="AF139" s="646"/>
      <c r="AG139" s="647"/>
      <c r="AH139" s="549"/>
      <c r="AI139" s="550"/>
      <c r="AJ139" s="551"/>
      <c r="AK139" s="332"/>
      <c r="AL139" s="48"/>
      <c r="AM139" s="26"/>
      <c r="AN139" s="1" t="str">
        <f t="shared" si="7"/>
        <v>■</v>
      </c>
    </row>
    <row r="140" spans="1:40" s="13" customFormat="1">
      <c r="A140" s="20" t="str">
        <f t="shared" si="5"/>
        <v>KO</v>
      </c>
      <c r="B140" s="20"/>
      <c r="C140" s="541">
        <v>6</v>
      </c>
      <c r="D140" s="542"/>
      <c r="E140" s="543" t="s">
        <v>3044</v>
      </c>
      <c r="F140" s="544"/>
      <c r="G140" s="544"/>
      <c r="H140" s="544"/>
      <c r="I140" s="544"/>
      <c r="J140" s="544"/>
      <c r="K140" s="544"/>
      <c r="L140" s="544"/>
      <c r="M140" s="544"/>
      <c r="N140" s="544"/>
      <c r="O140" s="544"/>
      <c r="P140" s="544"/>
      <c r="Q140" s="544"/>
      <c r="R140" s="544"/>
      <c r="S140" s="544"/>
      <c r="T140" s="545"/>
      <c r="U140" s="229" t="s">
        <v>573</v>
      </c>
      <c r="V140" s="546" t="s">
        <v>101</v>
      </c>
      <c r="W140" s="547"/>
      <c r="X140" s="547"/>
      <c r="Y140" s="547"/>
      <c r="Z140" s="548"/>
      <c r="AA140" s="623" t="s">
        <v>102</v>
      </c>
      <c r="AB140" s="624"/>
      <c r="AC140" s="625"/>
      <c r="AD140" s="415">
        <v>8</v>
      </c>
      <c r="AE140" s="415" t="s">
        <v>103</v>
      </c>
      <c r="AF140" s="646"/>
      <c r="AG140" s="647"/>
      <c r="AH140" s="549"/>
      <c r="AI140" s="550"/>
      <c r="AJ140" s="551"/>
      <c r="AK140" s="265" t="s">
        <v>3020</v>
      </c>
      <c r="AL140" s="48"/>
      <c r="AM140" s="54"/>
      <c r="AN140" s="1" t="str">
        <f t="shared" si="7"/>
        <v>■</v>
      </c>
    </row>
    <row r="141" spans="1:40" s="13" customFormat="1">
      <c r="A141" s="20" t="str">
        <f t="shared" si="5"/>
        <v>KO</v>
      </c>
      <c r="B141" s="20"/>
      <c r="C141" s="541">
        <v>7</v>
      </c>
      <c r="D141" s="542"/>
      <c r="E141" s="543" t="s">
        <v>1150</v>
      </c>
      <c r="F141" s="544"/>
      <c r="G141" s="544"/>
      <c r="H141" s="544"/>
      <c r="I141" s="544"/>
      <c r="J141" s="544"/>
      <c r="K141" s="544"/>
      <c r="L141" s="544"/>
      <c r="M141" s="544"/>
      <c r="N141" s="544"/>
      <c r="O141" s="544"/>
      <c r="P141" s="544"/>
      <c r="Q141" s="544"/>
      <c r="R141" s="544"/>
      <c r="S141" s="544"/>
      <c r="T141" s="545"/>
      <c r="U141" s="229" t="s">
        <v>575</v>
      </c>
      <c r="V141" s="546" t="s">
        <v>107</v>
      </c>
      <c r="W141" s="547"/>
      <c r="X141" s="547"/>
      <c r="Y141" s="547"/>
      <c r="Z141" s="548"/>
      <c r="AA141" s="623" t="s">
        <v>102</v>
      </c>
      <c r="AB141" s="624"/>
      <c r="AC141" s="625"/>
      <c r="AD141" s="415">
        <v>1</v>
      </c>
      <c r="AE141" s="415" t="s">
        <v>103</v>
      </c>
      <c r="AF141" s="646"/>
      <c r="AG141" s="647"/>
      <c r="AH141" s="549"/>
      <c r="AI141" s="550"/>
      <c r="AJ141" s="551"/>
      <c r="AK141" s="332"/>
      <c r="AL141" s="48"/>
      <c r="AM141" s="54"/>
      <c r="AN141" s="1" t="str">
        <f t="shared" si="7"/>
        <v>■</v>
      </c>
    </row>
    <row r="142" spans="1:40" s="1" customFormat="1">
      <c r="A142" s="20" t="str">
        <f t="shared" si="5"/>
        <v>KO</v>
      </c>
      <c r="B142" s="20"/>
      <c r="C142" s="541">
        <v>8</v>
      </c>
      <c r="D142" s="542"/>
      <c r="E142" s="543" t="s">
        <v>551</v>
      </c>
      <c r="F142" s="544"/>
      <c r="G142" s="544"/>
      <c r="H142" s="544"/>
      <c r="I142" s="544"/>
      <c r="J142" s="544"/>
      <c r="K142" s="544"/>
      <c r="L142" s="544"/>
      <c r="M142" s="544"/>
      <c r="N142" s="544"/>
      <c r="O142" s="544"/>
      <c r="P142" s="544"/>
      <c r="Q142" s="544"/>
      <c r="R142" s="544"/>
      <c r="S142" s="544"/>
      <c r="T142" s="545"/>
      <c r="U142" s="229" t="s">
        <v>552</v>
      </c>
      <c r="V142" s="546" t="s">
        <v>107</v>
      </c>
      <c r="W142" s="547"/>
      <c r="X142" s="547"/>
      <c r="Y142" s="547"/>
      <c r="Z142" s="548"/>
      <c r="AA142" s="623" t="s">
        <v>108</v>
      </c>
      <c r="AB142" s="624"/>
      <c r="AC142" s="625"/>
      <c r="AD142" s="415">
        <v>2</v>
      </c>
      <c r="AE142" s="415">
        <v>0</v>
      </c>
      <c r="AF142" s="646"/>
      <c r="AG142" s="647"/>
      <c r="AH142" s="549"/>
      <c r="AI142" s="550"/>
      <c r="AJ142" s="551"/>
      <c r="AK142" s="332"/>
      <c r="AL142" s="48"/>
      <c r="AM142" s="26"/>
      <c r="AN142" s="1" t="str">
        <f t="shared" si="7"/>
        <v>■</v>
      </c>
    </row>
    <row r="143" spans="1:40" s="1" customFormat="1">
      <c r="A143" s="20" t="str">
        <f t="shared" si="5"/>
        <v>KO</v>
      </c>
      <c r="B143" s="20"/>
      <c r="C143" s="541">
        <v>9</v>
      </c>
      <c r="D143" s="542"/>
      <c r="E143" s="543" t="s">
        <v>553</v>
      </c>
      <c r="F143" s="544"/>
      <c r="G143" s="544"/>
      <c r="H143" s="544"/>
      <c r="I143" s="544"/>
      <c r="J143" s="544"/>
      <c r="K143" s="544"/>
      <c r="L143" s="544"/>
      <c r="M143" s="544"/>
      <c r="N143" s="544"/>
      <c r="O143" s="544"/>
      <c r="P143" s="544"/>
      <c r="Q143" s="544"/>
      <c r="R143" s="544"/>
      <c r="S143" s="544"/>
      <c r="T143" s="545"/>
      <c r="U143" s="229" t="s">
        <v>554</v>
      </c>
      <c r="V143" s="546" t="s">
        <v>107</v>
      </c>
      <c r="W143" s="547"/>
      <c r="X143" s="547"/>
      <c r="Y143" s="547"/>
      <c r="Z143" s="548"/>
      <c r="AA143" s="623" t="s">
        <v>108</v>
      </c>
      <c r="AB143" s="624"/>
      <c r="AC143" s="625"/>
      <c r="AD143" s="415">
        <v>8</v>
      </c>
      <c r="AE143" s="415">
        <v>0</v>
      </c>
      <c r="AF143" s="646"/>
      <c r="AG143" s="647"/>
      <c r="AH143" s="549"/>
      <c r="AI143" s="550"/>
      <c r="AJ143" s="551"/>
      <c r="AK143" s="332"/>
      <c r="AL143" s="48"/>
      <c r="AM143" s="26"/>
      <c r="AN143" s="1" t="str">
        <f t="shared" si="7"/>
        <v>■</v>
      </c>
    </row>
    <row r="144" spans="1:40" s="1" customFormat="1">
      <c r="A144" s="20" t="str">
        <f t="shared" si="5"/>
        <v>KO</v>
      </c>
      <c r="B144" s="20"/>
      <c r="C144" s="541">
        <v>10</v>
      </c>
      <c r="D144" s="542"/>
      <c r="E144" s="543" t="s">
        <v>576</v>
      </c>
      <c r="F144" s="544"/>
      <c r="G144" s="544"/>
      <c r="H144" s="544"/>
      <c r="I144" s="544"/>
      <c r="J144" s="544"/>
      <c r="K144" s="544"/>
      <c r="L144" s="544"/>
      <c r="M144" s="544"/>
      <c r="N144" s="544"/>
      <c r="O144" s="544"/>
      <c r="P144" s="544"/>
      <c r="Q144" s="544"/>
      <c r="R144" s="544"/>
      <c r="S144" s="544"/>
      <c r="T144" s="545"/>
      <c r="U144" s="229" t="s">
        <v>577</v>
      </c>
      <c r="V144" s="546" t="s">
        <v>107</v>
      </c>
      <c r="W144" s="547"/>
      <c r="X144" s="547"/>
      <c r="Y144" s="547"/>
      <c r="Z144" s="548"/>
      <c r="AA144" s="623" t="s">
        <v>108</v>
      </c>
      <c r="AB144" s="624"/>
      <c r="AC144" s="625"/>
      <c r="AD144" s="415">
        <v>8</v>
      </c>
      <c r="AE144" s="415">
        <v>0</v>
      </c>
      <c r="AF144" s="646"/>
      <c r="AG144" s="647"/>
      <c r="AH144" s="549"/>
      <c r="AI144" s="550"/>
      <c r="AJ144" s="551"/>
      <c r="AK144" s="332"/>
      <c r="AL144" s="48"/>
      <c r="AM144" s="26"/>
      <c r="AN144" s="1" t="str">
        <f t="shared" si="7"/>
        <v>■</v>
      </c>
    </row>
    <row r="145" spans="1:40" s="1" customFormat="1" ht="13.4" customHeight="1">
      <c r="A145" s="20" t="str">
        <f t="shared" si="5"/>
        <v>KO</v>
      </c>
      <c r="B145" s="20"/>
      <c r="C145" s="541">
        <v>11</v>
      </c>
      <c r="D145" s="542"/>
      <c r="E145" s="543" t="s">
        <v>1151</v>
      </c>
      <c r="F145" s="544"/>
      <c r="G145" s="544"/>
      <c r="H145" s="544"/>
      <c r="I145" s="544"/>
      <c r="J145" s="544"/>
      <c r="K145" s="544"/>
      <c r="L145" s="544"/>
      <c r="M145" s="544"/>
      <c r="N145" s="544"/>
      <c r="O145" s="544"/>
      <c r="P145" s="544"/>
      <c r="Q145" s="544"/>
      <c r="R145" s="544"/>
      <c r="S145" s="544"/>
      <c r="T145" s="545"/>
      <c r="U145" s="229" t="s">
        <v>1152</v>
      </c>
      <c r="V145" s="546" t="s">
        <v>107</v>
      </c>
      <c r="W145" s="547"/>
      <c r="X145" s="547"/>
      <c r="Y145" s="547"/>
      <c r="Z145" s="548"/>
      <c r="AA145" s="623" t="s">
        <v>108</v>
      </c>
      <c r="AB145" s="624"/>
      <c r="AC145" s="625"/>
      <c r="AD145" s="415">
        <v>6</v>
      </c>
      <c r="AE145" s="415">
        <v>0</v>
      </c>
      <c r="AF145" s="646"/>
      <c r="AG145" s="647"/>
      <c r="AH145" s="549"/>
      <c r="AI145" s="550"/>
      <c r="AJ145" s="551"/>
      <c r="AK145" s="332"/>
      <c r="AL145" s="48"/>
      <c r="AM145" s="26"/>
      <c r="AN145" s="1" t="str">
        <f t="shared" si="7"/>
        <v>■</v>
      </c>
    </row>
    <row r="146" spans="1:40" s="1" customFormat="1" ht="13.4" customHeight="1">
      <c r="A146" s="20" t="str">
        <f t="shared" si="5"/>
        <v>KO</v>
      </c>
      <c r="B146" s="20"/>
      <c r="C146" s="541">
        <v>12</v>
      </c>
      <c r="D146" s="542"/>
      <c r="E146" s="543" t="s">
        <v>556</v>
      </c>
      <c r="F146" s="544"/>
      <c r="G146" s="544"/>
      <c r="H146" s="544"/>
      <c r="I146" s="544"/>
      <c r="J146" s="544"/>
      <c r="K146" s="544"/>
      <c r="L146" s="544"/>
      <c r="M146" s="544"/>
      <c r="N146" s="544"/>
      <c r="O146" s="544"/>
      <c r="P146" s="544"/>
      <c r="Q146" s="544"/>
      <c r="R146" s="544"/>
      <c r="S146" s="544"/>
      <c r="T146" s="545"/>
      <c r="U146" s="229" t="s">
        <v>557</v>
      </c>
      <c r="V146" s="546" t="s">
        <v>107</v>
      </c>
      <c r="W146" s="547"/>
      <c r="X146" s="547"/>
      <c r="Y146" s="547"/>
      <c r="Z146" s="548"/>
      <c r="AA146" s="623" t="s">
        <v>108</v>
      </c>
      <c r="AB146" s="624"/>
      <c r="AC146" s="625"/>
      <c r="AD146" s="415">
        <v>2</v>
      </c>
      <c r="AE146" s="415">
        <v>0</v>
      </c>
      <c r="AF146" s="646"/>
      <c r="AG146" s="647"/>
      <c r="AH146" s="549"/>
      <c r="AI146" s="550"/>
      <c r="AJ146" s="551"/>
      <c r="AK146" s="332"/>
      <c r="AL146" s="48"/>
      <c r="AM146" s="26"/>
      <c r="AN146" s="1" t="str">
        <f t="shared" si="7"/>
        <v>■</v>
      </c>
    </row>
    <row r="147" spans="1:40" s="1" customFormat="1" ht="13.4" customHeight="1">
      <c r="A147" s="20" t="str">
        <f t="shared" si="5"/>
        <v>KO</v>
      </c>
      <c r="B147" s="20"/>
      <c r="C147" s="541">
        <v>13</v>
      </c>
      <c r="D147" s="542"/>
      <c r="E147" s="543" t="s">
        <v>558</v>
      </c>
      <c r="F147" s="544"/>
      <c r="G147" s="544"/>
      <c r="H147" s="544"/>
      <c r="I147" s="544"/>
      <c r="J147" s="544"/>
      <c r="K147" s="544"/>
      <c r="L147" s="544"/>
      <c r="M147" s="544"/>
      <c r="N147" s="544"/>
      <c r="O147" s="544"/>
      <c r="P147" s="544"/>
      <c r="Q147" s="544"/>
      <c r="R147" s="544"/>
      <c r="S147" s="544"/>
      <c r="T147" s="545"/>
      <c r="U147" s="229" t="s">
        <v>559</v>
      </c>
      <c r="V147" s="546" t="s">
        <v>107</v>
      </c>
      <c r="W147" s="547"/>
      <c r="X147" s="547"/>
      <c r="Y147" s="547"/>
      <c r="Z147" s="548"/>
      <c r="AA147" s="623" t="s">
        <v>108</v>
      </c>
      <c r="AB147" s="624"/>
      <c r="AC147" s="625"/>
      <c r="AD147" s="415">
        <v>8</v>
      </c>
      <c r="AE147" s="415">
        <v>0</v>
      </c>
      <c r="AF147" s="646"/>
      <c r="AG147" s="647"/>
      <c r="AH147" s="549"/>
      <c r="AI147" s="550"/>
      <c r="AJ147" s="551"/>
      <c r="AK147" s="332"/>
      <c r="AL147" s="48"/>
      <c r="AM147" s="26"/>
      <c r="AN147" s="1" t="str">
        <f t="shared" si="7"/>
        <v>■</v>
      </c>
    </row>
    <row r="148" spans="1:40" s="1" customFormat="1" ht="13.4" customHeight="1">
      <c r="A148" s="20" t="str">
        <f t="shared" si="5"/>
        <v>KO</v>
      </c>
      <c r="B148" s="20"/>
      <c r="C148" s="541">
        <v>14</v>
      </c>
      <c r="D148" s="542"/>
      <c r="E148" s="543" t="s">
        <v>409</v>
      </c>
      <c r="F148" s="544"/>
      <c r="G148" s="544"/>
      <c r="H148" s="544"/>
      <c r="I148" s="544"/>
      <c r="J148" s="544"/>
      <c r="K148" s="544"/>
      <c r="L148" s="544"/>
      <c r="M148" s="544"/>
      <c r="N148" s="544"/>
      <c r="O148" s="544"/>
      <c r="P148" s="544"/>
      <c r="Q148" s="544"/>
      <c r="R148" s="544"/>
      <c r="S148" s="544"/>
      <c r="T148" s="545"/>
      <c r="U148" s="229" t="s">
        <v>453</v>
      </c>
      <c r="V148" s="546" t="s">
        <v>107</v>
      </c>
      <c r="W148" s="547"/>
      <c r="X148" s="547"/>
      <c r="Y148" s="547"/>
      <c r="Z148" s="548"/>
      <c r="AA148" s="623" t="s">
        <v>102</v>
      </c>
      <c r="AB148" s="624"/>
      <c r="AC148" s="625"/>
      <c r="AD148" s="415">
        <v>6</v>
      </c>
      <c r="AE148" s="415" t="s">
        <v>103</v>
      </c>
      <c r="AF148" s="646"/>
      <c r="AG148" s="647"/>
      <c r="AH148" s="549"/>
      <c r="AI148" s="550"/>
      <c r="AJ148" s="551"/>
      <c r="AK148" s="332"/>
      <c r="AL148" s="48"/>
      <c r="AM148" s="26"/>
      <c r="AN148" s="1" t="str">
        <f t="shared" si="7"/>
        <v>■</v>
      </c>
    </row>
    <row r="149" spans="1:40" s="1" customFormat="1">
      <c r="A149" s="20" t="str">
        <f t="shared" si="5"/>
        <v>KO</v>
      </c>
      <c r="B149" s="20"/>
      <c r="C149" s="541">
        <v>15</v>
      </c>
      <c r="D149" s="542"/>
      <c r="E149" s="543" t="s">
        <v>411</v>
      </c>
      <c r="F149" s="544"/>
      <c r="G149" s="544"/>
      <c r="H149" s="544"/>
      <c r="I149" s="544"/>
      <c r="J149" s="544"/>
      <c r="K149" s="544"/>
      <c r="L149" s="544"/>
      <c r="M149" s="544"/>
      <c r="N149" s="544"/>
      <c r="O149" s="544"/>
      <c r="P149" s="544"/>
      <c r="Q149" s="544"/>
      <c r="R149" s="544"/>
      <c r="S149" s="544"/>
      <c r="T149" s="545"/>
      <c r="U149" s="229" t="s">
        <v>516</v>
      </c>
      <c r="V149" s="546" t="s">
        <v>107</v>
      </c>
      <c r="W149" s="547"/>
      <c r="X149" s="547"/>
      <c r="Y149" s="547"/>
      <c r="Z149" s="548"/>
      <c r="AA149" s="623" t="s">
        <v>102</v>
      </c>
      <c r="AB149" s="624"/>
      <c r="AC149" s="625"/>
      <c r="AD149" s="415">
        <v>6</v>
      </c>
      <c r="AE149" s="415" t="s">
        <v>103</v>
      </c>
      <c r="AF149" s="646"/>
      <c r="AG149" s="647"/>
      <c r="AH149" s="549"/>
      <c r="AI149" s="550"/>
      <c r="AJ149" s="551"/>
      <c r="AK149" s="332"/>
      <c r="AL149" s="48"/>
      <c r="AM149" s="26"/>
      <c r="AN149" s="1" t="str">
        <f t="shared" si="7"/>
        <v>■</v>
      </c>
    </row>
    <row r="150" spans="1:40" s="1" customFormat="1" ht="13.4" customHeight="1">
      <c r="A150" s="20" t="str">
        <f t="shared" si="5"/>
        <v>KO</v>
      </c>
      <c r="B150" s="70"/>
      <c r="C150" s="26"/>
      <c r="D150" s="26"/>
      <c r="E150" s="26"/>
      <c r="F150" s="26"/>
      <c r="G150" s="26"/>
      <c r="H150" s="26"/>
      <c r="I150" s="26"/>
      <c r="J150" s="26"/>
      <c r="K150" s="26"/>
      <c r="L150" s="26"/>
      <c r="M150" s="26"/>
      <c r="N150" s="26"/>
      <c r="O150" s="26"/>
      <c r="P150" s="26"/>
      <c r="Q150" s="26"/>
      <c r="R150" s="26"/>
      <c r="S150" s="26"/>
      <c r="T150" s="26"/>
      <c r="U150" s="26"/>
      <c r="V150" s="122"/>
      <c r="W150" s="122"/>
      <c r="X150" s="122"/>
      <c r="Y150" s="122"/>
      <c r="Z150" s="122"/>
      <c r="AA150" s="634"/>
      <c r="AB150" s="634"/>
      <c r="AC150" s="634"/>
      <c r="AD150" s="122"/>
      <c r="AE150" s="122"/>
      <c r="AF150" s="122"/>
      <c r="AG150" s="122"/>
      <c r="AH150" s="122"/>
      <c r="AI150" s="122"/>
      <c r="AJ150" s="122"/>
      <c r="AK150" s="26"/>
      <c r="AL150" s="48"/>
      <c r="AM150" s="26"/>
    </row>
    <row r="151" spans="1:40" s="1" customFormat="1" ht="13.4" customHeight="1">
      <c r="A151" s="20" t="str">
        <f t="shared" si="5"/>
        <v>HS</v>
      </c>
      <c r="B151" s="20"/>
      <c r="C151" s="52" t="s">
        <v>380</v>
      </c>
      <c r="D151" s="53"/>
      <c r="E151" s="26"/>
      <c r="F151" s="26"/>
      <c r="G151" s="26"/>
      <c r="H151" s="26"/>
      <c r="I151" s="26"/>
      <c r="J151" s="26" t="s">
        <v>1153</v>
      </c>
      <c r="K151" s="71"/>
      <c r="L151" s="26"/>
      <c r="M151" s="71"/>
      <c r="N151" s="26"/>
      <c r="O151" s="26"/>
      <c r="P151" s="26"/>
      <c r="Q151" s="26"/>
      <c r="R151" s="26"/>
      <c r="S151" s="26"/>
      <c r="T151" s="26"/>
      <c r="U151" s="26" t="s">
        <v>1154</v>
      </c>
      <c r="V151" s="122"/>
      <c r="W151" s="122"/>
      <c r="X151" s="122"/>
      <c r="Y151" s="122"/>
      <c r="Z151" s="122"/>
      <c r="AA151" s="630"/>
      <c r="AB151" s="630"/>
      <c r="AC151" s="630"/>
      <c r="AD151" s="122"/>
      <c r="AE151" s="122"/>
      <c r="AF151" s="122"/>
      <c r="AG151" s="122"/>
      <c r="AH151" s="122"/>
      <c r="AI151" s="122"/>
      <c r="AJ151" s="122"/>
      <c r="AK151" s="26"/>
      <c r="AL151" s="48"/>
      <c r="AM151" s="26"/>
    </row>
    <row r="152" spans="1:40" s="1" customFormat="1" ht="13.5" customHeight="1">
      <c r="A152" s="20" t="str">
        <f t="shared" si="5"/>
        <v>HS</v>
      </c>
      <c r="B152" s="20"/>
      <c r="C152" s="583" t="s">
        <v>73</v>
      </c>
      <c r="D152" s="573"/>
      <c r="E152" s="583" t="s">
        <v>94</v>
      </c>
      <c r="F152" s="583"/>
      <c r="G152" s="583"/>
      <c r="H152" s="583"/>
      <c r="I152" s="583"/>
      <c r="J152" s="583"/>
      <c r="K152" s="583"/>
      <c r="L152" s="583"/>
      <c r="M152" s="583"/>
      <c r="N152" s="583"/>
      <c r="O152" s="583"/>
      <c r="P152" s="583"/>
      <c r="Q152" s="583"/>
      <c r="R152" s="583"/>
      <c r="S152" s="583"/>
      <c r="T152" s="583"/>
      <c r="U152" s="226" t="s">
        <v>383</v>
      </c>
      <c r="V152" s="572" t="s">
        <v>138</v>
      </c>
      <c r="W152" s="572"/>
      <c r="X152" s="572"/>
      <c r="Y152" s="572"/>
      <c r="Z152" s="572"/>
      <c r="AA152" s="652" t="s">
        <v>959</v>
      </c>
      <c r="AB152" s="653"/>
      <c r="AC152" s="654"/>
      <c r="AD152" s="572" t="s">
        <v>97</v>
      </c>
      <c r="AE152" s="572"/>
      <c r="AF152" s="572" t="s">
        <v>98</v>
      </c>
      <c r="AG152" s="572"/>
      <c r="AH152" s="583" t="s">
        <v>75</v>
      </c>
      <c r="AI152" s="583"/>
      <c r="AJ152" s="583"/>
      <c r="AK152" s="581" t="s">
        <v>159</v>
      </c>
      <c r="AL152" s="48"/>
      <c r="AM152" s="26"/>
    </row>
    <row r="153" spans="1:40" s="1" customFormat="1" ht="13.4" customHeight="1">
      <c r="A153" s="20" t="str">
        <f t="shared" si="5"/>
        <v>HS</v>
      </c>
      <c r="B153" s="20"/>
      <c r="C153" s="573"/>
      <c r="D153" s="573"/>
      <c r="E153" s="583"/>
      <c r="F153" s="583"/>
      <c r="G153" s="583"/>
      <c r="H153" s="583"/>
      <c r="I153" s="583"/>
      <c r="J153" s="583"/>
      <c r="K153" s="583"/>
      <c r="L153" s="583"/>
      <c r="M153" s="583"/>
      <c r="N153" s="583"/>
      <c r="O153" s="583"/>
      <c r="P153" s="583"/>
      <c r="Q153" s="583"/>
      <c r="R153" s="583"/>
      <c r="S153" s="583"/>
      <c r="T153" s="583"/>
      <c r="U153" s="227"/>
      <c r="V153" s="572"/>
      <c r="W153" s="572"/>
      <c r="X153" s="572"/>
      <c r="Y153" s="572"/>
      <c r="Z153" s="572"/>
      <c r="AA153" s="655"/>
      <c r="AB153" s="656"/>
      <c r="AC153" s="657"/>
      <c r="AD153" s="572"/>
      <c r="AE153" s="572"/>
      <c r="AF153" s="572"/>
      <c r="AG153" s="572"/>
      <c r="AH153" s="583"/>
      <c r="AI153" s="583"/>
      <c r="AJ153" s="583"/>
      <c r="AK153" s="582"/>
      <c r="AL153" s="38"/>
      <c r="AM153" s="26"/>
    </row>
    <row r="154" spans="1:40" s="1" customFormat="1" ht="13.4" customHeight="1">
      <c r="A154" s="20" t="str">
        <f t="shared" si="5"/>
        <v>HS</v>
      </c>
      <c r="B154" s="20"/>
      <c r="C154" s="541">
        <v>1</v>
      </c>
      <c r="D154" s="542"/>
      <c r="E154" s="563" t="s">
        <v>440</v>
      </c>
      <c r="F154" s="564"/>
      <c r="G154" s="564"/>
      <c r="H154" s="564"/>
      <c r="I154" s="564"/>
      <c r="J154" s="564"/>
      <c r="K154" s="564"/>
      <c r="L154" s="564"/>
      <c r="M154" s="564"/>
      <c r="N154" s="564"/>
      <c r="O154" s="564"/>
      <c r="P154" s="564"/>
      <c r="Q154" s="564"/>
      <c r="R154" s="564"/>
      <c r="S154" s="564"/>
      <c r="T154" s="565"/>
      <c r="U154" s="219" t="s">
        <v>441</v>
      </c>
      <c r="V154" s="546" t="s">
        <v>101</v>
      </c>
      <c r="W154" s="547"/>
      <c r="X154" s="547"/>
      <c r="Y154" s="547"/>
      <c r="Z154" s="548"/>
      <c r="AA154" s="623" t="s">
        <v>102</v>
      </c>
      <c r="AB154" s="624"/>
      <c r="AC154" s="625"/>
      <c r="AD154" s="415">
        <v>10</v>
      </c>
      <c r="AE154" s="415" t="s">
        <v>103</v>
      </c>
      <c r="AF154" s="646"/>
      <c r="AG154" s="647"/>
      <c r="AH154" s="549"/>
      <c r="AI154" s="550"/>
      <c r="AJ154" s="551"/>
      <c r="AK154" s="265"/>
      <c r="AL154" s="38"/>
      <c r="AM154" s="26"/>
      <c r="AN154" s="1" t="str">
        <f>$G$20</f>
        <v>■</v>
      </c>
    </row>
    <row r="155" spans="1:40" s="1" customFormat="1" ht="13.4" customHeight="1">
      <c r="A155" s="20" t="str">
        <f t="shared" si="5"/>
        <v>HS</v>
      </c>
      <c r="B155" s="20"/>
      <c r="C155" s="541">
        <v>2</v>
      </c>
      <c r="D155" s="542"/>
      <c r="E155" s="563" t="s">
        <v>442</v>
      </c>
      <c r="F155" s="564"/>
      <c r="G155" s="564"/>
      <c r="H155" s="564"/>
      <c r="I155" s="564"/>
      <c r="J155" s="564"/>
      <c r="K155" s="564"/>
      <c r="L155" s="564"/>
      <c r="M155" s="564"/>
      <c r="N155" s="564"/>
      <c r="O155" s="564"/>
      <c r="P155" s="564"/>
      <c r="Q155" s="564"/>
      <c r="R155" s="564"/>
      <c r="S155" s="564"/>
      <c r="T155" s="565"/>
      <c r="U155" s="219" t="s">
        <v>443</v>
      </c>
      <c r="V155" s="546" t="s">
        <v>101</v>
      </c>
      <c r="W155" s="547"/>
      <c r="X155" s="547"/>
      <c r="Y155" s="547"/>
      <c r="Z155" s="548"/>
      <c r="AA155" s="623" t="s">
        <v>102</v>
      </c>
      <c r="AB155" s="624"/>
      <c r="AC155" s="625"/>
      <c r="AD155" s="415">
        <v>51</v>
      </c>
      <c r="AE155" s="415" t="s">
        <v>103</v>
      </c>
      <c r="AF155" s="646"/>
      <c r="AG155" s="647"/>
      <c r="AH155" s="549"/>
      <c r="AI155" s="550"/>
      <c r="AJ155" s="551"/>
      <c r="AK155" s="265"/>
      <c r="AL155" s="48"/>
      <c r="AM155" s="26"/>
      <c r="AN155" s="1" t="str">
        <f t="shared" ref="AN155:AN175" si="8">$G$20</f>
        <v>■</v>
      </c>
    </row>
    <row r="156" spans="1:40" s="13" customFormat="1" ht="13.4" customHeight="1">
      <c r="A156" s="20" t="str">
        <f t="shared" si="5"/>
        <v>HS</v>
      </c>
      <c r="B156" s="20"/>
      <c r="C156" s="552">
        <v>3</v>
      </c>
      <c r="D156" s="553"/>
      <c r="E156" s="566" t="s">
        <v>106</v>
      </c>
      <c r="F156" s="567"/>
      <c r="G156" s="567"/>
      <c r="H156" s="567"/>
      <c r="I156" s="567"/>
      <c r="J156" s="567"/>
      <c r="K156" s="567"/>
      <c r="L156" s="567"/>
      <c r="M156" s="567"/>
      <c r="N156" s="567"/>
      <c r="O156" s="567"/>
      <c r="P156" s="567"/>
      <c r="Q156" s="567"/>
      <c r="R156" s="567"/>
      <c r="S156" s="567"/>
      <c r="T156" s="568"/>
      <c r="U156" s="230" t="s">
        <v>444</v>
      </c>
      <c r="V156" s="557" t="s">
        <v>107</v>
      </c>
      <c r="W156" s="558"/>
      <c r="X156" s="558"/>
      <c r="Y156" s="558"/>
      <c r="Z156" s="559"/>
      <c r="AA156" s="626" t="s">
        <v>108</v>
      </c>
      <c r="AB156" s="627"/>
      <c r="AC156" s="628"/>
      <c r="AD156" s="419">
        <v>1</v>
      </c>
      <c r="AE156" s="419">
        <v>0</v>
      </c>
      <c r="AF156" s="648" t="s">
        <v>109</v>
      </c>
      <c r="AG156" s="649"/>
      <c r="AH156" s="560"/>
      <c r="AI156" s="561"/>
      <c r="AJ156" s="562"/>
      <c r="AK156" s="346" t="s">
        <v>391</v>
      </c>
      <c r="AL156" s="38"/>
      <c r="AM156" s="54"/>
      <c r="AN156" s="1" t="str">
        <f t="shared" si="8"/>
        <v>■</v>
      </c>
    </row>
    <row r="157" spans="1:40" s="13" customFormat="1" ht="13.4" customHeight="1">
      <c r="A157" s="20" t="str">
        <f t="shared" si="5"/>
        <v>HS</v>
      </c>
      <c r="B157" s="20"/>
      <c r="C157" s="541">
        <v>4</v>
      </c>
      <c r="D157" s="542"/>
      <c r="E157" s="563" t="s">
        <v>110</v>
      </c>
      <c r="F157" s="564"/>
      <c r="G157" s="564"/>
      <c r="H157" s="564"/>
      <c r="I157" s="564"/>
      <c r="J157" s="564"/>
      <c r="K157" s="564"/>
      <c r="L157" s="564"/>
      <c r="M157" s="564"/>
      <c r="N157" s="564"/>
      <c r="O157" s="564"/>
      <c r="P157" s="564"/>
      <c r="Q157" s="564"/>
      <c r="R157" s="564"/>
      <c r="S157" s="564"/>
      <c r="T157" s="565"/>
      <c r="U157" s="229" t="s">
        <v>445</v>
      </c>
      <c r="V157" s="546" t="s">
        <v>107</v>
      </c>
      <c r="W157" s="547"/>
      <c r="X157" s="547"/>
      <c r="Y157" s="547"/>
      <c r="Z157" s="548"/>
      <c r="AA157" s="623" t="s">
        <v>108</v>
      </c>
      <c r="AB157" s="624"/>
      <c r="AC157" s="625"/>
      <c r="AD157" s="415">
        <v>1</v>
      </c>
      <c r="AE157" s="415">
        <v>0</v>
      </c>
      <c r="AF157" s="646"/>
      <c r="AG157" s="647"/>
      <c r="AH157" s="549"/>
      <c r="AI157" s="550"/>
      <c r="AJ157" s="551"/>
      <c r="AK157" s="265"/>
      <c r="AL157" s="38"/>
      <c r="AM157" s="54"/>
      <c r="AN157" s="1" t="str">
        <f t="shared" si="8"/>
        <v>■</v>
      </c>
    </row>
    <row r="158" spans="1:40" s="1" customFormat="1">
      <c r="A158" s="20" t="str">
        <f t="shared" si="5"/>
        <v>HS</v>
      </c>
      <c r="B158" s="20"/>
      <c r="C158" s="541">
        <v>5</v>
      </c>
      <c r="D158" s="542"/>
      <c r="E158" s="543" t="s">
        <v>80</v>
      </c>
      <c r="F158" s="544"/>
      <c r="G158" s="544"/>
      <c r="H158" s="544"/>
      <c r="I158" s="544"/>
      <c r="J158" s="544"/>
      <c r="K158" s="544"/>
      <c r="L158" s="544"/>
      <c r="M158" s="544"/>
      <c r="N158" s="544"/>
      <c r="O158" s="544"/>
      <c r="P158" s="544"/>
      <c r="Q158" s="544"/>
      <c r="R158" s="544"/>
      <c r="S158" s="544"/>
      <c r="T158" s="545"/>
      <c r="U158" s="229" t="s">
        <v>446</v>
      </c>
      <c r="V158" s="546" t="s">
        <v>101</v>
      </c>
      <c r="W158" s="547"/>
      <c r="X158" s="547"/>
      <c r="Y158" s="547"/>
      <c r="Z158" s="548"/>
      <c r="AA158" s="623" t="s">
        <v>102</v>
      </c>
      <c r="AB158" s="624"/>
      <c r="AC158" s="625"/>
      <c r="AD158" s="415">
        <v>2</v>
      </c>
      <c r="AE158" s="415" t="s">
        <v>103</v>
      </c>
      <c r="AF158" s="646"/>
      <c r="AG158" s="647"/>
      <c r="AH158" s="549"/>
      <c r="AI158" s="550"/>
      <c r="AJ158" s="551"/>
      <c r="AK158" s="265"/>
      <c r="AL158" s="48"/>
      <c r="AM158" s="26"/>
      <c r="AN158" s="1" t="str">
        <f t="shared" si="8"/>
        <v>■</v>
      </c>
    </row>
    <row r="159" spans="1:40" s="13" customFormat="1">
      <c r="A159" s="20" t="str">
        <f t="shared" si="5"/>
        <v>HS</v>
      </c>
      <c r="B159" s="20"/>
      <c r="C159" s="541">
        <v>6</v>
      </c>
      <c r="D159" s="542"/>
      <c r="E159" s="543" t="s">
        <v>585</v>
      </c>
      <c r="F159" s="544"/>
      <c r="G159" s="544"/>
      <c r="H159" s="544"/>
      <c r="I159" s="544"/>
      <c r="J159" s="544"/>
      <c r="K159" s="544"/>
      <c r="L159" s="544"/>
      <c r="M159" s="544"/>
      <c r="N159" s="544"/>
      <c r="O159" s="544"/>
      <c r="P159" s="544"/>
      <c r="Q159" s="544"/>
      <c r="R159" s="544"/>
      <c r="S159" s="544"/>
      <c r="T159" s="545"/>
      <c r="U159" s="229" t="s">
        <v>586</v>
      </c>
      <c r="V159" s="546" t="s">
        <v>107</v>
      </c>
      <c r="W159" s="547"/>
      <c r="X159" s="547"/>
      <c r="Y159" s="547"/>
      <c r="Z159" s="548"/>
      <c r="AA159" s="623" t="s">
        <v>102</v>
      </c>
      <c r="AB159" s="624"/>
      <c r="AC159" s="625"/>
      <c r="AD159" s="415">
        <v>8</v>
      </c>
      <c r="AE159" s="415" t="s">
        <v>103</v>
      </c>
      <c r="AF159" s="646"/>
      <c r="AG159" s="647"/>
      <c r="AH159" s="549"/>
      <c r="AI159" s="550"/>
      <c r="AJ159" s="551"/>
      <c r="AK159" s="265"/>
      <c r="AL159" s="48"/>
      <c r="AM159" s="54"/>
      <c r="AN159" s="1" t="str">
        <f t="shared" si="8"/>
        <v>■</v>
      </c>
    </row>
    <row r="160" spans="1:40" s="13" customFormat="1">
      <c r="A160" s="20" t="str">
        <f t="shared" si="5"/>
        <v>HS</v>
      </c>
      <c r="B160" s="20"/>
      <c r="C160" s="541">
        <v>7</v>
      </c>
      <c r="D160" s="542"/>
      <c r="E160" s="543" t="s">
        <v>587</v>
      </c>
      <c r="F160" s="544"/>
      <c r="G160" s="544"/>
      <c r="H160" s="544"/>
      <c r="I160" s="544"/>
      <c r="J160" s="544"/>
      <c r="K160" s="544"/>
      <c r="L160" s="544"/>
      <c r="M160" s="544"/>
      <c r="N160" s="544"/>
      <c r="O160" s="544"/>
      <c r="P160" s="544"/>
      <c r="Q160" s="544"/>
      <c r="R160" s="544"/>
      <c r="S160" s="544"/>
      <c r="T160" s="545"/>
      <c r="U160" s="229" t="s">
        <v>588</v>
      </c>
      <c r="V160" s="546" t="s">
        <v>107</v>
      </c>
      <c r="W160" s="547"/>
      <c r="X160" s="547"/>
      <c r="Y160" s="547"/>
      <c r="Z160" s="548"/>
      <c r="AA160" s="623" t="s">
        <v>102</v>
      </c>
      <c r="AB160" s="624"/>
      <c r="AC160" s="625"/>
      <c r="AD160" s="415">
        <v>1</v>
      </c>
      <c r="AE160" s="415" t="s">
        <v>103</v>
      </c>
      <c r="AF160" s="646"/>
      <c r="AG160" s="647"/>
      <c r="AH160" s="549"/>
      <c r="AI160" s="550"/>
      <c r="AJ160" s="551"/>
      <c r="AK160" s="265"/>
      <c r="AL160" s="48"/>
      <c r="AM160" s="54"/>
      <c r="AN160" s="1" t="str">
        <f t="shared" si="8"/>
        <v>■</v>
      </c>
    </row>
    <row r="161" spans="1:40" s="1" customFormat="1">
      <c r="A161" s="20" t="str">
        <f t="shared" si="5"/>
        <v>HS</v>
      </c>
      <c r="B161" s="20"/>
      <c r="C161" s="541">
        <v>8</v>
      </c>
      <c r="D161" s="542"/>
      <c r="E161" s="543" t="s">
        <v>1155</v>
      </c>
      <c r="F161" s="544"/>
      <c r="G161" s="544"/>
      <c r="H161" s="544"/>
      <c r="I161" s="544"/>
      <c r="J161" s="544"/>
      <c r="K161" s="544"/>
      <c r="L161" s="544"/>
      <c r="M161" s="544"/>
      <c r="N161" s="544"/>
      <c r="O161" s="544"/>
      <c r="P161" s="544"/>
      <c r="Q161" s="544"/>
      <c r="R161" s="544"/>
      <c r="S161" s="544"/>
      <c r="T161" s="545"/>
      <c r="U161" s="229" t="s">
        <v>1156</v>
      </c>
      <c r="V161" s="546" t="s">
        <v>101</v>
      </c>
      <c r="W161" s="547"/>
      <c r="X161" s="547"/>
      <c r="Y161" s="547"/>
      <c r="Z161" s="548"/>
      <c r="AA161" s="623" t="s">
        <v>102</v>
      </c>
      <c r="AB161" s="624"/>
      <c r="AC161" s="625"/>
      <c r="AD161" s="415">
        <v>384</v>
      </c>
      <c r="AE161" s="415" t="s">
        <v>103</v>
      </c>
      <c r="AF161" s="646"/>
      <c r="AG161" s="647"/>
      <c r="AH161" s="549"/>
      <c r="AI161" s="550"/>
      <c r="AJ161" s="551"/>
      <c r="AK161" s="265"/>
      <c r="AL161" s="48"/>
      <c r="AM161" s="26"/>
      <c r="AN161" s="1" t="str">
        <f t="shared" si="8"/>
        <v>■</v>
      </c>
    </row>
    <row r="162" spans="1:40" s="1" customFormat="1">
      <c r="A162" s="20" t="str">
        <f t="shared" si="5"/>
        <v>HS</v>
      </c>
      <c r="B162" s="20"/>
      <c r="C162" s="541">
        <v>9</v>
      </c>
      <c r="D162" s="542"/>
      <c r="E162" s="543" t="s">
        <v>81</v>
      </c>
      <c r="F162" s="544"/>
      <c r="G162" s="544"/>
      <c r="H162" s="544"/>
      <c r="I162" s="544"/>
      <c r="J162" s="544"/>
      <c r="K162" s="544"/>
      <c r="L162" s="544"/>
      <c r="M162" s="544"/>
      <c r="N162" s="544"/>
      <c r="O162" s="544"/>
      <c r="P162" s="544"/>
      <c r="Q162" s="544"/>
      <c r="R162" s="544"/>
      <c r="S162" s="544"/>
      <c r="T162" s="545"/>
      <c r="U162" s="229" t="s">
        <v>584</v>
      </c>
      <c r="V162" s="546" t="s">
        <v>107</v>
      </c>
      <c r="W162" s="547"/>
      <c r="X162" s="547"/>
      <c r="Y162" s="547"/>
      <c r="Z162" s="548"/>
      <c r="AA162" s="623" t="s">
        <v>102</v>
      </c>
      <c r="AB162" s="624"/>
      <c r="AC162" s="625"/>
      <c r="AD162" s="415">
        <v>7</v>
      </c>
      <c r="AE162" s="415" t="s">
        <v>103</v>
      </c>
      <c r="AF162" s="646"/>
      <c r="AG162" s="647"/>
      <c r="AH162" s="549"/>
      <c r="AI162" s="550"/>
      <c r="AJ162" s="551"/>
      <c r="AK162" s="265"/>
      <c r="AL162" s="48"/>
      <c r="AM162" s="26"/>
      <c r="AN162" s="1" t="str">
        <f t="shared" si="8"/>
        <v>■</v>
      </c>
    </row>
    <row r="163" spans="1:40" s="1" customFormat="1">
      <c r="A163" s="20" t="str">
        <f t="shared" si="5"/>
        <v>HS</v>
      </c>
      <c r="B163" s="20"/>
      <c r="C163" s="541">
        <v>10</v>
      </c>
      <c r="D163" s="542"/>
      <c r="E163" s="543" t="s">
        <v>589</v>
      </c>
      <c r="F163" s="544"/>
      <c r="G163" s="544"/>
      <c r="H163" s="544"/>
      <c r="I163" s="544"/>
      <c r="J163" s="544"/>
      <c r="K163" s="544"/>
      <c r="L163" s="544"/>
      <c r="M163" s="544"/>
      <c r="N163" s="544"/>
      <c r="O163" s="544"/>
      <c r="P163" s="544"/>
      <c r="Q163" s="544"/>
      <c r="R163" s="544"/>
      <c r="S163" s="544"/>
      <c r="T163" s="545"/>
      <c r="U163" s="229" t="s">
        <v>590</v>
      </c>
      <c r="V163" s="546" t="s">
        <v>101</v>
      </c>
      <c r="W163" s="547"/>
      <c r="X163" s="547"/>
      <c r="Y163" s="547"/>
      <c r="Z163" s="548"/>
      <c r="AA163" s="623" t="s">
        <v>102</v>
      </c>
      <c r="AB163" s="624"/>
      <c r="AC163" s="625"/>
      <c r="AD163" s="415">
        <v>80</v>
      </c>
      <c r="AE163" s="415" t="s">
        <v>103</v>
      </c>
      <c r="AF163" s="646"/>
      <c r="AG163" s="647"/>
      <c r="AH163" s="549"/>
      <c r="AI163" s="550"/>
      <c r="AJ163" s="551"/>
      <c r="AK163" s="265"/>
      <c r="AL163" s="48"/>
      <c r="AM163" s="26"/>
      <c r="AN163" s="1" t="str">
        <f t="shared" si="8"/>
        <v>■</v>
      </c>
    </row>
    <row r="164" spans="1:40" s="1" customFormat="1">
      <c r="A164" s="20" t="str">
        <f t="shared" si="5"/>
        <v>HS</v>
      </c>
      <c r="B164" s="20"/>
      <c r="C164" s="541">
        <v>11</v>
      </c>
      <c r="D164" s="542"/>
      <c r="E164" s="543" t="s">
        <v>591</v>
      </c>
      <c r="F164" s="544"/>
      <c r="G164" s="544"/>
      <c r="H164" s="544"/>
      <c r="I164" s="544"/>
      <c r="J164" s="544"/>
      <c r="K164" s="544"/>
      <c r="L164" s="544"/>
      <c r="M164" s="544"/>
      <c r="N164" s="544"/>
      <c r="O164" s="544"/>
      <c r="P164" s="544"/>
      <c r="Q164" s="544"/>
      <c r="R164" s="544"/>
      <c r="S164" s="544"/>
      <c r="T164" s="545"/>
      <c r="U164" s="229" t="s">
        <v>592</v>
      </c>
      <c r="V164" s="546" t="s">
        <v>107</v>
      </c>
      <c r="W164" s="547"/>
      <c r="X164" s="547"/>
      <c r="Y164" s="547"/>
      <c r="Z164" s="548"/>
      <c r="AA164" s="623" t="s">
        <v>108</v>
      </c>
      <c r="AB164" s="624"/>
      <c r="AC164" s="625"/>
      <c r="AD164" s="415">
        <v>1</v>
      </c>
      <c r="AE164" s="415">
        <v>0</v>
      </c>
      <c r="AF164" s="646"/>
      <c r="AG164" s="647"/>
      <c r="AH164" s="549"/>
      <c r="AI164" s="550"/>
      <c r="AJ164" s="551"/>
      <c r="AK164" s="265"/>
      <c r="AL164" s="48"/>
      <c r="AM164" s="26"/>
      <c r="AN164" s="1" t="str">
        <f t="shared" si="8"/>
        <v>■</v>
      </c>
    </row>
    <row r="165" spans="1:40" s="1" customFormat="1">
      <c r="A165" s="20" t="str">
        <f t="shared" si="5"/>
        <v>HS</v>
      </c>
      <c r="B165" s="20"/>
      <c r="C165" s="676">
        <v>12</v>
      </c>
      <c r="D165" s="677"/>
      <c r="E165" s="678" t="s">
        <v>1003</v>
      </c>
      <c r="F165" s="679"/>
      <c r="G165" s="679"/>
      <c r="H165" s="679"/>
      <c r="I165" s="679"/>
      <c r="J165" s="679"/>
      <c r="K165" s="679"/>
      <c r="L165" s="679"/>
      <c r="M165" s="679"/>
      <c r="N165" s="679"/>
      <c r="O165" s="679"/>
      <c r="P165" s="679"/>
      <c r="Q165" s="679"/>
      <c r="R165" s="679"/>
      <c r="S165" s="679"/>
      <c r="T165" s="680"/>
      <c r="U165" s="262" t="s">
        <v>594</v>
      </c>
      <c r="V165" s="681" t="s">
        <v>398</v>
      </c>
      <c r="W165" s="682"/>
      <c r="X165" s="682"/>
      <c r="Y165" s="682"/>
      <c r="Z165" s="683"/>
      <c r="AA165" s="626" t="s">
        <v>102</v>
      </c>
      <c r="AB165" s="627"/>
      <c r="AC165" s="628"/>
      <c r="AD165" s="417">
        <v>20</v>
      </c>
      <c r="AE165" s="417" t="s">
        <v>103</v>
      </c>
      <c r="AF165" s="648" t="s">
        <v>109</v>
      </c>
      <c r="AG165" s="649"/>
      <c r="AH165" s="684"/>
      <c r="AI165" s="685"/>
      <c r="AJ165" s="686"/>
      <c r="AK165" s="333" t="s">
        <v>399</v>
      </c>
      <c r="AL165" s="48"/>
      <c r="AM165" s="26"/>
      <c r="AN165" s="1" t="str">
        <f t="shared" si="8"/>
        <v>■</v>
      </c>
    </row>
    <row r="166" spans="1:40" s="1" customFormat="1">
      <c r="A166" s="20" t="str">
        <f t="shared" si="5"/>
        <v>HS</v>
      </c>
      <c r="B166" s="20"/>
      <c r="C166" s="541">
        <v>13</v>
      </c>
      <c r="D166" s="542"/>
      <c r="E166" s="670" t="s">
        <v>1157</v>
      </c>
      <c r="F166" s="671"/>
      <c r="G166" s="671"/>
      <c r="H166" s="671"/>
      <c r="I166" s="671"/>
      <c r="J166" s="671"/>
      <c r="K166" s="671"/>
      <c r="L166" s="671"/>
      <c r="M166" s="671"/>
      <c r="N166" s="671"/>
      <c r="O166" s="671"/>
      <c r="P166" s="671"/>
      <c r="Q166" s="671"/>
      <c r="R166" s="671"/>
      <c r="S166" s="671"/>
      <c r="T166" s="672"/>
      <c r="U166" s="229" t="s">
        <v>1158</v>
      </c>
      <c r="V166" s="673" t="s">
        <v>107</v>
      </c>
      <c r="W166" s="674"/>
      <c r="X166" s="674"/>
      <c r="Y166" s="674"/>
      <c r="Z166" s="675"/>
      <c r="AA166" s="623" t="s">
        <v>108</v>
      </c>
      <c r="AB166" s="624"/>
      <c r="AC166" s="625"/>
      <c r="AD166" s="420">
        <v>1</v>
      </c>
      <c r="AE166" s="420">
        <v>0</v>
      </c>
      <c r="AF166" s="646"/>
      <c r="AG166" s="647"/>
      <c r="AH166" s="549"/>
      <c r="AI166" s="550"/>
      <c r="AJ166" s="551"/>
      <c r="AK166" s="265"/>
      <c r="AL166" s="48"/>
      <c r="AM166" s="26"/>
      <c r="AN166" s="1" t="str">
        <f t="shared" si="8"/>
        <v>■</v>
      </c>
    </row>
    <row r="167" spans="1:40" s="1" customFormat="1">
      <c r="A167" s="20" t="str">
        <f t="shared" si="5"/>
        <v>HS</v>
      </c>
      <c r="B167" s="20"/>
      <c r="C167" s="541">
        <v>14</v>
      </c>
      <c r="D167" s="542"/>
      <c r="E167" s="670" t="s">
        <v>1159</v>
      </c>
      <c r="F167" s="671"/>
      <c r="G167" s="671"/>
      <c r="H167" s="671"/>
      <c r="I167" s="671"/>
      <c r="J167" s="671"/>
      <c r="K167" s="671"/>
      <c r="L167" s="671"/>
      <c r="M167" s="671"/>
      <c r="N167" s="671"/>
      <c r="O167" s="671"/>
      <c r="P167" s="671"/>
      <c r="Q167" s="671"/>
      <c r="R167" s="671"/>
      <c r="S167" s="671"/>
      <c r="T167" s="672"/>
      <c r="U167" s="229" t="s">
        <v>1160</v>
      </c>
      <c r="V167" s="673" t="s">
        <v>107</v>
      </c>
      <c r="W167" s="674"/>
      <c r="X167" s="674"/>
      <c r="Y167" s="674"/>
      <c r="Z167" s="675"/>
      <c r="AA167" s="623" t="s">
        <v>102</v>
      </c>
      <c r="AB167" s="624"/>
      <c r="AC167" s="625"/>
      <c r="AD167" s="420">
        <v>1</v>
      </c>
      <c r="AE167" s="420" t="s">
        <v>103</v>
      </c>
      <c r="AF167" s="646"/>
      <c r="AG167" s="647"/>
      <c r="AH167" s="549"/>
      <c r="AI167" s="550"/>
      <c r="AJ167" s="551"/>
      <c r="AK167" s="265"/>
      <c r="AL167" s="48"/>
      <c r="AM167" s="26"/>
      <c r="AN167" s="1" t="str">
        <f t="shared" si="8"/>
        <v>■</v>
      </c>
    </row>
    <row r="168" spans="1:40" s="1" customFormat="1">
      <c r="A168" s="20" t="str">
        <f t="shared" si="5"/>
        <v>HS</v>
      </c>
      <c r="B168" s="20"/>
      <c r="C168" s="541">
        <v>15</v>
      </c>
      <c r="D168" s="542"/>
      <c r="E168" s="670" t="s">
        <v>595</v>
      </c>
      <c r="F168" s="671"/>
      <c r="G168" s="671"/>
      <c r="H168" s="671"/>
      <c r="I168" s="671"/>
      <c r="J168" s="671"/>
      <c r="K168" s="671"/>
      <c r="L168" s="671"/>
      <c r="M168" s="671"/>
      <c r="N168" s="671"/>
      <c r="O168" s="671"/>
      <c r="P168" s="671"/>
      <c r="Q168" s="671"/>
      <c r="R168" s="671"/>
      <c r="S168" s="671"/>
      <c r="T168" s="672"/>
      <c r="U168" s="229" t="s">
        <v>596</v>
      </c>
      <c r="V168" s="673" t="s">
        <v>107</v>
      </c>
      <c r="W168" s="674"/>
      <c r="X168" s="674"/>
      <c r="Y168" s="674"/>
      <c r="Z168" s="675"/>
      <c r="AA168" s="623" t="s">
        <v>102</v>
      </c>
      <c r="AB168" s="624"/>
      <c r="AC168" s="625"/>
      <c r="AD168" s="420">
        <v>2</v>
      </c>
      <c r="AE168" s="420" t="s">
        <v>103</v>
      </c>
      <c r="AF168" s="646"/>
      <c r="AG168" s="647"/>
      <c r="AH168" s="549"/>
      <c r="AI168" s="550"/>
      <c r="AJ168" s="551"/>
      <c r="AK168" s="265"/>
      <c r="AL168" s="48"/>
      <c r="AM168" s="26"/>
      <c r="AN168" s="1" t="str">
        <f t="shared" si="8"/>
        <v>■</v>
      </c>
    </row>
    <row r="169" spans="1:40" s="1" customFormat="1">
      <c r="A169" s="20" t="str">
        <f t="shared" si="5"/>
        <v>HS</v>
      </c>
      <c r="B169" s="20"/>
      <c r="C169" s="541">
        <v>16</v>
      </c>
      <c r="D169" s="542"/>
      <c r="E169" s="670" t="s">
        <v>728</v>
      </c>
      <c r="F169" s="671"/>
      <c r="G169" s="671"/>
      <c r="H169" s="671"/>
      <c r="I169" s="671"/>
      <c r="J169" s="671"/>
      <c r="K169" s="671"/>
      <c r="L169" s="671"/>
      <c r="M169" s="671"/>
      <c r="N169" s="671"/>
      <c r="O169" s="671"/>
      <c r="P169" s="671"/>
      <c r="Q169" s="671"/>
      <c r="R169" s="671"/>
      <c r="S169" s="671"/>
      <c r="T169" s="672"/>
      <c r="U169" s="229" t="s">
        <v>729</v>
      </c>
      <c r="V169" s="673" t="s">
        <v>107</v>
      </c>
      <c r="W169" s="674"/>
      <c r="X169" s="674"/>
      <c r="Y169" s="674"/>
      <c r="Z169" s="675"/>
      <c r="AA169" s="623" t="s">
        <v>102</v>
      </c>
      <c r="AB169" s="624"/>
      <c r="AC169" s="625"/>
      <c r="AD169" s="420">
        <v>9</v>
      </c>
      <c r="AE169" s="420" t="s">
        <v>103</v>
      </c>
      <c r="AF169" s="646"/>
      <c r="AG169" s="647"/>
      <c r="AH169" s="549"/>
      <c r="AI169" s="550"/>
      <c r="AJ169" s="551"/>
      <c r="AK169" s="265"/>
      <c r="AL169" s="48"/>
      <c r="AM169" s="26"/>
      <c r="AN169" s="1" t="str">
        <f t="shared" si="8"/>
        <v>■</v>
      </c>
    </row>
    <row r="170" spans="1:40" s="1" customFormat="1">
      <c r="A170" s="20" t="str">
        <f t="shared" si="5"/>
        <v>HS</v>
      </c>
      <c r="B170" s="20"/>
      <c r="C170" s="676">
        <v>17</v>
      </c>
      <c r="D170" s="677"/>
      <c r="E170" s="678" t="s">
        <v>1009</v>
      </c>
      <c r="F170" s="679"/>
      <c r="G170" s="679"/>
      <c r="H170" s="679"/>
      <c r="I170" s="679"/>
      <c r="J170" s="679"/>
      <c r="K170" s="679"/>
      <c r="L170" s="679"/>
      <c r="M170" s="679"/>
      <c r="N170" s="679"/>
      <c r="O170" s="679"/>
      <c r="P170" s="679"/>
      <c r="Q170" s="679"/>
      <c r="R170" s="679"/>
      <c r="S170" s="679"/>
      <c r="T170" s="680"/>
      <c r="U170" s="262" t="s">
        <v>602</v>
      </c>
      <c r="V170" s="681" t="s">
        <v>398</v>
      </c>
      <c r="W170" s="682"/>
      <c r="X170" s="682"/>
      <c r="Y170" s="682"/>
      <c r="Z170" s="683"/>
      <c r="AA170" s="626" t="s">
        <v>102</v>
      </c>
      <c r="AB170" s="627"/>
      <c r="AC170" s="628"/>
      <c r="AD170" s="417">
        <v>50</v>
      </c>
      <c r="AE170" s="417" t="s">
        <v>103</v>
      </c>
      <c r="AF170" s="648" t="s">
        <v>109</v>
      </c>
      <c r="AG170" s="649"/>
      <c r="AH170" s="684"/>
      <c r="AI170" s="685"/>
      <c r="AJ170" s="686"/>
      <c r="AK170" s="333" t="s">
        <v>399</v>
      </c>
      <c r="AL170" s="48"/>
      <c r="AM170" s="26"/>
      <c r="AN170" s="1" t="str">
        <f t="shared" si="8"/>
        <v>■</v>
      </c>
    </row>
    <row r="171" spans="1:40" s="1" customFormat="1">
      <c r="A171" s="20" t="str">
        <f t="shared" si="5"/>
        <v>HS</v>
      </c>
      <c r="B171" s="20"/>
      <c r="C171" s="541">
        <v>18</v>
      </c>
      <c r="D171" s="542"/>
      <c r="E171" s="670" t="s">
        <v>1161</v>
      </c>
      <c r="F171" s="671"/>
      <c r="G171" s="671"/>
      <c r="H171" s="671"/>
      <c r="I171" s="671"/>
      <c r="J171" s="671"/>
      <c r="K171" s="671"/>
      <c r="L171" s="671"/>
      <c r="M171" s="671"/>
      <c r="N171" s="671"/>
      <c r="O171" s="671"/>
      <c r="P171" s="671"/>
      <c r="Q171" s="671"/>
      <c r="R171" s="671"/>
      <c r="S171" s="671"/>
      <c r="T171" s="672"/>
      <c r="U171" s="229" t="s">
        <v>1162</v>
      </c>
      <c r="V171" s="673" t="s">
        <v>101</v>
      </c>
      <c r="W171" s="674"/>
      <c r="X171" s="674"/>
      <c r="Y171" s="674"/>
      <c r="Z171" s="675"/>
      <c r="AA171" s="623" t="s">
        <v>102</v>
      </c>
      <c r="AB171" s="624"/>
      <c r="AC171" s="625"/>
      <c r="AD171" s="420">
        <v>384</v>
      </c>
      <c r="AE171" s="420" t="s">
        <v>103</v>
      </c>
      <c r="AF171" s="646"/>
      <c r="AG171" s="647"/>
      <c r="AH171" s="549"/>
      <c r="AI171" s="550"/>
      <c r="AJ171" s="551"/>
      <c r="AK171" s="265"/>
      <c r="AL171" s="48"/>
      <c r="AM171" s="26"/>
      <c r="AN171" s="1" t="str">
        <f t="shared" si="8"/>
        <v>■</v>
      </c>
    </row>
    <row r="172" spans="1:40" s="1" customFormat="1">
      <c r="A172" s="20" t="str">
        <f t="shared" ref="A172:A235" si="9">IF(LEN(J172)&gt;0,MID(J172,FIND("（",J172,1)+1,2),A171)</f>
        <v>HS</v>
      </c>
      <c r="B172" s="20"/>
      <c r="C172" s="541">
        <v>19</v>
      </c>
      <c r="D172" s="542"/>
      <c r="E172" s="670" t="s">
        <v>1163</v>
      </c>
      <c r="F172" s="671"/>
      <c r="G172" s="671"/>
      <c r="H172" s="671"/>
      <c r="I172" s="671"/>
      <c r="J172" s="671"/>
      <c r="K172" s="671"/>
      <c r="L172" s="671"/>
      <c r="M172" s="671"/>
      <c r="N172" s="671"/>
      <c r="O172" s="671"/>
      <c r="P172" s="671"/>
      <c r="Q172" s="671"/>
      <c r="R172" s="671"/>
      <c r="S172" s="671"/>
      <c r="T172" s="672"/>
      <c r="U172" s="229" t="s">
        <v>598</v>
      </c>
      <c r="V172" s="673" t="s">
        <v>107</v>
      </c>
      <c r="W172" s="674"/>
      <c r="X172" s="674"/>
      <c r="Y172" s="674"/>
      <c r="Z172" s="675"/>
      <c r="AA172" s="623" t="s">
        <v>108</v>
      </c>
      <c r="AB172" s="624"/>
      <c r="AC172" s="625"/>
      <c r="AD172" s="420">
        <v>1</v>
      </c>
      <c r="AE172" s="420">
        <v>0</v>
      </c>
      <c r="AF172" s="646"/>
      <c r="AG172" s="647"/>
      <c r="AH172" s="549"/>
      <c r="AI172" s="550"/>
      <c r="AJ172" s="551"/>
      <c r="AK172" s="265"/>
      <c r="AL172" s="48"/>
      <c r="AM172" s="26"/>
      <c r="AN172" s="1" t="str">
        <f t="shared" si="8"/>
        <v>■</v>
      </c>
    </row>
    <row r="173" spans="1:40" s="1" customFormat="1">
      <c r="A173" s="20" t="str">
        <f t="shared" si="9"/>
        <v>HS</v>
      </c>
      <c r="B173" s="20"/>
      <c r="C173" s="541">
        <v>20</v>
      </c>
      <c r="D173" s="542"/>
      <c r="E173" s="670" t="s">
        <v>1164</v>
      </c>
      <c r="F173" s="671"/>
      <c r="G173" s="671"/>
      <c r="H173" s="671"/>
      <c r="I173" s="671"/>
      <c r="J173" s="671"/>
      <c r="K173" s="671"/>
      <c r="L173" s="671"/>
      <c r="M173" s="671"/>
      <c r="N173" s="671"/>
      <c r="O173" s="671"/>
      <c r="P173" s="671"/>
      <c r="Q173" s="671"/>
      <c r="R173" s="671"/>
      <c r="S173" s="671"/>
      <c r="T173" s="672"/>
      <c r="U173" s="229" t="s">
        <v>600</v>
      </c>
      <c r="V173" s="673" t="s">
        <v>101</v>
      </c>
      <c r="W173" s="674"/>
      <c r="X173" s="674"/>
      <c r="Y173" s="674"/>
      <c r="Z173" s="675"/>
      <c r="AA173" s="623" t="s">
        <v>102</v>
      </c>
      <c r="AB173" s="624"/>
      <c r="AC173" s="625"/>
      <c r="AD173" s="420">
        <v>6</v>
      </c>
      <c r="AE173" s="420" t="s">
        <v>103</v>
      </c>
      <c r="AF173" s="646"/>
      <c r="AG173" s="647"/>
      <c r="AH173" s="549"/>
      <c r="AI173" s="550"/>
      <c r="AJ173" s="551"/>
      <c r="AK173" s="265"/>
      <c r="AL173" s="48"/>
      <c r="AM173" s="26"/>
      <c r="AN173" s="1" t="str">
        <f t="shared" si="8"/>
        <v>■</v>
      </c>
    </row>
    <row r="174" spans="1:40" s="1" customFormat="1">
      <c r="A174" s="20" t="str">
        <f t="shared" si="9"/>
        <v>HS</v>
      </c>
      <c r="B174" s="20"/>
      <c r="C174" s="541">
        <v>21</v>
      </c>
      <c r="D174" s="542"/>
      <c r="E174" s="543" t="s">
        <v>409</v>
      </c>
      <c r="F174" s="544"/>
      <c r="G174" s="544"/>
      <c r="H174" s="544"/>
      <c r="I174" s="544"/>
      <c r="J174" s="544"/>
      <c r="K174" s="544"/>
      <c r="L174" s="544"/>
      <c r="M174" s="544"/>
      <c r="N174" s="544"/>
      <c r="O174" s="544"/>
      <c r="P174" s="544"/>
      <c r="Q174" s="544"/>
      <c r="R174" s="544"/>
      <c r="S174" s="544"/>
      <c r="T174" s="545"/>
      <c r="U174" s="229" t="s">
        <v>453</v>
      </c>
      <c r="V174" s="546" t="s">
        <v>107</v>
      </c>
      <c r="W174" s="547"/>
      <c r="X174" s="547"/>
      <c r="Y174" s="547"/>
      <c r="Z174" s="548"/>
      <c r="AA174" s="623" t="s">
        <v>102</v>
      </c>
      <c r="AB174" s="624"/>
      <c r="AC174" s="625"/>
      <c r="AD174" s="415">
        <v>6</v>
      </c>
      <c r="AE174" s="415" t="s">
        <v>103</v>
      </c>
      <c r="AF174" s="646"/>
      <c r="AG174" s="647"/>
      <c r="AH174" s="549"/>
      <c r="AI174" s="550"/>
      <c r="AJ174" s="551"/>
      <c r="AK174" s="265"/>
      <c r="AL174" s="48"/>
      <c r="AM174" s="26"/>
      <c r="AN174" s="1" t="str">
        <f t="shared" si="8"/>
        <v>■</v>
      </c>
    </row>
    <row r="175" spans="1:40" s="1" customFormat="1">
      <c r="A175" s="20" t="str">
        <f t="shared" si="9"/>
        <v>HS</v>
      </c>
      <c r="B175" s="20"/>
      <c r="C175" s="541">
        <v>22</v>
      </c>
      <c r="D175" s="542"/>
      <c r="E175" s="543" t="s">
        <v>411</v>
      </c>
      <c r="F175" s="544"/>
      <c r="G175" s="544"/>
      <c r="H175" s="544"/>
      <c r="I175" s="544"/>
      <c r="J175" s="544"/>
      <c r="K175" s="544"/>
      <c r="L175" s="544"/>
      <c r="M175" s="544"/>
      <c r="N175" s="544"/>
      <c r="O175" s="544"/>
      <c r="P175" s="544"/>
      <c r="Q175" s="544"/>
      <c r="R175" s="544"/>
      <c r="S175" s="544"/>
      <c r="T175" s="545"/>
      <c r="U175" s="229" t="s">
        <v>516</v>
      </c>
      <c r="V175" s="546" t="s">
        <v>107</v>
      </c>
      <c r="W175" s="547"/>
      <c r="X175" s="547"/>
      <c r="Y175" s="547"/>
      <c r="Z175" s="548"/>
      <c r="AA175" s="623" t="s">
        <v>102</v>
      </c>
      <c r="AB175" s="624"/>
      <c r="AC175" s="625"/>
      <c r="AD175" s="415">
        <v>6</v>
      </c>
      <c r="AE175" s="415" t="s">
        <v>103</v>
      </c>
      <c r="AF175" s="646"/>
      <c r="AG175" s="647"/>
      <c r="AH175" s="549"/>
      <c r="AI175" s="550"/>
      <c r="AJ175" s="551"/>
      <c r="AK175" s="265"/>
      <c r="AL175" s="48"/>
      <c r="AM175" s="26"/>
      <c r="AN175" s="1" t="str">
        <f t="shared" si="8"/>
        <v>■</v>
      </c>
    </row>
    <row r="176" spans="1:40" s="1" customFormat="1" ht="13.4" customHeight="1">
      <c r="A176" s="20" t="str">
        <f t="shared" si="9"/>
        <v>HS</v>
      </c>
      <c r="B176" s="70"/>
      <c r="C176" s="26"/>
      <c r="D176" s="26"/>
      <c r="E176" s="26"/>
      <c r="F176" s="26"/>
      <c r="G176" s="26"/>
      <c r="H176" s="26"/>
      <c r="I176" s="26"/>
      <c r="J176" s="26"/>
      <c r="K176" s="26"/>
      <c r="L176" s="26"/>
      <c r="M176" s="26"/>
      <c r="N176" s="26"/>
      <c r="O176" s="26"/>
      <c r="P176" s="26"/>
      <c r="Q176" s="26"/>
      <c r="R176" s="26"/>
      <c r="S176" s="26"/>
      <c r="T176" s="26"/>
      <c r="U176" s="26"/>
      <c r="V176" s="122"/>
      <c r="W176" s="122"/>
      <c r="X176" s="122"/>
      <c r="Y176" s="122"/>
      <c r="Z176" s="122"/>
      <c r="AA176" s="634"/>
      <c r="AB176" s="634"/>
      <c r="AC176" s="634"/>
      <c r="AD176" s="122"/>
      <c r="AE176" s="122"/>
      <c r="AF176" s="122"/>
      <c r="AG176" s="122"/>
      <c r="AH176" s="122"/>
      <c r="AI176" s="122"/>
      <c r="AJ176" s="122"/>
      <c r="AK176" s="26"/>
      <c r="AL176" s="48"/>
      <c r="AM176" s="26"/>
    </row>
    <row r="177" spans="1:40" s="1" customFormat="1" ht="13.4" customHeight="1">
      <c r="A177" s="20" t="str">
        <f t="shared" si="9"/>
        <v>SS</v>
      </c>
      <c r="B177" s="20"/>
      <c r="C177" s="52" t="s">
        <v>380</v>
      </c>
      <c r="D177" s="53"/>
      <c r="E177" s="26"/>
      <c r="F177" s="26"/>
      <c r="G177" s="26"/>
      <c r="H177" s="26"/>
      <c r="I177" s="26"/>
      <c r="J177" s="26" t="s">
        <v>1165</v>
      </c>
      <c r="K177" s="71"/>
      <c r="L177" s="26"/>
      <c r="M177" s="71"/>
      <c r="N177" s="26"/>
      <c r="O177" s="26"/>
      <c r="P177" s="26"/>
      <c r="Q177" s="26"/>
      <c r="R177" s="26"/>
      <c r="S177" s="26"/>
      <c r="T177" s="26"/>
      <c r="U177" s="26" t="s">
        <v>1166</v>
      </c>
      <c r="V177" s="122"/>
      <c r="W177" s="122"/>
      <c r="X177" s="122"/>
      <c r="Y177" s="122"/>
      <c r="Z177" s="122"/>
      <c r="AA177" s="630"/>
      <c r="AB177" s="630"/>
      <c r="AC177" s="630"/>
      <c r="AD177" s="122"/>
      <c r="AE177" s="122"/>
      <c r="AF177" s="122"/>
      <c r="AG177" s="122"/>
      <c r="AH177" s="122"/>
      <c r="AI177" s="122"/>
      <c r="AJ177" s="122"/>
      <c r="AK177" s="26"/>
      <c r="AL177" s="48"/>
      <c r="AM177" s="26"/>
    </row>
    <row r="178" spans="1:40" s="1" customFormat="1" ht="13.5" customHeight="1">
      <c r="A178" s="20" t="str">
        <f t="shared" si="9"/>
        <v>SS</v>
      </c>
      <c r="B178" s="20"/>
      <c r="C178" s="583" t="s">
        <v>73</v>
      </c>
      <c r="D178" s="573"/>
      <c r="E178" s="583" t="s">
        <v>94</v>
      </c>
      <c r="F178" s="583"/>
      <c r="G178" s="583"/>
      <c r="H178" s="583"/>
      <c r="I178" s="583"/>
      <c r="J178" s="583"/>
      <c r="K178" s="583"/>
      <c r="L178" s="583"/>
      <c r="M178" s="583"/>
      <c r="N178" s="583"/>
      <c r="O178" s="583"/>
      <c r="P178" s="583"/>
      <c r="Q178" s="583"/>
      <c r="R178" s="583"/>
      <c r="S178" s="583"/>
      <c r="T178" s="583"/>
      <c r="U178" s="226" t="s">
        <v>383</v>
      </c>
      <c r="V178" s="572" t="s">
        <v>138</v>
      </c>
      <c r="W178" s="572"/>
      <c r="X178" s="572"/>
      <c r="Y178" s="572"/>
      <c r="Z178" s="572"/>
      <c r="AA178" s="652" t="s">
        <v>959</v>
      </c>
      <c r="AB178" s="653"/>
      <c r="AC178" s="654"/>
      <c r="AD178" s="572" t="s">
        <v>97</v>
      </c>
      <c r="AE178" s="572"/>
      <c r="AF178" s="572" t="s">
        <v>98</v>
      </c>
      <c r="AG178" s="572"/>
      <c r="AH178" s="583" t="s">
        <v>75</v>
      </c>
      <c r="AI178" s="583"/>
      <c r="AJ178" s="583"/>
      <c r="AK178" s="572" t="s">
        <v>159</v>
      </c>
      <c r="AL178" s="48"/>
      <c r="AM178" s="26"/>
    </row>
    <row r="179" spans="1:40" s="1" customFormat="1" ht="13.4" customHeight="1">
      <c r="A179" s="20" t="str">
        <f t="shared" si="9"/>
        <v>SS</v>
      </c>
      <c r="B179" s="20"/>
      <c r="C179" s="573"/>
      <c r="D179" s="573"/>
      <c r="E179" s="583"/>
      <c r="F179" s="583"/>
      <c r="G179" s="583"/>
      <c r="H179" s="583"/>
      <c r="I179" s="583"/>
      <c r="J179" s="583"/>
      <c r="K179" s="583"/>
      <c r="L179" s="583"/>
      <c r="M179" s="583"/>
      <c r="N179" s="583"/>
      <c r="O179" s="583"/>
      <c r="P179" s="583"/>
      <c r="Q179" s="583"/>
      <c r="R179" s="583"/>
      <c r="S179" s="583"/>
      <c r="T179" s="583"/>
      <c r="U179" s="227"/>
      <c r="V179" s="572"/>
      <c r="W179" s="572"/>
      <c r="X179" s="572"/>
      <c r="Y179" s="572"/>
      <c r="Z179" s="572"/>
      <c r="AA179" s="655"/>
      <c r="AB179" s="656"/>
      <c r="AC179" s="657"/>
      <c r="AD179" s="572"/>
      <c r="AE179" s="572"/>
      <c r="AF179" s="572"/>
      <c r="AG179" s="572"/>
      <c r="AH179" s="583"/>
      <c r="AI179" s="583"/>
      <c r="AJ179" s="583"/>
      <c r="AK179" s="572"/>
      <c r="AL179" s="38"/>
      <c r="AM179" s="26"/>
    </row>
    <row r="180" spans="1:40" s="1" customFormat="1" ht="13.4" customHeight="1">
      <c r="A180" s="20" t="str">
        <f t="shared" si="9"/>
        <v>SS</v>
      </c>
      <c r="B180" s="20"/>
      <c r="C180" s="541">
        <v>1</v>
      </c>
      <c r="D180" s="542"/>
      <c r="E180" s="563" t="s">
        <v>440</v>
      </c>
      <c r="F180" s="564"/>
      <c r="G180" s="564"/>
      <c r="H180" s="564"/>
      <c r="I180" s="564"/>
      <c r="J180" s="564"/>
      <c r="K180" s="564"/>
      <c r="L180" s="564"/>
      <c r="M180" s="564"/>
      <c r="N180" s="564"/>
      <c r="O180" s="564"/>
      <c r="P180" s="564"/>
      <c r="Q180" s="564"/>
      <c r="R180" s="564"/>
      <c r="S180" s="564"/>
      <c r="T180" s="565"/>
      <c r="U180" s="219" t="s">
        <v>441</v>
      </c>
      <c r="V180" s="546" t="s">
        <v>101</v>
      </c>
      <c r="W180" s="547"/>
      <c r="X180" s="547"/>
      <c r="Y180" s="547"/>
      <c r="Z180" s="548"/>
      <c r="AA180" s="623" t="s">
        <v>102</v>
      </c>
      <c r="AB180" s="624"/>
      <c r="AC180" s="625"/>
      <c r="AD180" s="415">
        <v>10</v>
      </c>
      <c r="AE180" s="415" t="s">
        <v>103</v>
      </c>
      <c r="AF180" s="646"/>
      <c r="AG180" s="647"/>
      <c r="AH180" s="549"/>
      <c r="AI180" s="550"/>
      <c r="AJ180" s="551"/>
      <c r="AK180" s="332"/>
      <c r="AL180" s="38"/>
      <c r="AM180" s="26"/>
      <c r="AN180" s="1" t="str">
        <f>$J$20</f>
        <v>■</v>
      </c>
    </row>
    <row r="181" spans="1:40" s="1" customFormat="1" ht="13.4" customHeight="1">
      <c r="A181" s="20" t="str">
        <f t="shared" si="9"/>
        <v>SS</v>
      </c>
      <c r="B181" s="20"/>
      <c r="C181" s="541">
        <v>2</v>
      </c>
      <c r="D181" s="542"/>
      <c r="E181" s="563" t="s">
        <v>442</v>
      </c>
      <c r="F181" s="564"/>
      <c r="G181" s="564"/>
      <c r="H181" s="564"/>
      <c r="I181" s="564"/>
      <c r="J181" s="564"/>
      <c r="K181" s="564"/>
      <c r="L181" s="564"/>
      <c r="M181" s="564"/>
      <c r="N181" s="564"/>
      <c r="O181" s="564"/>
      <c r="P181" s="564"/>
      <c r="Q181" s="564"/>
      <c r="R181" s="564"/>
      <c r="S181" s="564"/>
      <c r="T181" s="565"/>
      <c r="U181" s="219" t="s">
        <v>443</v>
      </c>
      <c r="V181" s="546" t="s">
        <v>101</v>
      </c>
      <c r="W181" s="547"/>
      <c r="X181" s="547"/>
      <c r="Y181" s="547"/>
      <c r="Z181" s="548"/>
      <c r="AA181" s="623" t="s">
        <v>102</v>
      </c>
      <c r="AB181" s="624"/>
      <c r="AC181" s="625"/>
      <c r="AD181" s="415">
        <v>51</v>
      </c>
      <c r="AE181" s="415" t="s">
        <v>103</v>
      </c>
      <c r="AF181" s="646"/>
      <c r="AG181" s="647"/>
      <c r="AH181" s="549"/>
      <c r="AI181" s="550"/>
      <c r="AJ181" s="551"/>
      <c r="AK181" s="332"/>
      <c r="AL181" s="48"/>
      <c r="AM181" s="26"/>
      <c r="AN181" s="1" t="str">
        <f t="shared" ref="AN181:AN244" si="10">$J$20</f>
        <v>■</v>
      </c>
    </row>
    <row r="182" spans="1:40" s="13" customFormat="1" ht="13.4" customHeight="1">
      <c r="A182" s="20" t="str">
        <f t="shared" si="9"/>
        <v>SS</v>
      </c>
      <c r="B182" s="20"/>
      <c r="C182" s="552">
        <v>3</v>
      </c>
      <c r="D182" s="553"/>
      <c r="E182" s="566" t="s">
        <v>106</v>
      </c>
      <c r="F182" s="567"/>
      <c r="G182" s="567"/>
      <c r="H182" s="567"/>
      <c r="I182" s="567"/>
      <c r="J182" s="567"/>
      <c r="K182" s="567"/>
      <c r="L182" s="567"/>
      <c r="M182" s="567"/>
      <c r="N182" s="567"/>
      <c r="O182" s="567"/>
      <c r="P182" s="567"/>
      <c r="Q182" s="567"/>
      <c r="R182" s="567"/>
      <c r="S182" s="567"/>
      <c r="T182" s="568"/>
      <c r="U182" s="230" t="s">
        <v>444</v>
      </c>
      <c r="V182" s="557" t="s">
        <v>107</v>
      </c>
      <c r="W182" s="558"/>
      <c r="X182" s="558"/>
      <c r="Y182" s="558"/>
      <c r="Z182" s="559"/>
      <c r="AA182" s="626" t="s">
        <v>108</v>
      </c>
      <c r="AB182" s="627"/>
      <c r="AC182" s="628"/>
      <c r="AD182" s="419">
        <v>1</v>
      </c>
      <c r="AE182" s="419">
        <v>0</v>
      </c>
      <c r="AF182" s="648" t="s">
        <v>109</v>
      </c>
      <c r="AG182" s="649"/>
      <c r="AH182" s="560"/>
      <c r="AI182" s="561"/>
      <c r="AJ182" s="562"/>
      <c r="AK182" s="333" t="s">
        <v>391</v>
      </c>
      <c r="AL182" s="38"/>
      <c r="AM182" s="54"/>
      <c r="AN182" s="1" t="str">
        <f t="shared" si="10"/>
        <v>■</v>
      </c>
    </row>
    <row r="183" spans="1:40" s="13" customFormat="1" ht="13.4" customHeight="1">
      <c r="A183" s="20" t="str">
        <f t="shared" si="9"/>
        <v>SS</v>
      </c>
      <c r="B183" s="20"/>
      <c r="C183" s="541">
        <v>4</v>
      </c>
      <c r="D183" s="542"/>
      <c r="E183" s="563" t="s">
        <v>110</v>
      </c>
      <c r="F183" s="564"/>
      <c r="G183" s="564"/>
      <c r="H183" s="564"/>
      <c r="I183" s="564"/>
      <c r="J183" s="564"/>
      <c r="K183" s="564"/>
      <c r="L183" s="564"/>
      <c r="M183" s="564"/>
      <c r="N183" s="564"/>
      <c r="O183" s="564"/>
      <c r="P183" s="564"/>
      <c r="Q183" s="564"/>
      <c r="R183" s="564"/>
      <c r="S183" s="564"/>
      <c r="T183" s="565"/>
      <c r="U183" s="229" t="s">
        <v>445</v>
      </c>
      <c r="V183" s="546" t="s">
        <v>107</v>
      </c>
      <c r="W183" s="547"/>
      <c r="X183" s="547"/>
      <c r="Y183" s="547"/>
      <c r="Z183" s="548"/>
      <c r="AA183" s="623" t="s">
        <v>108</v>
      </c>
      <c r="AB183" s="624"/>
      <c r="AC183" s="625"/>
      <c r="AD183" s="415">
        <v>1</v>
      </c>
      <c r="AE183" s="415">
        <v>0</v>
      </c>
      <c r="AF183" s="646"/>
      <c r="AG183" s="647"/>
      <c r="AH183" s="549"/>
      <c r="AI183" s="550"/>
      <c r="AJ183" s="551"/>
      <c r="AK183" s="332"/>
      <c r="AL183" s="38"/>
      <c r="AM183" s="54"/>
      <c r="AN183" s="1" t="str">
        <f t="shared" si="10"/>
        <v>■</v>
      </c>
    </row>
    <row r="184" spans="1:40" s="1" customFormat="1">
      <c r="A184" s="20" t="str">
        <f t="shared" si="9"/>
        <v>SS</v>
      </c>
      <c r="B184" s="20"/>
      <c r="C184" s="541">
        <v>5</v>
      </c>
      <c r="D184" s="542"/>
      <c r="E184" s="543" t="s">
        <v>80</v>
      </c>
      <c r="F184" s="544"/>
      <c r="G184" s="544"/>
      <c r="H184" s="544"/>
      <c r="I184" s="544"/>
      <c r="J184" s="544"/>
      <c r="K184" s="544"/>
      <c r="L184" s="544"/>
      <c r="M184" s="544"/>
      <c r="N184" s="544"/>
      <c r="O184" s="544"/>
      <c r="P184" s="544"/>
      <c r="Q184" s="544"/>
      <c r="R184" s="544"/>
      <c r="S184" s="544"/>
      <c r="T184" s="545"/>
      <c r="U184" s="229" t="s">
        <v>446</v>
      </c>
      <c r="V184" s="546" t="s">
        <v>101</v>
      </c>
      <c r="W184" s="547"/>
      <c r="X184" s="547"/>
      <c r="Y184" s="547"/>
      <c r="Z184" s="548"/>
      <c r="AA184" s="623" t="s">
        <v>102</v>
      </c>
      <c r="AB184" s="624"/>
      <c r="AC184" s="625"/>
      <c r="AD184" s="415">
        <v>2</v>
      </c>
      <c r="AE184" s="415" t="s">
        <v>103</v>
      </c>
      <c r="AF184" s="646"/>
      <c r="AG184" s="647"/>
      <c r="AH184" s="549"/>
      <c r="AI184" s="550"/>
      <c r="AJ184" s="551"/>
      <c r="AK184" s="332"/>
      <c r="AL184" s="48"/>
      <c r="AM184" s="26"/>
      <c r="AN184" s="1" t="str">
        <f t="shared" si="10"/>
        <v>■</v>
      </c>
    </row>
    <row r="185" spans="1:40" s="13" customFormat="1">
      <c r="A185" s="20" t="str">
        <f t="shared" si="9"/>
        <v>SS</v>
      </c>
      <c r="B185" s="20"/>
      <c r="C185" s="541">
        <v>6</v>
      </c>
      <c r="D185" s="542"/>
      <c r="E185" s="670" t="s">
        <v>172</v>
      </c>
      <c r="F185" s="671"/>
      <c r="G185" s="671"/>
      <c r="H185" s="671"/>
      <c r="I185" s="671"/>
      <c r="J185" s="671"/>
      <c r="K185" s="671"/>
      <c r="L185" s="671"/>
      <c r="M185" s="671"/>
      <c r="N185" s="671"/>
      <c r="O185" s="671"/>
      <c r="P185" s="671"/>
      <c r="Q185" s="671"/>
      <c r="R185" s="671"/>
      <c r="S185" s="671"/>
      <c r="T185" s="672"/>
      <c r="U185" s="229" t="s">
        <v>605</v>
      </c>
      <c r="V185" s="546" t="s">
        <v>107</v>
      </c>
      <c r="W185" s="547"/>
      <c r="X185" s="547"/>
      <c r="Y185" s="547"/>
      <c r="Z185" s="548"/>
      <c r="AA185" s="623" t="s">
        <v>102</v>
      </c>
      <c r="AB185" s="624"/>
      <c r="AC185" s="625"/>
      <c r="AD185" s="415">
        <v>2</v>
      </c>
      <c r="AE185" s="415" t="s">
        <v>103</v>
      </c>
      <c r="AF185" s="646"/>
      <c r="AG185" s="647"/>
      <c r="AH185" s="549"/>
      <c r="AI185" s="550"/>
      <c r="AJ185" s="551"/>
      <c r="AK185" s="118"/>
      <c r="AL185" s="48"/>
      <c r="AM185" s="54"/>
      <c r="AN185" s="1" t="str">
        <f t="shared" si="10"/>
        <v>■</v>
      </c>
    </row>
    <row r="186" spans="1:40" s="13" customFormat="1">
      <c r="A186" s="20" t="str">
        <f t="shared" si="9"/>
        <v>SS</v>
      </c>
      <c r="B186" s="20"/>
      <c r="C186" s="541">
        <v>7</v>
      </c>
      <c r="D186" s="542"/>
      <c r="E186" s="670" t="s">
        <v>606</v>
      </c>
      <c r="F186" s="671"/>
      <c r="G186" s="671"/>
      <c r="H186" s="671"/>
      <c r="I186" s="671"/>
      <c r="J186" s="671"/>
      <c r="K186" s="671"/>
      <c r="L186" s="671"/>
      <c r="M186" s="671"/>
      <c r="N186" s="671"/>
      <c r="O186" s="671"/>
      <c r="P186" s="671"/>
      <c r="Q186" s="671"/>
      <c r="R186" s="671"/>
      <c r="S186" s="671"/>
      <c r="T186" s="672"/>
      <c r="U186" s="229" t="s">
        <v>607</v>
      </c>
      <c r="V186" s="546" t="s">
        <v>101</v>
      </c>
      <c r="W186" s="547"/>
      <c r="X186" s="547"/>
      <c r="Y186" s="547"/>
      <c r="Z186" s="548"/>
      <c r="AA186" s="623" t="s">
        <v>102</v>
      </c>
      <c r="AB186" s="624"/>
      <c r="AC186" s="625"/>
      <c r="AD186" s="415">
        <v>1</v>
      </c>
      <c r="AE186" s="415" t="s">
        <v>103</v>
      </c>
      <c r="AF186" s="646"/>
      <c r="AG186" s="647"/>
      <c r="AH186" s="549"/>
      <c r="AI186" s="550"/>
      <c r="AJ186" s="551"/>
      <c r="AK186" s="118"/>
      <c r="AL186" s="48"/>
      <c r="AM186" s="54"/>
      <c r="AN186" s="1" t="str">
        <f t="shared" si="10"/>
        <v>■</v>
      </c>
    </row>
    <row r="187" spans="1:40" s="1" customFormat="1">
      <c r="A187" s="20" t="str">
        <f t="shared" si="9"/>
        <v>SS</v>
      </c>
      <c r="B187" s="20"/>
      <c r="C187" s="541">
        <v>8</v>
      </c>
      <c r="D187" s="542"/>
      <c r="E187" s="543" t="s">
        <v>608</v>
      </c>
      <c r="F187" s="544"/>
      <c r="G187" s="544"/>
      <c r="H187" s="544"/>
      <c r="I187" s="544"/>
      <c r="J187" s="544"/>
      <c r="K187" s="544"/>
      <c r="L187" s="544"/>
      <c r="M187" s="544"/>
      <c r="N187" s="544"/>
      <c r="O187" s="544"/>
      <c r="P187" s="544"/>
      <c r="Q187" s="544"/>
      <c r="R187" s="544"/>
      <c r="S187" s="544"/>
      <c r="T187" s="545"/>
      <c r="U187" s="229" t="s">
        <v>609</v>
      </c>
      <c r="V187" s="546" t="s">
        <v>107</v>
      </c>
      <c r="W187" s="547"/>
      <c r="X187" s="547"/>
      <c r="Y187" s="547"/>
      <c r="Z187" s="548"/>
      <c r="AA187" s="623" t="s">
        <v>102</v>
      </c>
      <c r="AB187" s="624"/>
      <c r="AC187" s="625"/>
      <c r="AD187" s="415">
        <v>9</v>
      </c>
      <c r="AE187" s="415" t="s">
        <v>103</v>
      </c>
      <c r="AF187" s="646"/>
      <c r="AG187" s="647"/>
      <c r="AH187" s="549"/>
      <c r="AI187" s="550"/>
      <c r="AJ187" s="551"/>
      <c r="AK187" s="332"/>
      <c r="AL187" s="48"/>
      <c r="AM187" s="26"/>
      <c r="AN187" s="1" t="str">
        <f t="shared" si="10"/>
        <v>■</v>
      </c>
    </row>
    <row r="188" spans="1:40" s="1" customFormat="1">
      <c r="A188" s="20" t="str">
        <f t="shared" si="9"/>
        <v>SS</v>
      </c>
      <c r="B188" s="20"/>
      <c r="C188" s="541">
        <v>9</v>
      </c>
      <c r="D188" s="542"/>
      <c r="E188" s="543" t="s">
        <v>1167</v>
      </c>
      <c r="F188" s="544"/>
      <c r="G188" s="544"/>
      <c r="H188" s="544"/>
      <c r="I188" s="544"/>
      <c r="J188" s="544"/>
      <c r="K188" s="544"/>
      <c r="L188" s="544"/>
      <c r="M188" s="544"/>
      <c r="N188" s="544"/>
      <c r="O188" s="544"/>
      <c r="P188" s="544"/>
      <c r="Q188" s="544"/>
      <c r="R188" s="544"/>
      <c r="S188" s="544"/>
      <c r="T188" s="545"/>
      <c r="U188" s="229" t="s">
        <v>1168</v>
      </c>
      <c r="V188" s="546" t="s">
        <v>107</v>
      </c>
      <c r="W188" s="547"/>
      <c r="X188" s="547"/>
      <c r="Y188" s="547"/>
      <c r="Z188" s="548"/>
      <c r="AA188" s="623" t="s">
        <v>108</v>
      </c>
      <c r="AB188" s="624"/>
      <c r="AC188" s="625"/>
      <c r="AD188" s="415">
        <v>8</v>
      </c>
      <c r="AE188" s="415">
        <v>0</v>
      </c>
      <c r="AF188" s="646"/>
      <c r="AG188" s="647"/>
      <c r="AH188" s="549"/>
      <c r="AI188" s="550"/>
      <c r="AJ188" s="551"/>
      <c r="AK188" s="332"/>
      <c r="AL188" s="48"/>
      <c r="AM188" s="26"/>
      <c r="AN188" s="1" t="str">
        <f t="shared" si="10"/>
        <v>■</v>
      </c>
    </row>
    <row r="189" spans="1:40" s="1" customFormat="1">
      <c r="A189" s="20" t="str">
        <f t="shared" si="9"/>
        <v>SS</v>
      </c>
      <c r="B189" s="20"/>
      <c r="C189" s="541">
        <v>10</v>
      </c>
      <c r="D189" s="542"/>
      <c r="E189" s="543" t="s">
        <v>1169</v>
      </c>
      <c r="F189" s="544"/>
      <c r="G189" s="544"/>
      <c r="H189" s="544"/>
      <c r="I189" s="544"/>
      <c r="J189" s="544"/>
      <c r="K189" s="544"/>
      <c r="L189" s="544"/>
      <c r="M189" s="544"/>
      <c r="N189" s="544"/>
      <c r="O189" s="544"/>
      <c r="P189" s="544"/>
      <c r="Q189" s="544"/>
      <c r="R189" s="544"/>
      <c r="S189" s="544"/>
      <c r="T189" s="545"/>
      <c r="U189" s="229" t="s">
        <v>1170</v>
      </c>
      <c r="V189" s="546" t="s">
        <v>107</v>
      </c>
      <c r="W189" s="547"/>
      <c r="X189" s="547"/>
      <c r="Y189" s="547"/>
      <c r="Z189" s="548"/>
      <c r="AA189" s="623" t="s">
        <v>108</v>
      </c>
      <c r="AB189" s="624"/>
      <c r="AC189" s="625"/>
      <c r="AD189" s="415">
        <v>8</v>
      </c>
      <c r="AE189" s="415">
        <v>0</v>
      </c>
      <c r="AF189" s="646"/>
      <c r="AG189" s="647"/>
      <c r="AH189" s="549"/>
      <c r="AI189" s="550"/>
      <c r="AJ189" s="551"/>
      <c r="AK189" s="332"/>
      <c r="AL189" s="48"/>
      <c r="AM189" s="26"/>
      <c r="AN189" s="1" t="str">
        <f t="shared" si="10"/>
        <v>■</v>
      </c>
    </row>
    <row r="190" spans="1:40" s="1" customFormat="1">
      <c r="A190" s="20" t="str">
        <f t="shared" si="9"/>
        <v>SS</v>
      </c>
      <c r="B190" s="20"/>
      <c r="C190" s="541">
        <v>11</v>
      </c>
      <c r="D190" s="542"/>
      <c r="E190" s="543" t="s">
        <v>1171</v>
      </c>
      <c r="F190" s="544"/>
      <c r="G190" s="544"/>
      <c r="H190" s="544"/>
      <c r="I190" s="544"/>
      <c r="J190" s="544"/>
      <c r="K190" s="544"/>
      <c r="L190" s="544"/>
      <c r="M190" s="544"/>
      <c r="N190" s="544"/>
      <c r="O190" s="544"/>
      <c r="P190" s="544"/>
      <c r="Q190" s="544"/>
      <c r="R190" s="544"/>
      <c r="S190" s="544"/>
      <c r="T190" s="545"/>
      <c r="U190" s="229" t="s">
        <v>1172</v>
      </c>
      <c r="V190" s="546" t="s">
        <v>101</v>
      </c>
      <c r="W190" s="547"/>
      <c r="X190" s="547"/>
      <c r="Y190" s="547"/>
      <c r="Z190" s="548"/>
      <c r="AA190" s="623" t="s">
        <v>102</v>
      </c>
      <c r="AB190" s="624"/>
      <c r="AC190" s="625"/>
      <c r="AD190" s="415">
        <v>5</v>
      </c>
      <c r="AE190" s="415" t="s">
        <v>103</v>
      </c>
      <c r="AF190" s="646"/>
      <c r="AG190" s="647"/>
      <c r="AH190" s="549"/>
      <c r="AI190" s="550"/>
      <c r="AJ190" s="551"/>
      <c r="AK190" s="332"/>
      <c r="AL190" s="48"/>
      <c r="AM190" s="26"/>
      <c r="AN190" s="1" t="str">
        <f t="shared" si="10"/>
        <v>■</v>
      </c>
    </row>
    <row r="191" spans="1:40" s="1" customFormat="1">
      <c r="A191" s="20" t="str">
        <f t="shared" si="9"/>
        <v>SS</v>
      </c>
      <c r="B191" s="20"/>
      <c r="C191" s="541">
        <v>12</v>
      </c>
      <c r="D191" s="542"/>
      <c r="E191" s="543" t="s">
        <v>1173</v>
      </c>
      <c r="F191" s="544"/>
      <c r="G191" s="544"/>
      <c r="H191" s="544"/>
      <c r="I191" s="544"/>
      <c r="J191" s="544"/>
      <c r="K191" s="544"/>
      <c r="L191" s="544"/>
      <c r="M191" s="544"/>
      <c r="N191" s="544"/>
      <c r="O191" s="544"/>
      <c r="P191" s="544"/>
      <c r="Q191" s="544"/>
      <c r="R191" s="544"/>
      <c r="S191" s="544"/>
      <c r="T191" s="545"/>
      <c r="U191" s="229" t="s">
        <v>1174</v>
      </c>
      <c r="V191" s="546" t="s">
        <v>107</v>
      </c>
      <c r="W191" s="547"/>
      <c r="X191" s="547"/>
      <c r="Y191" s="547"/>
      <c r="Z191" s="548"/>
      <c r="AA191" s="623" t="s">
        <v>108</v>
      </c>
      <c r="AB191" s="624"/>
      <c r="AC191" s="625"/>
      <c r="AD191" s="415">
        <v>8</v>
      </c>
      <c r="AE191" s="415">
        <v>0</v>
      </c>
      <c r="AF191" s="646"/>
      <c r="AG191" s="647"/>
      <c r="AH191" s="549"/>
      <c r="AI191" s="550"/>
      <c r="AJ191" s="551"/>
      <c r="AK191" s="332"/>
      <c r="AL191" s="48"/>
      <c r="AM191" s="26"/>
      <c r="AN191" s="1" t="str">
        <f t="shared" si="10"/>
        <v>■</v>
      </c>
    </row>
    <row r="192" spans="1:40" s="1" customFormat="1">
      <c r="A192" s="20" t="str">
        <f t="shared" si="9"/>
        <v>SS</v>
      </c>
      <c r="B192" s="20"/>
      <c r="C192" s="541">
        <v>13</v>
      </c>
      <c r="D192" s="542"/>
      <c r="E192" s="543" t="s">
        <v>1175</v>
      </c>
      <c r="F192" s="544"/>
      <c r="G192" s="544"/>
      <c r="H192" s="544"/>
      <c r="I192" s="544"/>
      <c r="J192" s="544"/>
      <c r="K192" s="544"/>
      <c r="L192" s="544"/>
      <c r="M192" s="544"/>
      <c r="N192" s="544"/>
      <c r="O192" s="544"/>
      <c r="P192" s="544"/>
      <c r="Q192" s="544"/>
      <c r="R192" s="544"/>
      <c r="S192" s="544"/>
      <c r="T192" s="545"/>
      <c r="U192" s="229" t="s">
        <v>1176</v>
      </c>
      <c r="V192" s="546" t="s">
        <v>101</v>
      </c>
      <c r="W192" s="547"/>
      <c r="X192" s="547"/>
      <c r="Y192" s="547"/>
      <c r="Z192" s="548"/>
      <c r="AA192" s="623" t="s">
        <v>102</v>
      </c>
      <c r="AB192" s="624"/>
      <c r="AC192" s="625"/>
      <c r="AD192" s="415">
        <v>5</v>
      </c>
      <c r="AE192" s="415" t="s">
        <v>103</v>
      </c>
      <c r="AF192" s="646"/>
      <c r="AG192" s="647"/>
      <c r="AH192" s="549"/>
      <c r="AI192" s="550"/>
      <c r="AJ192" s="551"/>
      <c r="AK192" s="332"/>
      <c r="AL192" s="48"/>
      <c r="AM192" s="26"/>
      <c r="AN192" s="1" t="str">
        <f t="shared" si="10"/>
        <v>■</v>
      </c>
    </row>
    <row r="193" spans="1:40" s="1" customFormat="1">
      <c r="A193" s="20" t="str">
        <f t="shared" si="9"/>
        <v>SS</v>
      </c>
      <c r="B193" s="20"/>
      <c r="C193" s="541">
        <v>14</v>
      </c>
      <c r="D193" s="542"/>
      <c r="E193" s="543" t="s">
        <v>1177</v>
      </c>
      <c r="F193" s="544"/>
      <c r="G193" s="544"/>
      <c r="H193" s="544"/>
      <c r="I193" s="544"/>
      <c r="J193" s="544"/>
      <c r="K193" s="544"/>
      <c r="L193" s="544"/>
      <c r="M193" s="544"/>
      <c r="N193" s="544"/>
      <c r="O193" s="544"/>
      <c r="P193" s="544"/>
      <c r="Q193" s="544"/>
      <c r="R193" s="544"/>
      <c r="S193" s="544"/>
      <c r="T193" s="545"/>
      <c r="U193" s="229" t="s">
        <v>1178</v>
      </c>
      <c r="V193" s="546" t="s">
        <v>107</v>
      </c>
      <c r="W193" s="547"/>
      <c r="X193" s="547"/>
      <c r="Y193" s="547"/>
      <c r="Z193" s="548"/>
      <c r="AA193" s="623" t="s">
        <v>108</v>
      </c>
      <c r="AB193" s="624"/>
      <c r="AC193" s="625"/>
      <c r="AD193" s="415">
        <v>8</v>
      </c>
      <c r="AE193" s="415">
        <v>0</v>
      </c>
      <c r="AF193" s="646"/>
      <c r="AG193" s="647"/>
      <c r="AH193" s="549"/>
      <c r="AI193" s="550"/>
      <c r="AJ193" s="551"/>
      <c r="AK193" s="332"/>
      <c r="AL193" s="48"/>
      <c r="AM193" s="26"/>
      <c r="AN193" s="1" t="str">
        <f t="shared" si="10"/>
        <v>■</v>
      </c>
    </row>
    <row r="194" spans="1:40" s="1" customFormat="1">
      <c r="A194" s="20" t="str">
        <f t="shared" si="9"/>
        <v>SS</v>
      </c>
      <c r="B194" s="20"/>
      <c r="C194" s="541">
        <v>15</v>
      </c>
      <c r="D194" s="542"/>
      <c r="E194" s="543" t="s">
        <v>1179</v>
      </c>
      <c r="F194" s="544"/>
      <c r="G194" s="544"/>
      <c r="H194" s="544"/>
      <c r="I194" s="544"/>
      <c r="J194" s="544"/>
      <c r="K194" s="544"/>
      <c r="L194" s="544"/>
      <c r="M194" s="544"/>
      <c r="N194" s="544"/>
      <c r="O194" s="544"/>
      <c r="P194" s="544"/>
      <c r="Q194" s="544"/>
      <c r="R194" s="544"/>
      <c r="S194" s="544"/>
      <c r="T194" s="545"/>
      <c r="U194" s="229" t="s">
        <v>1180</v>
      </c>
      <c r="V194" s="546" t="s">
        <v>101</v>
      </c>
      <c r="W194" s="547"/>
      <c r="X194" s="547"/>
      <c r="Y194" s="547"/>
      <c r="Z194" s="548"/>
      <c r="AA194" s="623" t="s">
        <v>102</v>
      </c>
      <c r="AB194" s="624"/>
      <c r="AC194" s="625"/>
      <c r="AD194" s="415">
        <v>5</v>
      </c>
      <c r="AE194" s="415" t="s">
        <v>103</v>
      </c>
      <c r="AF194" s="646"/>
      <c r="AG194" s="647"/>
      <c r="AH194" s="549"/>
      <c r="AI194" s="550"/>
      <c r="AJ194" s="551"/>
      <c r="AK194" s="332"/>
      <c r="AL194" s="48"/>
      <c r="AM194" s="26"/>
      <c r="AN194" s="1" t="str">
        <f t="shared" si="10"/>
        <v>■</v>
      </c>
    </row>
    <row r="195" spans="1:40" s="1" customFormat="1">
      <c r="A195" s="20" t="str">
        <f t="shared" si="9"/>
        <v>SS</v>
      </c>
      <c r="B195" s="20"/>
      <c r="C195" s="541">
        <v>16</v>
      </c>
      <c r="D195" s="542"/>
      <c r="E195" s="543" t="s">
        <v>1181</v>
      </c>
      <c r="F195" s="544"/>
      <c r="G195" s="544"/>
      <c r="H195" s="544"/>
      <c r="I195" s="544"/>
      <c r="J195" s="544"/>
      <c r="K195" s="544"/>
      <c r="L195" s="544"/>
      <c r="M195" s="544"/>
      <c r="N195" s="544"/>
      <c r="O195" s="544"/>
      <c r="P195" s="544"/>
      <c r="Q195" s="544"/>
      <c r="R195" s="544"/>
      <c r="S195" s="544"/>
      <c r="T195" s="545"/>
      <c r="U195" s="229" t="s">
        <v>1182</v>
      </c>
      <c r="V195" s="546" t="s">
        <v>107</v>
      </c>
      <c r="W195" s="547"/>
      <c r="X195" s="547"/>
      <c r="Y195" s="547"/>
      <c r="Z195" s="548"/>
      <c r="AA195" s="623" t="s">
        <v>108</v>
      </c>
      <c r="AB195" s="624"/>
      <c r="AC195" s="625"/>
      <c r="AD195" s="415">
        <v>8</v>
      </c>
      <c r="AE195" s="415">
        <v>0</v>
      </c>
      <c r="AF195" s="646"/>
      <c r="AG195" s="647"/>
      <c r="AH195" s="549"/>
      <c r="AI195" s="550"/>
      <c r="AJ195" s="551"/>
      <c r="AK195" s="332"/>
      <c r="AL195" s="48"/>
      <c r="AM195" s="26"/>
      <c r="AN195" s="1" t="str">
        <f t="shared" si="10"/>
        <v>■</v>
      </c>
    </row>
    <row r="196" spans="1:40" s="1" customFormat="1">
      <c r="A196" s="20" t="str">
        <f t="shared" si="9"/>
        <v>SS</v>
      </c>
      <c r="B196" s="20"/>
      <c r="C196" s="541">
        <v>17</v>
      </c>
      <c r="D196" s="542"/>
      <c r="E196" s="543" t="s">
        <v>1183</v>
      </c>
      <c r="F196" s="544"/>
      <c r="G196" s="544"/>
      <c r="H196" s="544"/>
      <c r="I196" s="544"/>
      <c r="J196" s="544"/>
      <c r="K196" s="544"/>
      <c r="L196" s="544"/>
      <c r="M196" s="544"/>
      <c r="N196" s="544"/>
      <c r="O196" s="544"/>
      <c r="P196" s="544"/>
      <c r="Q196" s="544"/>
      <c r="R196" s="544"/>
      <c r="S196" s="544"/>
      <c r="T196" s="545"/>
      <c r="U196" s="229" t="s">
        <v>1184</v>
      </c>
      <c r="V196" s="546" t="s">
        <v>101</v>
      </c>
      <c r="W196" s="547"/>
      <c r="X196" s="547"/>
      <c r="Y196" s="547"/>
      <c r="Z196" s="548"/>
      <c r="AA196" s="623" t="s">
        <v>102</v>
      </c>
      <c r="AB196" s="624"/>
      <c r="AC196" s="625"/>
      <c r="AD196" s="415">
        <v>5</v>
      </c>
      <c r="AE196" s="415" t="s">
        <v>103</v>
      </c>
      <c r="AF196" s="646"/>
      <c r="AG196" s="647"/>
      <c r="AH196" s="549"/>
      <c r="AI196" s="550"/>
      <c r="AJ196" s="551"/>
      <c r="AK196" s="332"/>
      <c r="AL196" s="48"/>
      <c r="AM196" s="26"/>
      <c r="AN196" s="1" t="str">
        <f t="shared" si="10"/>
        <v>■</v>
      </c>
    </row>
    <row r="197" spans="1:40" s="1" customFormat="1">
      <c r="A197" s="20" t="str">
        <f t="shared" si="9"/>
        <v>SS</v>
      </c>
      <c r="B197" s="20"/>
      <c r="C197" s="541">
        <v>18</v>
      </c>
      <c r="D197" s="542"/>
      <c r="E197" s="543" t="s">
        <v>1185</v>
      </c>
      <c r="F197" s="544"/>
      <c r="G197" s="544"/>
      <c r="H197" s="544"/>
      <c r="I197" s="544"/>
      <c r="J197" s="544"/>
      <c r="K197" s="544"/>
      <c r="L197" s="544"/>
      <c r="M197" s="544"/>
      <c r="N197" s="544"/>
      <c r="O197" s="544"/>
      <c r="P197" s="544"/>
      <c r="Q197" s="544"/>
      <c r="R197" s="544"/>
      <c r="S197" s="544"/>
      <c r="T197" s="545"/>
      <c r="U197" s="229" t="s">
        <v>1186</v>
      </c>
      <c r="V197" s="546" t="s">
        <v>107</v>
      </c>
      <c r="W197" s="547"/>
      <c r="X197" s="547"/>
      <c r="Y197" s="547"/>
      <c r="Z197" s="548"/>
      <c r="AA197" s="623" t="s">
        <v>108</v>
      </c>
      <c r="AB197" s="624"/>
      <c r="AC197" s="625"/>
      <c r="AD197" s="415">
        <v>8</v>
      </c>
      <c r="AE197" s="415">
        <v>0</v>
      </c>
      <c r="AF197" s="646"/>
      <c r="AG197" s="647"/>
      <c r="AH197" s="549"/>
      <c r="AI197" s="550"/>
      <c r="AJ197" s="551"/>
      <c r="AK197" s="332"/>
      <c r="AL197" s="48"/>
      <c r="AM197" s="26"/>
      <c r="AN197" s="1" t="str">
        <f t="shared" si="10"/>
        <v>■</v>
      </c>
    </row>
    <row r="198" spans="1:40" s="1" customFormat="1">
      <c r="A198" s="20" t="str">
        <f t="shared" si="9"/>
        <v>SS</v>
      </c>
      <c r="B198" s="20"/>
      <c r="C198" s="541">
        <v>19</v>
      </c>
      <c r="D198" s="542"/>
      <c r="E198" s="543" t="s">
        <v>1187</v>
      </c>
      <c r="F198" s="544"/>
      <c r="G198" s="544"/>
      <c r="H198" s="544"/>
      <c r="I198" s="544"/>
      <c r="J198" s="544"/>
      <c r="K198" s="544"/>
      <c r="L198" s="544"/>
      <c r="M198" s="544"/>
      <c r="N198" s="544"/>
      <c r="O198" s="544"/>
      <c r="P198" s="544"/>
      <c r="Q198" s="544"/>
      <c r="R198" s="544"/>
      <c r="S198" s="544"/>
      <c r="T198" s="545"/>
      <c r="U198" s="229" t="s">
        <v>1188</v>
      </c>
      <c r="V198" s="546" t="s">
        <v>101</v>
      </c>
      <c r="W198" s="547"/>
      <c r="X198" s="547"/>
      <c r="Y198" s="547"/>
      <c r="Z198" s="548"/>
      <c r="AA198" s="623" t="s">
        <v>102</v>
      </c>
      <c r="AB198" s="624"/>
      <c r="AC198" s="625"/>
      <c r="AD198" s="415">
        <v>5</v>
      </c>
      <c r="AE198" s="415" t="s">
        <v>103</v>
      </c>
      <c r="AF198" s="646"/>
      <c r="AG198" s="647"/>
      <c r="AH198" s="549"/>
      <c r="AI198" s="550"/>
      <c r="AJ198" s="551"/>
      <c r="AK198" s="332"/>
      <c r="AL198" s="48"/>
      <c r="AM198" s="26"/>
      <c r="AN198" s="1" t="str">
        <f t="shared" si="10"/>
        <v>■</v>
      </c>
    </row>
    <row r="199" spans="1:40" s="1" customFormat="1">
      <c r="A199" s="20" t="str">
        <f t="shared" si="9"/>
        <v>SS</v>
      </c>
      <c r="B199" s="20"/>
      <c r="C199" s="541">
        <v>20</v>
      </c>
      <c r="D199" s="542"/>
      <c r="E199" s="543" t="s">
        <v>1189</v>
      </c>
      <c r="F199" s="544"/>
      <c r="G199" s="544"/>
      <c r="H199" s="544"/>
      <c r="I199" s="544"/>
      <c r="J199" s="544"/>
      <c r="K199" s="544"/>
      <c r="L199" s="544"/>
      <c r="M199" s="544"/>
      <c r="N199" s="544"/>
      <c r="O199" s="544"/>
      <c r="P199" s="544"/>
      <c r="Q199" s="544"/>
      <c r="R199" s="544"/>
      <c r="S199" s="544"/>
      <c r="T199" s="545"/>
      <c r="U199" s="229" t="s">
        <v>1190</v>
      </c>
      <c r="V199" s="546" t="s">
        <v>107</v>
      </c>
      <c r="W199" s="547"/>
      <c r="X199" s="547"/>
      <c r="Y199" s="547"/>
      <c r="Z199" s="548"/>
      <c r="AA199" s="623" t="s">
        <v>108</v>
      </c>
      <c r="AB199" s="624"/>
      <c r="AC199" s="625"/>
      <c r="AD199" s="415">
        <v>8</v>
      </c>
      <c r="AE199" s="415">
        <v>0</v>
      </c>
      <c r="AF199" s="646"/>
      <c r="AG199" s="647"/>
      <c r="AH199" s="549"/>
      <c r="AI199" s="550"/>
      <c r="AJ199" s="551"/>
      <c r="AK199" s="332"/>
      <c r="AL199" s="38"/>
      <c r="AM199" s="26"/>
      <c r="AN199" s="1" t="str">
        <f t="shared" si="10"/>
        <v>■</v>
      </c>
    </row>
    <row r="200" spans="1:40" s="1" customFormat="1">
      <c r="A200" s="20" t="str">
        <f t="shared" si="9"/>
        <v>SS</v>
      </c>
      <c r="B200" s="20"/>
      <c r="C200" s="541">
        <v>21</v>
      </c>
      <c r="D200" s="542"/>
      <c r="E200" s="543" t="s">
        <v>1191</v>
      </c>
      <c r="F200" s="544"/>
      <c r="G200" s="544"/>
      <c r="H200" s="544"/>
      <c r="I200" s="544"/>
      <c r="J200" s="544"/>
      <c r="K200" s="544"/>
      <c r="L200" s="544"/>
      <c r="M200" s="544"/>
      <c r="N200" s="544"/>
      <c r="O200" s="544"/>
      <c r="P200" s="544"/>
      <c r="Q200" s="544"/>
      <c r="R200" s="544"/>
      <c r="S200" s="544"/>
      <c r="T200" s="545"/>
      <c r="U200" s="229" t="s">
        <v>1192</v>
      </c>
      <c r="V200" s="546" t="s">
        <v>101</v>
      </c>
      <c r="W200" s="547"/>
      <c r="X200" s="547"/>
      <c r="Y200" s="547"/>
      <c r="Z200" s="548"/>
      <c r="AA200" s="623" t="s">
        <v>102</v>
      </c>
      <c r="AB200" s="624"/>
      <c r="AC200" s="625"/>
      <c r="AD200" s="415">
        <v>5</v>
      </c>
      <c r="AE200" s="415" t="s">
        <v>103</v>
      </c>
      <c r="AF200" s="646"/>
      <c r="AG200" s="647"/>
      <c r="AH200" s="549"/>
      <c r="AI200" s="550"/>
      <c r="AJ200" s="551"/>
      <c r="AK200" s="332"/>
      <c r="AL200" s="38"/>
      <c r="AM200" s="26"/>
      <c r="AN200" s="1" t="str">
        <f t="shared" si="10"/>
        <v>■</v>
      </c>
    </row>
    <row r="201" spans="1:40" s="1" customFormat="1">
      <c r="A201" s="20" t="str">
        <f t="shared" si="9"/>
        <v>SS</v>
      </c>
      <c r="B201" s="20"/>
      <c r="C201" s="541">
        <v>22</v>
      </c>
      <c r="D201" s="542"/>
      <c r="E201" s="543" t="s">
        <v>1193</v>
      </c>
      <c r="F201" s="544"/>
      <c r="G201" s="544"/>
      <c r="H201" s="544"/>
      <c r="I201" s="544"/>
      <c r="J201" s="544"/>
      <c r="K201" s="544"/>
      <c r="L201" s="544"/>
      <c r="M201" s="544"/>
      <c r="N201" s="544"/>
      <c r="O201" s="544"/>
      <c r="P201" s="544"/>
      <c r="Q201" s="544"/>
      <c r="R201" s="544"/>
      <c r="S201" s="544"/>
      <c r="T201" s="545"/>
      <c r="U201" s="229" t="s">
        <v>1194</v>
      </c>
      <c r="V201" s="546" t="s">
        <v>107</v>
      </c>
      <c r="W201" s="547"/>
      <c r="X201" s="547"/>
      <c r="Y201" s="547"/>
      <c r="Z201" s="548"/>
      <c r="AA201" s="623" t="s">
        <v>108</v>
      </c>
      <c r="AB201" s="624"/>
      <c r="AC201" s="625"/>
      <c r="AD201" s="415">
        <v>8</v>
      </c>
      <c r="AE201" s="415">
        <v>0</v>
      </c>
      <c r="AF201" s="646"/>
      <c r="AG201" s="647"/>
      <c r="AH201" s="549"/>
      <c r="AI201" s="550"/>
      <c r="AJ201" s="551"/>
      <c r="AK201" s="332"/>
      <c r="AL201" s="48"/>
      <c r="AM201" s="26"/>
      <c r="AN201" s="1" t="str">
        <f t="shared" si="10"/>
        <v>■</v>
      </c>
    </row>
    <row r="202" spans="1:40" s="13" customFormat="1">
      <c r="A202" s="20" t="str">
        <f t="shared" si="9"/>
        <v>SS</v>
      </c>
      <c r="B202" s="20"/>
      <c r="C202" s="541">
        <v>23</v>
      </c>
      <c r="D202" s="542"/>
      <c r="E202" s="543" t="s">
        <v>1195</v>
      </c>
      <c r="F202" s="544"/>
      <c r="G202" s="544"/>
      <c r="H202" s="544"/>
      <c r="I202" s="544"/>
      <c r="J202" s="544"/>
      <c r="K202" s="544"/>
      <c r="L202" s="544"/>
      <c r="M202" s="544"/>
      <c r="N202" s="544"/>
      <c r="O202" s="544"/>
      <c r="P202" s="544"/>
      <c r="Q202" s="544"/>
      <c r="R202" s="544"/>
      <c r="S202" s="544"/>
      <c r="T202" s="545"/>
      <c r="U202" s="229" t="s">
        <v>1196</v>
      </c>
      <c r="V202" s="546" t="s">
        <v>101</v>
      </c>
      <c r="W202" s="547"/>
      <c r="X202" s="547"/>
      <c r="Y202" s="547"/>
      <c r="Z202" s="548"/>
      <c r="AA202" s="623" t="s">
        <v>102</v>
      </c>
      <c r="AB202" s="624"/>
      <c r="AC202" s="625"/>
      <c r="AD202" s="415">
        <v>5</v>
      </c>
      <c r="AE202" s="415" t="s">
        <v>103</v>
      </c>
      <c r="AF202" s="646"/>
      <c r="AG202" s="647"/>
      <c r="AH202" s="549"/>
      <c r="AI202" s="550"/>
      <c r="AJ202" s="551"/>
      <c r="AK202" s="118"/>
      <c r="AL202" s="38"/>
      <c r="AM202" s="54"/>
      <c r="AN202" s="1" t="str">
        <f t="shared" si="10"/>
        <v>■</v>
      </c>
    </row>
    <row r="203" spans="1:40" s="13" customFormat="1">
      <c r="A203" s="20" t="str">
        <f t="shared" si="9"/>
        <v>SS</v>
      </c>
      <c r="B203" s="20"/>
      <c r="C203" s="541">
        <v>24</v>
      </c>
      <c r="D203" s="542"/>
      <c r="E203" s="543" t="s">
        <v>1197</v>
      </c>
      <c r="F203" s="544"/>
      <c r="G203" s="544"/>
      <c r="H203" s="544"/>
      <c r="I203" s="544"/>
      <c r="J203" s="544"/>
      <c r="K203" s="544"/>
      <c r="L203" s="544"/>
      <c r="M203" s="544"/>
      <c r="N203" s="544"/>
      <c r="O203" s="544"/>
      <c r="P203" s="544"/>
      <c r="Q203" s="544"/>
      <c r="R203" s="544"/>
      <c r="S203" s="544"/>
      <c r="T203" s="545"/>
      <c r="U203" s="229" t="s">
        <v>1198</v>
      </c>
      <c r="V203" s="546" t="s">
        <v>107</v>
      </c>
      <c r="W203" s="547"/>
      <c r="X203" s="547"/>
      <c r="Y203" s="547"/>
      <c r="Z203" s="548"/>
      <c r="AA203" s="623" t="s">
        <v>108</v>
      </c>
      <c r="AB203" s="624"/>
      <c r="AC203" s="625"/>
      <c r="AD203" s="415">
        <v>8</v>
      </c>
      <c r="AE203" s="415">
        <v>0</v>
      </c>
      <c r="AF203" s="646"/>
      <c r="AG203" s="647"/>
      <c r="AH203" s="549"/>
      <c r="AI203" s="550"/>
      <c r="AJ203" s="551"/>
      <c r="AK203" s="118"/>
      <c r="AL203" s="38"/>
      <c r="AM203" s="54"/>
      <c r="AN203" s="1" t="str">
        <f t="shared" si="10"/>
        <v>■</v>
      </c>
    </row>
    <row r="204" spans="1:40" s="1" customFormat="1">
      <c r="A204" s="20" t="str">
        <f t="shared" si="9"/>
        <v>SS</v>
      </c>
      <c r="B204" s="20"/>
      <c r="C204" s="541">
        <v>25</v>
      </c>
      <c r="D204" s="542"/>
      <c r="E204" s="543" t="s">
        <v>1199</v>
      </c>
      <c r="F204" s="544"/>
      <c r="G204" s="544"/>
      <c r="H204" s="544"/>
      <c r="I204" s="544"/>
      <c r="J204" s="544"/>
      <c r="K204" s="544"/>
      <c r="L204" s="544"/>
      <c r="M204" s="544"/>
      <c r="N204" s="544"/>
      <c r="O204" s="544"/>
      <c r="P204" s="544"/>
      <c r="Q204" s="544"/>
      <c r="R204" s="544"/>
      <c r="S204" s="544"/>
      <c r="T204" s="545"/>
      <c r="U204" s="229" t="s">
        <v>1200</v>
      </c>
      <c r="V204" s="546" t="s">
        <v>101</v>
      </c>
      <c r="W204" s="547"/>
      <c r="X204" s="547"/>
      <c r="Y204" s="547"/>
      <c r="Z204" s="548"/>
      <c r="AA204" s="623" t="s">
        <v>102</v>
      </c>
      <c r="AB204" s="624"/>
      <c r="AC204" s="625"/>
      <c r="AD204" s="415">
        <v>5</v>
      </c>
      <c r="AE204" s="415" t="s">
        <v>103</v>
      </c>
      <c r="AF204" s="646"/>
      <c r="AG204" s="647"/>
      <c r="AH204" s="549"/>
      <c r="AI204" s="550"/>
      <c r="AJ204" s="551"/>
      <c r="AK204" s="332"/>
      <c r="AL204" s="48"/>
      <c r="AM204" s="26"/>
      <c r="AN204" s="1" t="str">
        <f t="shared" si="10"/>
        <v>■</v>
      </c>
    </row>
    <row r="205" spans="1:40" s="13" customFormat="1">
      <c r="A205" s="20" t="str">
        <f t="shared" si="9"/>
        <v>SS</v>
      </c>
      <c r="B205" s="20"/>
      <c r="C205" s="541">
        <v>26</v>
      </c>
      <c r="D205" s="542"/>
      <c r="E205" s="543" t="s">
        <v>1201</v>
      </c>
      <c r="F205" s="544"/>
      <c r="G205" s="544"/>
      <c r="H205" s="544"/>
      <c r="I205" s="544"/>
      <c r="J205" s="544"/>
      <c r="K205" s="544"/>
      <c r="L205" s="544"/>
      <c r="M205" s="544"/>
      <c r="N205" s="544"/>
      <c r="O205" s="544"/>
      <c r="P205" s="544"/>
      <c r="Q205" s="544"/>
      <c r="R205" s="544"/>
      <c r="S205" s="544"/>
      <c r="T205" s="545"/>
      <c r="U205" s="229" t="s">
        <v>1202</v>
      </c>
      <c r="V205" s="546" t="s">
        <v>107</v>
      </c>
      <c r="W205" s="547"/>
      <c r="X205" s="547"/>
      <c r="Y205" s="547"/>
      <c r="Z205" s="548"/>
      <c r="AA205" s="623" t="s">
        <v>108</v>
      </c>
      <c r="AB205" s="624"/>
      <c r="AC205" s="625"/>
      <c r="AD205" s="415">
        <v>8</v>
      </c>
      <c r="AE205" s="415">
        <v>0</v>
      </c>
      <c r="AF205" s="646"/>
      <c r="AG205" s="647"/>
      <c r="AH205" s="549"/>
      <c r="AI205" s="550"/>
      <c r="AJ205" s="551"/>
      <c r="AK205" s="118"/>
      <c r="AL205" s="48"/>
      <c r="AM205" s="54"/>
      <c r="AN205" s="1" t="str">
        <f t="shared" si="10"/>
        <v>■</v>
      </c>
    </row>
    <row r="206" spans="1:40" s="13" customFormat="1">
      <c r="A206" s="20" t="str">
        <f t="shared" si="9"/>
        <v>SS</v>
      </c>
      <c r="B206" s="20"/>
      <c r="C206" s="541">
        <v>27</v>
      </c>
      <c r="D206" s="542"/>
      <c r="E206" s="543" t="s">
        <v>1203</v>
      </c>
      <c r="F206" s="544"/>
      <c r="G206" s="544"/>
      <c r="H206" s="544"/>
      <c r="I206" s="544"/>
      <c r="J206" s="544"/>
      <c r="K206" s="544"/>
      <c r="L206" s="544"/>
      <c r="M206" s="544"/>
      <c r="N206" s="544"/>
      <c r="O206" s="544"/>
      <c r="P206" s="544"/>
      <c r="Q206" s="544"/>
      <c r="R206" s="544"/>
      <c r="S206" s="544"/>
      <c r="T206" s="545"/>
      <c r="U206" s="229" t="s">
        <v>1204</v>
      </c>
      <c r="V206" s="546" t="s">
        <v>101</v>
      </c>
      <c r="W206" s="547"/>
      <c r="X206" s="547"/>
      <c r="Y206" s="547"/>
      <c r="Z206" s="548"/>
      <c r="AA206" s="623" t="s">
        <v>102</v>
      </c>
      <c r="AB206" s="624"/>
      <c r="AC206" s="625"/>
      <c r="AD206" s="415">
        <v>5</v>
      </c>
      <c r="AE206" s="415" t="s">
        <v>103</v>
      </c>
      <c r="AF206" s="646"/>
      <c r="AG206" s="647"/>
      <c r="AH206" s="549"/>
      <c r="AI206" s="550"/>
      <c r="AJ206" s="551"/>
      <c r="AK206" s="118"/>
      <c r="AL206" s="48"/>
      <c r="AM206" s="54"/>
      <c r="AN206" s="1" t="str">
        <f t="shared" si="10"/>
        <v>■</v>
      </c>
    </row>
    <row r="207" spans="1:40" s="1" customFormat="1">
      <c r="A207" s="20" t="str">
        <f t="shared" si="9"/>
        <v>SS</v>
      </c>
      <c r="B207" s="20"/>
      <c r="C207" s="541">
        <v>28</v>
      </c>
      <c r="D207" s="542"/>
      <c r="E207" s="543" t="s">
        <v>1205</v>
      </c>
      <c r="F207" s="544"/>
      <c r="G207" s="544"/>
      <c r="H207" s="544"/>
      <c r="I207" s="544"/>
      <c r="J207" s="544"/>
      <c r="K207" s="544"/>
      <c r="L207" s="544"/>
      <c r="M207" s="544"/>
      <c r="N207" s="544"/>
      <c r="O207" s="544"/>
      <c r="P207" s="544"/>
      <c r="Q207" s="544"/>
      <c r="R207" s="544"/>
      <c r="S207" s="544"/>
      <c r="T207" s="545"/>
      <c r="U207" s="229" t="s">
        <v>1206</v>
      </c>
      <c r="V207" s="546" t="s">
        <v>107</v>
      </c>
      <c r="W207" s="547"/>
      <c r="X207" s="547"/>
      <c r="Y207" s="547"/>
      <c r="Z207" s="548"/>
      <c r="AA207" s="623" t="s">
        <v>108</v>
      </c>
      <c r="AB207" s="624"/>
      <c r="AC207" s="625"/>
      <c r="AD207" s="415">
        <v>8</v>
      </c>
      <c r="AE207" s="415">
        <v>0</v>
      </c>
      <c r="AF207" s="646"/>
      <c r="AG207" s="647"/>
      <c r="AH207" s="549"/>
      <c r="AI207" s="550"/>
      <c r="AJ207" s="551"/>
      <c r="AK207" s="332"/>
      <c r="AL207" s="48"/>
      <c r="AM207" s="26"/>
      <c r="AN207" s="1" t="str">
        <f t="shared" si="10"/>
        <v>■</v>
      </c>
    </row>
    <row r="208" spans="1:40" s="1" customFormat="1">
      <c r="A208" s="20" t="str">
        <f t="shared" si="9"/>
        <v>SS</v>
      </c>
      <c r="B208" s="20"/>
      <c r="C208" s="541">
        <v>29</v>
      </c>
      <c r="D208" s="542"/>
      <c r="E208" s="543" t="s">
        <v>1207</v>
      </c>
      <c r="F208" s="544"/>
      <c r="G208" s="544"/>
      <c r="H208" s="544"/>
      <c r="I208" s="544"/>
      <c r="J208" s="544"/>
      <c r="K208" s="544"/>
      <c r="L208" s="544"/>
      <c r="M208" s="544"/>
      <c r="N208" s="544"/>
      <c r="O208" s="544"/>
      <c r="P208" s="544"/>
      <c r="Q208" s="544"/>
      <c r="R208" s="544"/>
      <c r="S208" s="544"/>
      <c r="T208" s="545"/>
      <c r="U208" s="229" t="s">
        <v>1208</v>
      </c>
      <c r="V208" s="546" t="s">
        <v>101</v>
      </c>
      <c r="W208" s="547"/>
      <c r="X208" s="547"/>
      <c r="Y208" s="547"/>
      <c r="Z208" s="548"/>
      <c r="AA208" s="623" t="s">
        <v>102</v>
      </c>
      <c r="AB208" s="624"/>
      <c r="AC208" s="625"/>
      <c r="AD208" s="415">
        <v>5</v>
      </c>
      <c r="AE208" s="415" t="s">
        <v>103</v>
      </c>
      <c r="AF208" s="646"/>
      <c r="AG208" s="647"/>
      <c r="AH208" s="549"/>
      <c r="AI208" s="550"/>
      <c r="AJ208" s="551"/>
      <c r="AK208" s="332"/>
      <c r="AL208" s="48"/>
      <c r="AM208" s="26"/>
      <c r="AN208" s="1" t="str">
        <f t="shared" si="10"/>
        <v>■</v>
      </c>
    </row>
    <row r="209" spans="1:40" s="1" customFormat="1">
      <c r="A209" s="20" t="str">
        <f t="shared" si="9"/>
        <v>SS</v>
      </c>
      <c r="B209" s="20"/>
      <c r="C209" s="541">
        <v>30</v>
      </c>
      <c r="D209" s="542"/>
      <c r="E209" s="543" t="s">
        <v>1209</v>
      </c>
      <c r="F209" s="544"/>
      <c r="G209" s="544"/>
      <c r="H209" s="544"/>
      <c r="I209" s="544"/>
      <c r="J209" s="544"/>
      <c r="K209" s="544"/>
      <c r="L209" s="544"/>
      <c r="M209" s="544"/>
      <c r="N209" s="544"/>
      <c r="O209" s="544"/>
      <c r="P209" s="544"/>
      <c r="Q209" s="544"/>
      <c r="R209" s="544"/>
      <c r="S209" s="544"/>
      <c r="T209" s="545"/>
      <c r="U209" s="229" t="s">
        <v>1210</v>
      </c>
      <c r="V209" s="546" t="s">
        <v>107</v>
      </c>
      <c r="W209" s="547"/>
      <c r="X209" s="547"/>
      <c r="Y209" s="547"/>
      <c r="Z209" s="548"/>
      <c r="AA209" s="623" t="s">
        <v>108</v>
      </c>
      <c r="AB209" s="624"/>
      <c r="AC209" s="625"/>
      <c r="AD209" s="415">
        <v>8</v>
      </c>
      <c r="AE209" s="415">
        <v>0</v>
      </c>
      <c r="AF209" s="646"/>
      <c r="AG209" s="647"/>
      <c r="AH209" s="549"/>
      <c r="AI209" s="550"/>
      <c r="AJ209" s="551"/>
      <c r="AK209" s="332"/>
      <c r="AL209" s="48"/>
      <c r="AM209" s="26"/>
      <c r="AN209" s="1" t="str">
        <f t="shared" si="10"/>
        <v>■</v>
      </c>
    </row>
    <row r="210" spans="1:40" s="1" customFormat="1">
      <c r="A210" s="20" t="str">
        <f t="shared" si="9"/>
        <v>SS</v>
      </c>
      <c r="B210" s="20"/>
      <c r="C210" s="541">
        <v>31</v>
      </c>
      <c r="D210" s="542"/>
      <c r="E210" s="543" t="s">
        <v>1211</v>
      </c>
      <c r="F210" s="544"/>
      <c r="G210" s="544"/>
      <c r="H210" s="544"/>
      <c r="I210" s="544"/>
      <c r="J210" s="544"/>
      <c r="K210" s="544"/>
      <c r="L210" s="544"/>
      <c r="M210" s="544"/>
      <c r="N210" s="544"/>
      <c r="O210" s="544"/>
      <c r="P210" s="544"/>
      <c r="Q210" s="544"/>
      <c r="R210" s="544"/>
      <c r="S210" s="544"/>
      <c r="T210" s="545"/>
      <c r="U210" s="229" t="s">
        <v>1212</v>
      </c>
      <c r="V210" s="546" t="s">
        <v>101</v>
      </c>
      <c r="W210" s="547"/>
      <c r="X210" s="547"/>
      <c r="Y210" s="547"/>
      <c r="Z210" s="548"/>
      <c r="AA210" s="623" t="s">
        <v>102</v>
      </c>
      <c r="AB210" s="624"/>
      <c r="AC210" s="625"/>
      <c r="AD210" s="415">
        <v>5</v>
      </c>
      <c r="AE210" s="415" t="s">
        <v>103</v>
      </c>
      <c r="AF210" s="646"/>
      <c r="AG210" s="647"/>
      <c r="AH210" s="549"/>
      <c r="AI210" s="550"/>
      <c r="AJ210" s="551"/>
      <c r="AK210" s="332"/>
      <c r="AL210" s="48"/>
      <c r="AM210" s="26"/>
      <c r="AN210" s="1" t="str">
        <f t="shared" si="10"/>
        <v>■</v>
      </c>
    </row>
    <row r="211" spans="1:40" s="1" customFormat="1">
      <c r="A211" s="20" t="str">
        <f t="shared" si="9"/>
        <v>SS</v>
      </c>
      <c r="B211" s="20"/>
      <c r="C211" s="541">
        <v>32</v>
      </c>
      <c r="D211" s="542"/>
      <c r="E211" s="543" t="s">
        <v>1213</v>
      </c>
      <c r="F211" s="544"/>
      <c r="G211" s="544"/>
      <c r="H211" s="544"/>
      <c r="I211" s="544"/>
      <c r="J211" s="544"/>
      <c r="K211" s="544"/>
      <c r="L211" s="544"/>
      <c r="M211" s="544"/>
      <c r="N211" s="544"/>
      <c r="O211" s="544"/>
      <c r="P211" s="544"/>
      <c r="Q211" s="544"/>
      <c r="R211" s="544"/>
      <c r="S211" s="544"/>
      <c r="T211" s="545"/>
      <c r="U211" s="229" t="s">
        <v>1214</v>
      </c>
      <c r="V211" s="546" t="s">
        <v>107</v>
      </c>
      <c r="W211" s="547"/>
      <c r="X211" s="547"/>
      <c r="Y211" s="547"/>
      <c r="Z211" s="548"/>
      <c r="AA211" s="623" t="s">
        <v>108</v>
      </c>
      <c r="AB211" s="624"/>
      <c r="AC211" s="625"/>
      <c r="AD211" s="415">
        <v>8</v>
      </c>
      <c r="AE211" s="415">
        <v>0</v>
      </c>
      <c r="AF211" s="646"/>
      <c r="AG211" s="647"/>
      <c r="AH211" s="549"/>
      <c r="AI211" s="550"/>
      <c r="AJ211" s="551"/>
      <c r="AK211" s="332"/>
      <c r="AL211" s="48"/>
      <c r="AM211" s="26"/>
      <c r="AN211" s="1" t="str">
        <f t="shared" si="10"/>
        <v>■</v>
      </c>
    </row>
    <row r="212" spans="1:40" s="1" customFormat="1">
      <c r="A212" s="20" t="str">
        <f t="shared" si="9"/>
        <v>SS</v>
      </c>
      <c r="B212" s="20"/>
      <c r="C212" s="541">
        <v>33</v>
      </c>
      <c r="D212" s="542"/>
      <c r="E212" s="543" t="s">
        <v>1215</v>
      </c>
      <c r="F212" s="544"/>
      <c r="G212" s="544"/>
      <c r="H212" s="544"/>
      <c r="I212" s="544"/>
      <c r="J212" s="544"/>
      <c r="K212" s="544"/>
      <c r="L212" s="544"/>
      <c r="M212" s="544"/>
      <c r="N212" s="544"/>
      <c r="O212" s="544"/>
      <c r="P212" s="544"/>
      <c r="Q212" s="544"/>
      <c r="R212" s="544"/>
      <c r="S212" s="544"/>
      <c r="T212" s="545"/>
      <c r="U212" s="229" t="s">
        <v>1216</v>
      </c>
      <c r="V212" s="546" t="s">
        <v>101</v>
      </c>
      <c r="W212" s="547"/>
      <c r="X212" s="547"/>
      <c r="Y212" s="547"/>
      <c r="Z212" s="548"/>
      <c r="AA212" s="623" t="s">
        <v>102</v>
      </c>
      <c r="AB212" s="624"/>
      <c r="AC212" s="625"/>
      <c r="AD212" s="415">
        <v>5</v>
      </c>
      <c r="AE212" s="415" t="s">
        <v>103</v>
      </c>
      <c r="AF212" s="646"/>
      <c r="AG212" s="647"/>
      <c r="AH212" s="549"/>
      <c r="AI212" s="550"/>
      <c r="AJ212" s="551"/>
      <c r="AK212" s="332"/>
      <c r="AL212" s="48"/>
      <c r="AM212" s="26"/>
      <c r="AN212" s="1" t="str">
        <f t="shared" si="10"/>
        <v>■</v>
      </c>
    </row>
    <row r="213" spans="1:40" s="1" customFormat="1">
      <c r="A213" s="20" t="str">
        <f t="shared" si="9"/>
        <v>SS</v>
      </c>
      <c r="B213" s="20"/>
      <c r="C213" s="541">
        <v>34</v>
      </c>
      <c r="D213" s="542"/>
      <c r="E213" s="543" t="s">
        <v>1217</v>
      </c>
      <c r="F213" s="544"/>
      <c r="G213" s="544"/>
      <c r="H213" s="544"/>
      <c r="I213" s="544"/>
      <c r="J213" s="544"/>
      <c r="K213" s="544"/>
      <c r="L213" s="544"/>
      <c r="M213" s="544"/>
      <c r="N213" s="544"/>
      <c r="O213" s="544"/>
      <c r="P213" s="544"/>
      <c r="Q213" s="544"/>
      <c r="R213" s="544"/>
      <c r="S213" s="544"/>
      <c r="T213" s="545"/>
      <c r="U213" s="229" t="s">
        <v>1218</v>
      </c>
      <c r="V213" s="546" t="s">
        <v>107</v>
      </c>
      <c r="W213" s="547"/>
      <c r="X213" s="547"/>
      <c r="Y213" s="547"/>
      <c r="Z213" s="548"/>
      <c r="AA213" s="623" t="s">
        <v>108</v>
      </c>
      <c r="AB213" s="624"/>
      <c r="AC213" s="625"/>
      <c r="AD213" s="415">
        <v>8</v>
      </c>
      <c r="AE213" s="415">
        <v>0</v>
      </c>
      <c r="AF213" s="646"/>
      <c r="AG213" s="647"/>
      <c r="AH213" s="549"/>
      <c r="AI213" s="550"/>
      <c r="AJ213" s="551"/>
      <c r="AK213" s="332"/>
      <c r="AL213" s="48"/>
      <c r="AM213" s="26"/>
      <c r="AN213" s="1" t="str">
        <f t="shared" si="10"/>
        <v>■</v>
      </c>
    </row>
    <row r="214" spans="1:40" s="1" customFormat="1">
      <c r="A214" s="20" t="str">
        <f t="shared" si="9"/>
        <v>SS</v>
      </c>
      <c r="B214" s="20"/>
      <c r="C214" s="541">
        <v>35</v>
      </c>
      <c r="D214" s="542"/>
      <c r="E214" s="543" t="s">
        <v>1219</v>
      </c>
      <c r="F214" s="544"/>
      <c r="G214" s="544"/>
      <c r="H214" s="544"/>
      <c r="I214" s="544"/>
      <c r="J214" s="544"/>
      <c r="K214" s="544"/>
      <c r="L214" s="544"/>
      <c r="M214" s="544"/>
      <c r="N214" s="544"/>
      <c r="O214" s="544"/>
      <c r="P214" s="544"/>
      <c r="Q214" s="544"/>
      <c r="R214" s="544"/>
      <c r="S214" s="544"/>
      <c r="T214" s="545"/>
      <c r="U214" s="229" t="s">
        <v>1220</v>
      </c>
      <c r="V214" s="546" t="s">
        <v>101</v>
      </c>
      <c r="W214" s="547"/>
      <c r="X214" s="547"/>
      <c r="Y214" s="547"/>
      <c r="Z214" s="548"/>
      <c r="AA214" s="623" t="s">
        <v>102</v>
      </c>
      <c r="AB214" s="624"/>
      <c r="AC214" s="625"/>
      <c r="AD214" s="415">
        <v>5</v>
      </c>
      <c r="AE214" s="415" t="s">
        <v>103</v>
      </c>
      <c r="AF214" s="646"/>
      <c r="AG214" s="647"/>
      <c r="AH214" s="549"/>
      <c r="AI214" s="550"/>
      <c r="AJ214" s="551"/>
      <c r="AK214" s="332"/>
      <c r="AL214" s="48"/>
      <c r="AM214" s="26"/>
      <c r="AN214" s="1" t="str">
        <f t="shared" si="10"/>
        <v>■</v>
      </c>
    </row>
    <row r="215" spans="1:40" s="1" customFormat="1">
      <c r="A215" s="20" t="str">
        <f t="shared" si="9"/>
        <v>SS</v>
      </c>
      <c r="B215" s="20"/>
      <c r="C215" s="541">
        <v>36</v>
      </c>
      <c r="D215" s="542"/>
      <c r="E215" s="543" t="s">
        <v>1221</v>
      </c>
      <c r="F215" s="544"/>
      <c r="G215" s="544"/>
      <c r="H215" s="544"/>
      <c r="I215" s="544"/>
      <c r="J215" s="544"/>
      <c r="K215" s="544"/>
      <c r="L215" s="544"/>
      <c r="M215" s="544"/>
      <c r="N215" s="544"/>
      <c r="O215" s="544"/>
      <c r="P215" s="544"/>
      <c r="Q215" s="544"/>
      <c r="R215" s="544"/>
      <c r="S215" s="544"/>
      <c r="T215" s="545"/>
      <c r="U215" s="229" t="s">
        <v>1222</v>
      </c>
      <c r="V215" s="546" t="s">
        <v>107</v>
      </c>
      <c r="W215" s="547"/>
      <c r="X215" s="547"/>
      <c r="Y215" s="547"/>
      <c r="Z215" s="548"/>
      <c r="AA215" s="623" t="s">
        <v>108</v>
      </c>
      <c r="AB215" s="624"/>
      <c r="AC215" s="625"/>
      <c r="AD215" s="415">
        <v>8</v>
      </c>
      <c r="AE215" s="415">
        <v>0</v>
      </c>
      <c r="AF215" s="646"/>
      <c r="AG215" s="647"/>
      <c r="AH215" s="549"/>
      <c r="AI215" s="550"/>
      <c r="AJ215" s="551"/>
      <c r="AK215" s="332"/>
      <c r="AL215" s="48"/>
      <c r="AM215" s="26"/>
      <c r="AN215" s="1" t="str">
        <f t="shared" si="10"/>
        <v>■</v>
      </c>
    </row>
    <row r="216" spans="1:40" s="1" customFormat="1">
      <c r="A216" s="20" t="str">
        <f t="shared" si="9"/>
        <v>SS</v>
      </c>
      <c r="B216" s="20"/>
      <c r="C216" s="541">
        <v>37</v>
      </c>
      <c r="D216" s="542"/>
      <c r="E216" s="543" t="s">
        <v>1223</v>
      </c>
      <c r="F216" s="544"/>
      <c r="G216" s="544"/>
      <c r="H216" s="544"/>
      <c r="I216" s="544"/>
      <c r="J216" s="544"/>
      <c r="K216" s="544"/>
      <c r="L216" s="544"/>
      <c r="M216" s="544"/>
      <c r="N216" s="544"/>
      <c r="O216" s="544"/>
      <c r="P216" s="544"/>
      <c r="Q216" s="544"/>
      <c r="R216" s="544"/>
      <c r="S216" s="544"/>
      <c r="T216" s="545"/>
      <c r="U216" s="229" t="s">
        <v>1224</v>
      </c>
      <c r="V216" s="546" t="s">
        <v>101</v>
      </c>
      <c r="W216" s="547"/>
      <c r="X216" s="547"/>
      <c r="Y216" s="547"/>
      <c r="Z216" s="548"/>
      <c r="AA216" s="623" t="s">
        <v>102</v>
      </c>
      <c r="AB216" s="624"/>
      <c r="AC216" s="625"/>
      <c r="AD216" s="415">
        <v>5</v>
      </c>
      <c r="AE216" s="415" t="s">
        <v>103</v>
      </c>
      <c r="AF216" s="646"/>
      <c r="AG216" s="647"/>
      <c r="AH216" s="549"/>
      <c r="AI216" s="550"/>
      <c r="AJ216" s="551"/>
      <c r="AK216" s="332"/>
      <c r="AL216" s="48"/>
      <c r="AM216" s="26"/>
      <c r="AN216" s="1" t="str">
        <f t="shared" si="10"/>
        <v>■</v>
      </c>
    </row>
    <row r="217" spans="1:40" s="1" customFormat="1">
      <c r="A217" s="20" t="str">
        <f t="shared" si="9"/>
        <v>SS</v>
      </c>
      <c r="B217" s="20"/>
      <c r="C217" s="541">
        <v>38</v>
      </c>
      <c r="D217" s="542"/>
      <c r="E217" s="543" t="s">
        <v>1225</v>
      </c>
      <c r="F217" s="544"/>
      <c r="G217" s="544"/>
      <c r="H217" s="544"/>
      <c r="I217" s="544"/>
      <c r="J217" s="544"/>
      <c r="K217" s="544"/>
      <c r="L217" s="544"/>
      <c r="M217" s="544"/>
      <c r="N217" s="544"/>
      <c r="O217" s="544"/>
      <c r="P217" s="544"/>
      <c r="Q217" s="544"/>
      <c r="R217" s="544"/>
      <c r="S217" s="544"/>
      <c r="T217" s="545"/>
      <c r="U217" s="229" t="s">
        <v>1226</v>
      </c>
      <c r="V217" s="546" t="s">
        <v>107</v>
      </c>
      <c r="W217" s="547"/>
      <c r="X217" s="547"/>
      <c r="Y217" s="547"/>
      <c r="Z217" s="548"/>
      <c r="AA217" s="623" t="s">
        <v>108</v>
      </c>
      <c r="AB217" s="624"/>
      <c r="AC217" s="625"/>
      <c r="AD217" s="415">
        <v>8</v>
      </c>
      <c r="AE217" s="415">
        <v>0</v>
      </c>
      <c r="AF217" s="646"/>
      <c r="AG217" s="647"/>
      <c r="AH217" s="549"/>
      <c r="AI217" s="550"/>
      <c r="AJ217" s="551"/>
      <c r="AK217" s="332"/>
      <c r="AL217" s="48"/>
      <c r="AM217" s="26"/>
      <c r="AN217" s="1" t="str">
        <f t="shared" si="10"/>
        <v>■</v>
      </c>
    </row>
    <row r="218" spans="1:40" s="1" customFormat="1">
      <c r="A218" s="20" t="str">
        <f t="shared" si="9"/>
        <v>SS</v>
      </c>
      <c r="B218" s="20"/>
      <c r="C218" s="541">
        <v>39</v>
      </c>
      <c r="D218" s="542"/>
      <c r="E218" s="543" t="s">
        <v>1227</v>
      </c>
      <c r="F218" s="544"/>
      <c r="G218" s="544"/>
      <c r="H218" s="544"/>
      <c r="I218" s="544"/>
      <c r="J218" s="544"/>
      <c r="K218" s="544"/>
      <c r="L218" s="544"/>
      <c r="M218" s="544"/>
      <c r="N218" s="544"/>
      <c r="O218" s="544"/>
      <c r="P218" s="544"/>
      <c r="Q218" s="544"/>
      <c r="R218" s="544"/>
      <c r="S218" s="544"/>
      <c r="T218" s="545"/>
      <c r="U218" s="229" t="s">
        <v>1228</v>
      </c>
      <c r="V218" s="546" t="s">
        <v>101</v>
      </c>
      <c r="W218" s="547"/>
      <c r="X218" s="547"/>
      <c r="Y218" s="547"/>
      <c r="Z218" s="548"/>
      <c r="AA218" s="623" t="s">
        <v>102</v>
      </c>
      <c r="AB218" s="624"/>
      <c r="AC218" s="625"/>
      <c r="AD218" s="415">
        <v>5</v>
      </c>
      <c r="AE218" s="415" t="s">
        <v>103</v>
      </c>
      <c r="AF218" s="646"/>
      <c r="AG218" s="647"/>
      <c r="AH218" s="549"/>
      <c r="AI218" s="550"/>
      <c r="AJ218" s="551"/>
      <c r="AK218" s="332"/>
      <c r="AL218" s="48"/>
      <c r="AM218" s="26"/>
      <c r="AN218" s="1" t="str">
        <f t="shared" si="10"/>
        <v>■</v>
      </c>
    </row>
    <row r="219" spans="1:40" s="1" customFormat="1">
      <c r="A219" s="20" t="str">
        <f t="shared" si="9"/>
        <v>SS</v>
      </c>
      <c r="B219" s="20"/>
      <c r="C219" s="541">
        <v>40</v>
      </c>
      <c r="D219" s="542"/>
      <c r="E219" s="543" t="s">
        <v>1229</v>
      </c>
      <c r="F219" s="544"/>
      <c r="G219" s="544"/>
      <c r="H219" s="544"/>
      <c r="I219" s="544"/>
      <c r="J219" s="544"/>
      <c r="K219" s="544"/>
      <c r="L219" s="544"/>
      <c r="M219" s="544"/>
      <c r="N219" s="544"/>
      <c r="O219" s="544"/>
      <c r="P219" s="544"/>
      <c r="Q219" s="544"/>
      <c r="R219" s="544"/>
      <c r="S219" s="544"/>
      <c r="T219" s="545"/>
      <c r="U219" s="229" t="s">
        <v>1230</v>
      </c>
      <c r="V219" s="546" t="s">
        <v>107</v>
      </c>
      <c r="W219" s="547"/>
      <c r="X219" s="547"/>
      <c r="Y219" s="547"/>
      <c r="Z219" s="548"/>
      <c r="AA219" s="623" t="s">
        <v>108</v>
      </c>
      <c r="AB219" s="624"/>
      <c r="AC219" s="625"/>
      <c r="AD219" s="415">
        <v>8</v>
      </c>
      <c r="AE219" s="415">
        <v>0</v>
      </c>
      <c r="AF219" s="646"/>
      <c r="AG219" s="647"/>
      <c r="AH219" s="549"/>
      <c r="AI219" s="550"/>
      <c r="AJ219" s="551"/>
      <c r="AK219" s="332"/>
      <c r="AL219" s="48"/>
      <c r="AM219" s="26"/>
      <c r="AN219" s="1" t="str">
        <f t="shared" si="10"/>
        <v>■</v>
      </c>
    </row>
    <row r="220" spans="1:40" s="1" customFormat="1">
      <c r="A220" s="20" t="str">
        <f t="shared" si="9"/>
        <v>SS</v>
      </c>
      <c r="B220" s="20"/>
      <c r="C220" s="541">
        <v>41</v>
      </c>
      <c r="D220" s="542"/>
      <c r="E220" s="543" t="s">
        <v>1231</v>
      </c>
      <c r="F220" s="544"/>
      <c r="G220" s="544"/>
      <c r="H220" s="544"/>
      <c r="I220" s="544"/>
      <c r="J220" s="544"/>
      <c r="K220" s="544"/>
      <c r="L220" s="544"/>
      <c r="M220" s="544"/>
      <c r="N220" s="544"/>
      <c r="O220" s="544"/>
      <c r="P220" s="544"/>
      <c r="Q220" s="544"/>
      <c r="R220" s="544"/>
      <c r="S220" s="544"/>
      <c r="T220" s="545"/>
      <c r="U220" s="229" t="s">
        <v>1232</v>
      </c>
      <c r="V220" s="546" t="s">
        <v>101</v>
      </c>
      <c r="W220" s="547"/>
      <c r="X220" s="547"/>
      <c r="Y220" s="547"/>
      <c r="Z220" s="548"/>
      <c r="AA220" s="623" t="s">
        <v>102</v>
      </c>
      <c r="AB220" s="624"/>
      <c r="AC220" s="625"/>
      <c r="AD220" s="415">
        <v>5</v>
      </c>
      <c r="AE220" s="415" t="s">
        <v>103</v>
      </c>
      <c r="AF220" s="646"/>
      <c r="AG220" s="647"/>
      <c r="AH220" s="549"/>
      <c r="AI220" s="550"/>
      <c r="AJ220" s="551"/>
      <c r="AK220" s="332"/>
      <c r="AL220" s="48"/>
      <c r="AM220" s="26"/>
      <c r="AN220" s="1" t="str">
        <f t="shared" si="10"/>
        <v>■</v>
      </c>
    </row>
    <row r="221" spans="1:40" s="1" customFormat="1">
      <c r="A221" s="20" t="str">
        <f t="shared" si="9"/>
        <v>SS</v>
      </c>
      <c r="B221" s="20"/>
      <c r="C221" s="541">
        <v>42</v>
      </c>
      <c r="D221" s="542"/>
      <c r="E221" s="543" t="s">
        <v>1233</v>
      </c>
      <c r="F221" s="544"/>
      <c r="G221" s="544"/>
      <c r="H221" s="544"/>
      <c r="I221" s="544"/>
      <c r="J221" s="544"/>
      <c r="K221" s="544"/>
      <c r="L221" s="544"/>
      <c r="M221" s="544"/>
      <c r="N221" s="544"/>
      <c r="O221" s="544"/>
      <c r="P221" s="544"/>
      <c r="Q221" s="544"/>
      <c r="R221" s="544"/>
      <c r="S221" s="544"/>
      <c r="T221" s="545"/>
      <c r="U221" s="229" t="s">
        <v>1234</v>
      </c>
      <c r="V221" s="546" t="s">
        <v>107</v>
      </c>
      <c r="W221" s="547"/>
      <c r="X221" s="547"/>
      <c r="Y221" s="547"/>
      <c r="Z221" s="548"/>
      <c r="AA221" s="623" t="s">
        <v>108</v>
      </c>
      <c r="AB221" s="624"/>
      <c r="AC221" s="625"/>
      <c r="AD221" s="415">
        <v>8</v>
      </c>
      <c r="AE221" s="415">
        <v>0</v>
      </c>
      <c r="AF221" s="646"/>
      <c r="AG221" s="647"/>
      <c r="AH221" s="549"/>
      <c r="AI221" s="550"/>
      <c r="AJ221" s="551"/>
      <c r="AK221" s="332"/>
      <c r="AL221" s="38"/>
      <c r="AM221" s="26"/>
      <c r="AN221" s="1" t="str">
        <f t="shared" si="10"/>
        <v>■</v>
      </c>
    </row>
    <row r="222" spans="1:40" s="1" customFormat="1">
      <c r="A222" s="20" t="str">
        <f t="shared" si="9"/>
        <v>SS</v>
      </c>
      <c r="B222" s="20"/>
      <c r="C222" s="541">
        <v>43</v>
      </c>
      <c r="D222" s="542"/>
      <c r="E222" s="543" t="s">
        <v>1235</v>
      </c>
      <c r="F222" s="544"/>
      <c r="G222" s="544"/>
      <c r="H222" s="544"/>
      <c r="I222" s="544"/>
      <c r="J222" s="544"/>
      <c r="K222" s="544"/>
      <c r="L222" s="544"/>
      <c r="M222" s="544"/>
      <c r="N222" s="544"/>
      <c r="O222" s="544"/>
      <c r="P222" s="544"/>
      <c r="Q222" s="544"/>
      <c r="R222" s="544"/>
      <c r="S222" s="544"/>
      <c r="T222" s="545"/>
      <c r="U222" s="229" t="s">
        <v>1236</v>
      </c>
      <c r="V222" s="546" t="s">
        <v>101</v>
      </c>
      <c r="W222" s="547"/>
      <c r="X222" s="547"/>
      <c r="Y222" s="547"/>
      <c r="Z222" s="548"/>
      <c r="AA222" s="623" t="s">
        <v>102</v>
      </c>
      <c r="AB222" s="624"/>
      <c r="AC222" s="625"/>
      <c r="AD222" s="415">
        <v>5</v>
      </c>
      <c r="AE222" s="415" t="s">
        <v>103</v>
      </c>
      <c r="AF222" s="646"/>
      <c r="AG222" s="647"/>
      <c r="AH222" s="549"/>
      <c r="AI222" s="550"/>
      <c r="AJ222" s="551"/>
      <c r="AK222" s="332"/>
      <c r="AL222" s="38"/>
      <c r="AM222" s="26"/>
      <c r="AN222" s="1" t="str">
        <f t="shared" si="10"/>
        <v>■</v>
      </c>
    </row>
    <row r="223" spans="1:40" s="1" customFormat="1">
      <c r="A223" s="20" t="str">
        <f t="shared" si="9"/>
        <v>SS</v>
      </c>
      <c r="B223" s="20"/>
      <c r="C223" s="541">
        <v>44</v>
      </c>
      <c r="D223" s="542"/>
      <c r="E223" s="543" t="s">
        <v>1237</v>
      </c>
      <c r="F223" s="544"/>
      <c r="G223" s="544"/>
      <c r="H223" s="544"/>
      <c r="I223" s="544"/>
      <c r="J223" s="544"/>
      <c r="K223" s="544"/>
      <c r="L223" s="544"/>
      <c r="M223" s="544"/>
      <c r="N223" s="544"/>
      <c r="O223" s="544"/>
      <c r="P223" s="544"/>
      <c r="Q223" s="544"/>
      <c r="R223" s="544"/>
      <c r="S223" s="544"/>
      <c r="T223" s="545"/>
      <c r="U223" s="229" t="s">
        <v>1238</v>
      </c>
      <c r="V223" s="546" t="s">
        <v>107</v>
      </c>
      <c r="W223" s="547"/>
      <c r="X223" s="547"/>
      <c r="Y223" s="547"/>
      <c r="Z223" s="548"/>
      <c r="AA223" s="623" t="s">
        <v>108</v>
      </c>
      <c r="AB223" s="624"/>
      <c r="AC223" s="625"/>
      <c r="AD223" s="415">
        <v>8</v>
      </c>
      <c r="AE223" s="415">
        <v>0</v>
      </c>
      <c r="AF223" s="646"/>
      <c r="AG223" s="647"/>
      <c r="AH223" s="549"/>
      <c r="AI223" s="550"/>
      <c r="AJ223" s="551"/>
      <c r="AK223" s="332"/>
      <c r="AL223" s="48"/>
      <c r="AM223" s="26"/>
      <c r="AN223" s="1" t="str">
        <f t="shared" si="10"/>
        <v>■</v>
      </c>
    </row>
    <row r="224" spans="1:40" s="13" customFormat="1">
      <c r="A224" s="20" t="str">
        <f t="shared" si="9"/>
        <v>SS</v>
      </c>
      <c r="B224" s="20"/>
      <c r="C224" s="541">
        <v>45</v>
      </c>
      <c r="D224" s="542"/>
      <c r="E224" s="543" t="s">
        <v>1239</v>
      </c>
      <c r="F224" s="544"/>
      <c r="G224" s="544"/>
      <c r="H224" s="544"/>
      <c r="I224" s="544"/>
      <c r="J224" s="544"/>
      <c r="K224" s="544"/>
      <c r="L224" s="544"/>
      <c r="M224" s="544"/>
      <c r="N224" s="544"/>
      <c r="O224" s="544"/>
      <c r="P224" s="544"/>
      <c r="Q224" s="544"/>
      <c r="R224" s="544"/>
      <c r="S224" s="544"/>
      <c r="T224" s="545"/>
      <c r="U224" s="229" t="s">
        <v>1240</v>
      </c>
      <c r="V224" s="546" t="s">
        <v>101</v>
      </c>
      <c r="W224" s="547"/>
      <c r="X224" s="547"/>
      <c r="Y224" s="547"/>
      <c r="Z224" s="548"/>
      <c r="AA224" s="623" t="s">
        <v>102</v>
      </c>
      <c r="AB224" s="624"/>
      <c r="AC224" s="625"/>
      <c r="AD224" s="415">
        <v>5</v>
      </c>
      <c r="AE224" s="415" t="s">
        <v>103</v>
      </c>
      <c r="AF224" s="646"/>
      <c r="AG224" s="647"/>
      <c r="AH224" s="549"/>
      <c r="AI224" s="550"/>
      <c r="AJ224" s="551"/>
      <c r="AK224" s="118"/>
      <c r="AL224" s="38"/>
      <c r="AM224" s="54"/>
      <c r="AN224" s="1" t="str">
        <f t="shared" si="10"/>
        <v>■</v>
      </c>
    </row>
    <row r="225" spans="1:40" s="13" customFormat="1">
      <c r="A225" s="20" t="str">
        <f t="shared" si="9"/>
        <v>SS</v>
      </c>
      <c r="B225" s="20"/>
      <c r="C225" s="541">
        <v>46</v>
      </c>
      <c r="D225" s="542"/>
      <c r="E225" s="543" t="s">
        <v>1241</v>
      </c>
      <c r="F225" s="544"/>
      <c r="G225" s="544"/>
      <c r="H225" s="544"/>
      <c r="I225" s="544"/>
      <c r="J225" s="544"/>
      <c r="K225" s="544"/>
      <c r="L225" s="544"/>
      <c r="M225" s="544"/>
      <c r="N225" s="544"/>
      <c r="O225" s="544"/>
      <c r="P225" s="544"/>
      <c r="Q225" s="544"/>
      <c r="R225" s="544"/>
      <c r="S225" s="544"/>
      <c r="T225" s="545"/>
      <c r="U225" s="229" t="s">
        <v>1242</v>
      </c>
      <c r="V225" s="546" t="s">
        <v>107</v>
      </c>
      <c r="W225" s="547"/>
      <c r="X225" s="547"/>
      <c r="Y225" s="547"/>
      <c r="Z225" s="548"/>
      <c r="AA225" s="623" t="s">
        <v>108</v>
      </c>
      <c r="AB225" s="624"/>
      <c r="AC225" s="625"/>
      <c r="AD225" s="415">
        <v>8</v>
      </c>
      <c r="AE225" s="415">
        <v>0</v>
      </c>
      <c r="AF225" s="646"/>
      <c r="AG225" s="647"/>
      <c r="AH225" s="549"/>
      <c r="AI225" s="550"/>
      <c r="AJ225" s="551"/>
      <c r="AK225" s="118"/>
      <c r="AL225" s="38"/>
      <c r="AM225" s="54"/>
      <c r="AN225" s="1" t="str">
        <f t="shared" si="10"/>
        <v>■</v>
      </c>
    </row>
    <row r="226" spans="1:40" s="1" customFormat="1">
      <c r="A226" s="20" t="str">
        <f t="shared" si="9"/>
        <v>SS</v>
      </c>
      <c r="B226" s="20"/>
      <c r="C226" s="541">
        <v>47</v>
      </c>
      <c r="D226" s="542"/>
      <c r="E226" s="543" t="s">
        <v>1243</v>
      </c>
      <c r="F226" s="544"/>
      <c r="G226" s="544"/>
      <c r="H226" s="544"/>
      <c r="I226" s="544"/>
      <c r="J226" s="544"/>
      <c r="K226" s="544"/>
      <c r="L226" s="544"/>
      <c r="M226" s="544"/>
      <c r="N226" s="544"/>
      <c r="O226" s="544"/>
      <c r="P226" s="544"/>
      <c r="Q226" s="544"/>
      <c r="R226" s="544"/>
      <c r="S226" s="544"/>
      <c r="T226" s="545"/>
      <c r="U226" s="229" t="s">
        <v>1244</v>
      </c>
      <c r="V226" s="546" t="s">
        <v>101</v>
      </c>
      <c r="W226" s="547"/>
      <c r="X226" s="547"/>
      <c r="Y226" s="547"/>
      <c r="Z226" s="548"/>
      <c r="AA226" s="623" t="s">
        <v>102</v>
      </c>
      <c r="AB226" s="624"/>
      <c r="AC226" s="625"/>
      <c r="AD226" s="415">
        <v>5</v>
      </c>
      <c r="AE226" s="415" t="s">
        <v>103</v>
      </c>
      <c r="AF226" s="646"/>
      <c r="AG226" s="647"/>
      <c r="AH226" s="549"/>
      <c r="AI226" s="550"/>
      <c r="AJ226" s="551"/>
      <c r="AK226" s="332"/>
      <c r="AL226" s="48"/>
      <c r="AM226" s="26"/>
      <c r="AN226" s="1" t="str">
        <f t="shared" si="10"/>
        <v>■</v>
      </c>
    </row>
    <row r="227" spans="1:40" s="13" customFormat="1">
      <c r="A227" s="20" t="str">
        <f t="shared" si="9"/>
        <v>SS</v>
      </c>
      <c r="B227" s="20"/>
      <c r="C227" s="541">
        <v>48</v>
      </c>
      <c r="D227" s="542"/>
      <c r="E227" s="543" t="s">
        <v>1245</v>
      </c>
      <c r="F227" s="544"/>
      <c r="G227" s="544"/>
      <c r="H227" s="544"/>
      <c r="I227" s="544"/>
      <c r="J227" s="544"/>
      <c r="K227" s="544"/>
      <c r="L227" s="544"/>
      <c r="M227" s="544"/>
      <c r="N227" s="544"/>
      <c r="O227" s="544"/>
      <c r="P227" s="544"/>
      <c r="Q227" s="544"/>
      <c r="R227" s="544"/>
      <c r="S227" s="544"/>
      <c r="T227" s="545"/>
      <c r="U227" s="229" t="s">
        <v>1246</v>
      </c>
      <c r="V227" s="546" t="s">
        <v>107</v>
      </c>
      <c r="W227" s="547"/>
      <c r="X227" s="547"/>
      <c r="Y227" s="547"/>
      <c r="Z227" s="548"/>
      <c r="AA227" s="623" t="s">
        <v>108</v>
      </c>
      <c r="AB227" s="624"/>
      <c r="AC227" s="625"/>
      <c r="AD227" s="415">
        <v>8</v>
      </c>
      <c r="AE227" s="415">
        <v>0</v>
      </c>
      <c r="AF227" s="646"/>
      <c r="AG227" s="647"/>
      <c r="AH227" s="549"/>
      <c r="AI227" s="550"/>
      <c r="AJ227" s="551"/>
      <c r="AK227" s="118"/>
      <c r="AL227" s="48"/>
      <c r="AM227" s="54"/>
      <c r="AN227" s="1" t="str">
        <f t="shared" si="10"/>
        <v>■</v>
      </c>
    </row>
    <row r="228" spans="1:40" s="13" customFormat="1">
      <c r="A228" s="20" t="str">
        <f t="shared" si="9"/>
        <v>SS</v>
      </c>
      <c r="B228" s="20"/>
      <c r="C228" s="541">
        <v>49</v>
      </c>
      <c r="D228" s="542"/>
      <c r="E228" s="543" t="s">
        <v>1247</v>
      </c>
      <c r="F228" s="544"/>
      <c r="G228" s="544"/>
      <c r="H228" s="544"/>
      <c r="I228" s="544"/>
      <c r="J228" s="544"/>
      <c r="K228" s="544"/>
      <c r="L228" s="544"/>
      <c r="M228" s="544"/>
      <c r="N228" s="544"/>
      <c r="O228" s="544"/>
      <c r="P228" s="544"/>
      <c r="Q228" s="544"/>
      <c r="R228" s="544"/>
      <c r="S228" s="544"/>
      <c r="T228" s="545"/>
      <c r="U228" s="229" t="s">
        <v>1248</v>
      </c>
      <c r="V228" s="546" t="s">
        <v>101</v>
      </c>
      <c r="W228" s="547"/>
      <c r="X228" s="547"/>
      <c r="Y228" s="547"/>
      <c r="Z228" s="548"/>
      <c r="AA228" s="623" t="s">
        <v>102</v>
      </c>
      <c r="AB228" s="624"/>
      <c r="AC228" s="625"/>
      <c r="AD228" s="415">
        <v>5</v>
      </c>
      <c r="AE228" s="415" t="s">
        <v>103</v>
      </c>
      <c r="AF228" s="646"/>
      <c r="AG228" s="647"/>
      <c r="AH228" s="549"/>
      <c r="AI228" s="550"/>
      <c r="AJ228" s="551"/>
      <c r="AK228" s="118"/>
      <c r="AL228" s="48"/>
      <c r="AM228" s="54"/>
      <c r="AN228" s="1" t="str">
        <f t="shared" si="10"/>
        <v>■</v>
      </c>
    </row>
    <row r="229" spans="1:40" s="1" customFormat="1">
      <c r="A229" s="20" t="str">
        <f t="shared" si="9"/>
        <v>SS</v>
      </c>
      <c r="B229" s="20"/>
      <c r="C229" s="541">
        <v>50</v>
      </c>
      <c r="D229" s="542"/>
      <c r="E229" s="543" t="s">
        <v>1249</v>
      </c>
      <c r="F229" s="544"/>
      <c r="G229" s="544"/>
      <c r="H229" s="544"/>
      <c r="I229" s="544"/>
      <c r="J229" s="544"/>
      <c r="K229" s="544"/>
      <c r="L229" s="544"/>
      <c r="M229" s="544"/>
      <c r="N229" s="544"/>
      <c r="O229" s="544"/>
      <c r="P229" s="544"/>
      <c r="Q229" s="544"/>
      <c r="R229" s="544"/>
      <c r="S229" s="544"/>
      <c r="T229" s="545"/>
      <c r="U229" s="229" t="s">
        <v>1250</v>
      </c>
      <c r="V229" s="546" t="s">
        <v>107</v>
      </c>
      <c r="W229" s="547"/>
      <c r="X229" s="547"/>
      <c r="Y229" s="547"/>
      <c r="Z229" s="548"/>
      <c r="AA229" s="623" t="s">
        <v>108</v>
      </c>
      <c r="AB229" s="624"/>
      <c r="AC229" s="625"/>
      <c r="AD229" s="415">
        <v>8</v>
      </c>
      <c r="AE229" s="415">
        <v>0</v>
      </c>
      <c r="AF229" s="646"/>
      <c r="AG229" s="647"/>
      <c r="AH229" s="549"/>
      <c r="AI229" s="550"/>
      <c r="AJ229" s="551"/>
      <c r="AK229" s="332"/>
      <c r="AL229" s="48"/>
      <c r="AM229" s="26"/>
      <c r="AN229" s="1" t="str">
        <f t="shared" si="10"/>
        <v>■</v>
      </c>
    </row>
    <row r="230" spans="1:40" s="1" customFormat="1">
      <c r="A230" s="20" t="str">
        <f t="shared" si="9"/>
        <v>SS</v>
      </c>
      <c r="B230" s="20"/>
      <c r="C230" s="541">
        <v>51</v>
      </c>
      <c r="D230" s="542"/>
      <c r="E230" s="543" t="s">
        <v>1251</v>
      </c>
      <c r="F230" s="544"/>
      <c r="G230" s="544"/>
      <c r="H230" s="544"/>
      <c r="I230" s="544"/>
      <c r="J230" s="544"/>
      <c r="K230" s="544"/>
      <c r="L230" s="544"/>
      <c r="M230" s="544"/>
      <c r="N230" s="544"/>
      <c r="O230" s="544"/>
      <c r="P230" s="544"/>
      <c r="Q230" s="544"/>
      <c r="R230" s="544"/>
      <c r="S230" s="544"/>
      <c r="T230" s="545"/>
      <c r="U230" s="229" t="s">
        <v>1252</v>
      </c>
      <c r="V230" s="546" t="s">
        <v>101</v>
      </c>
      <c r="W230" s="547"/>
      <c r="X230" s="547"/>
      <c r="Y230" s="547"/>
      <c r="Z230" s="548"/>
      <c r="AA230" s="623" t="s">
        <v>102</v>
      </c>
      <c r="AB230" s="624"/>
      <c r="AC230" s="625"/>
      <c r="AD230" s="415">
        <v>5</v>
      </c>
      <c r="AE230" s="415" t="s">
        <v>103</v>
      </c>
      <c r="AF230" s="646"/>
      <c r="AG230" s="647"/>
      <c r="AH230" s="549"/>
      <c r="AI230" s="550"/>
      <c r="AJ230" s="551"/>
      <c r="AK230" s="332"/>
      <c r="AL230" s="48"/>
      <c r="AM230" s="26"/>
      <c r="AN230" s="1" t="str">
        <f t="shared" si="10"/>
        <v>■</v>
      </c>
    </row>
    <row r="231" spans="1:40" s="1" customFormat="1">
      <c r="A231" s="20" t="str">
        <f t="shared" si="9"/>
        <v>SS</v>
      </c>
      <c r="B231" s="20"/>
      <c r="C231" s="541">
        <v>52</v>
      </c>
      <c r="D231" s="542"/>
      <c r="E231" s="543" t="s">
        <v>1253</v>
      </c>
      <c r="F231" s="544"/>
      <c r="G231" s="544"/>
      <c r="H231" s="544"/>
      <c r="I231" s="544"/>
      <c r="J231" s="544"/>
      <c r="K231" s="544"/>
      <c r="L231" s="544"/>
      <c r="M231" s="544"/>
      <c r="N231" s="544"/>
      <c r="O231" s="544"/>
      <c r="P231" s="544"/>
      <c r="Q231" s="544"/>
      <c r="R231" s="544"/>
      <c r="S231" s="544"/>
      <c r="T231" s="545"/>
      <c r="U231" s="229" t="s">
        <v>1254</v>
      </c>
      <c r="V231" s="546" t="s">
        <v>107</v>
      </c>
      <c r="W231" s="547"/>
      <c r="X231" s="547"/>
      <c r="Y231" s="547"/>
      <c r="Z231" s="548"/>
      <c r="AA231" s="623" t="s">
        <v>108</v>
      </c>
      <c r="AB231" s="624"/>
      <c r="AC231" s="625"/>
      <c r="AD231" s="415">
        <v>8</v>
      </c>
      <c r="AE231" s="415">
        <v>0</v>
      </c>
      <c r="AF231" s="646"/>
      <c r="AG231" s="647"/>
      <c r="AH231" s="549"/>
      <c r="AI231" s="550"/>
      <c r="AJ231" s="551"/>
      <c r="AK231" s="332"/>
      <c r="AL231" s="48"/>
      <c r="AM231" s="26"/>
      <c r="AN231" s="1" t="str">
        <f t="shared" si="10"/>
        <v>■</v>
      </c>
    </row>
    <row r="232" spans="1:40" s="1" customFormat="1">
      <c r="A232" s="20" t="str">
        <f t="shared" si="9"/>
        <v>SS</v>
      </c>
      <c r="B232" s="20"/>
      <c r="C232" s="541">
        <v>53</v>
      </c>
      <c r="D232" s="542"/>
      <c r="E232" s="543" t="s">
        <v>1255</v>
      </c>
      <c r="F232" s="544"/>
      <c r="G232" s="544"/>
      <c r="H232" s="544"/>
      <c r="I232" s="544"/>
      <c r="J232" s="544"/>
      <c r="K232" s="544"/>
      <c r="L232" s="544"/>
      <c r="M232" s="544"/>
      <c r="N232" s="544"/>
      <c r="O232" s="544"/>
      <c r="P232" s="544"/>
      <c r="Q232" s="544"/>
      <c r="R232" s="544"/>
      <c r="S232" s="544"/>
      <c r="T232" s="545"/>
      <c r="U232" s="229" t="s">
        <v>1256</v>
      </c>
      <c r="V232" s="546" t="s">
        <v>101</v>
      </c>
      <c r="W232" s="547"/>
      <c r="X232" s="547"/>
      <c r="Y232" s="547"/>
      <c r="Z232" s="548"/>
      <c r="AA232" s="623" t="s">
        <v>102</v>
      </c>
      <c r="AB232" s="624"/>
      <c r="AC232" s="625"/>
      <c r="AD232" s="415">
        <v>5</v>
      </c>
      <c r="AE232" s="415" t="s">
        <v>103</v>
      </c>
      <c r="AF232" s="646"/>
      <c r="AG232" s="647"/>
      <c r="AH232" s="549"/>
      <c r="AI232" s="550"/>
      <c r="AJ232" s="551"/>
      <c r="AK232" s="332"/>
      <c r="AL232" s="48"/>
      <c r="AM232" s="26"/>
      <c r="AN232" s="1" t="str">
        <f t="shared" si="10"/>
        <v>■</v>
      </c>
    </row>
    <row r="233" spans="1:40" s="1" customFormat="1">
      <c r="A233" s="20" t="str">
        <f t="shared" si="9"/>
        <v>SS</v>
      </c>
      <c r="B233" s="20"/>
      <c r="C233" s="541">
        <v>54</v>
      </c>
      <c r="D233" s="542"/>
      <c r="E233" s="543" t="s">
        <v>1257</v>
      </c>
      <c r="F233" s="544"/>
      <c r="G233" s="544"/>
      <c r="H233" s="544"/>
      <c r="I233" s="544"/>
      <c r="J233" s="544"/>
      <c r="K233" s="544"/>
      <c r="L233" s="544"/>
      <c r="M233" s="544"/>
      <c r="N233" s="544"/>
      <c r="O233" s="544"/>
      <c r="P233" s="544"/>
      <c r="Q233" s="544"/>
      <c r="R233" s="544"/>
      <c r="S233" s="544"/>
      <c r="T233" s="545"/>
      <c r="U233" s="229" t="s">
        <v>1258</v>
      </c>
      <c r="V233" s="546" t="s">
        <v>107</v>
      </c>
      <c r="W233" s="547"/>
      <c r="X233" s="547"/>
      <c r="Y233" s="547"/>
      <c r="Z233" s="548"/>
      <c r="AA233" s="623" t="s">
        <v>108</v>
      </c>
      <c r="AB233" s="624"/>
      <c r="AC233" s="625"/>
      <c r="AD233" s="415">
        <v>8</v>
      </c>
      <c r="AE233" s="415">
        <v>0</v>
      </c>
      <c r="AF233" s="646"/>
      <c r="AG233" s="647"/>
      <c r="AH233" s="549"/>
      <c r="AI233" s="550"/>
      <c r="AJ233" s="551"/>
      <c r="AK233" s="332"/>
      <c r="AL233" s="48"/>
      <c r="AM233" s="26"/>
      <c r="AN233" s="1" t="str">
        <f t="shared" si="10"/>
        <v>■</v>
      </c>
    </row>
    <row r="234" spans="1:40" s="1" customFormat="1">
      <c r="A234" s="20" t="str">
        <f t="shared" si="9"/>
        <v>SS</v>
      </c>
      <c r="B234" s="20"/>
      <c r="C234" s="541">
        <v>55</v>
      </c>
      <c r="D234" s="542"/>
      <c r="E234" s="543" t="s">
        <v>1259</v>
      </c>
      <c r="F234" s="544"/>
      <c r="G234" s="544"/>
      <c r="H234" s="544"/>
      <c r="I234" s="544"/>
      <c r="J234" s="544"/>
      <c r="K234" s="544"/>
      <c r="L234" s="544"/>
      <c r="M234" s="544"/>
      <c r="N234" s="544"/>
      <c r="O234" s="544"/>
      <c r="P234" s="544"/>
      <c r="Q234" s="544"/>
      <c r="R234" s="544"/>
      <c r="S234" s="544"/>
      <c r="T234" s="545"/>
      <c r="U234" s="229" t="s">
        <v>1260</v>
      </c>
      <c r="V234" s="546" t="s">
        <v>101</v>
      </c>
      <c r="W234" s="547"/>
      <c r="X234" s="547"/>
      <c r="Y234" s="547"/>
      <c r="Z234" s="548"/>
      <c r="AA234" s="623" t="s">
        <v>102</v>
      </c>
      <c r="AB234" s="624"/>
      <c r="AC234" s="625"/>
      <c r="AD234" s="415">
        <v>5</v>
      </c>
      <c r="AE234" s="415" t="s">
        <v>103</v>
      </c>
      <c r="AF234" s="646"/>
      <c r="AG234" s="647"/>
      <c r="AH234" s="549"/>
      <c r="AI234" s="550"/>
      <c r="AJ234" s="551"/>
      <c r="AK234" s="332"/>
      <c r="AL234" s="48"/>
      <c r="AM234" s="26"/>
      <c r="AN234" s="1" t="str">
        <f t="shared" si="10"/>
        <v>■</v>
      </c>
    </row>
    <row r="235" spans="1:40" s="1" customFormat="1">
      <c r="A235" s="20" t="str">
        <f t="shared" si="9"/>
        <v>SS</v>
      </c>
      <c r="B235" s="20"/>
      <c r="C235" s="541">
        <v>56</v>
      </c>
      <c r="D235" s="542"/>
      <c r="E235" s="543" t="s">
        <v>1261</v>
      </c>
      <c r="F235" s="544"/>
      <c r="G235" s="544"/>
      <c r="H235" s="544"/>
      <c r="I235" s="544"/>
      <c r="J235" s="544"/>
      <c r="K235" s="544"/>
      <c r="L235" s="544"/>
      <c r="M235" s="544"/>
      <c r="N235" s="544"/>
      <c r="O235" s="544"/>
      <c r="P235" s="544"/>
      <c r="Q235" s="544"/>
      <c r="R235" s="544"/>
      <c r="S235" s="544"/>
      <c r="T235" s="545"/>
      <c r="U235" s="229" t="s">
        <v>1262</v>
      </c>
      <c r="V235" s="546" t="s">
        <v>107</v>
      </c>
      <c r="W235" s="547"/>
      <c r="X235" s="547"/>
      <c r="Y235" s="547"/>
      <c r="Z235" s="548"/>
      <c r="AA235" s="623" t="s">
        <v>108</v>
      </c>
      <c r="AB235" s="624"/>
      <c r="AC235" s="625"/>
      <c r="AD235" s="415">
        <v>8</v>
      </c>
      <c r="AE235" s="415">
        <v>0</v>
      </c>
      <c r="AF235" s="646"/>
      <c r="AG235" s="647"/>
      <c r="AH235" s="549"/>
      <c r="AI235" s="550"/>
      <c r="AJ235" s="551"/>
      <c r="AK235" s="332"/>
      <c r="AL235" s="48"/>
      <c r="AM235" s="26"/>
      <c r="AN235" s="1" t="str">
        <f t="shared" si="10"/>
        <v>■</v>
      </c>
    </row>
    <row r="236" spans="1:40" s="1" customFormat="1">
      <c r="A236" s="20" t="str">
        <f t="shared" ref="A236:A299" si="11">IF(LEN(J236)&gt;0,MID(J236,FIND("（",J236,1)+1,2),A235)</f>
        <v>SS</v>
      </c>
      <c r="B236" s="20"/>
      <c r="C236" s="541">
        <v>57</v>
      </c>
      <c r="D236" s="542"/>
      <c r="E236" s="543" t="s">
        <v>1263</v>
      </c>
      <c r="F236" s="544"/>
      <c r="G236" s="544"/>
      <c r="H236" s="544"/>
      <c r="I236" s="544"/>
      <c r="J236" s="544"/>
      <c r="K236" s="544"/>
      <c r="L236" s="544"/>
      <c r="M236" s="544"/>
      <c r="N236" s="544"/>
      <c r="O236" s="544"/>
      <c r="P236" s="544"/>
      <c r="Q236" s="544"/>
      <c r="R236" s="544"/>
      <c r="S236" s="544"/>
      <c r="T236" s="545"/>
      <c r="U236" s="229" t="s">
        <v>1264</v>
      </c>
      <c r="V236" s="546" t="s">
        <v>101</v>
      </c>
      <c r="W236" s="547"/>
      <c r="X236" s="547"/>
      <c r="Y236" s="547"/>
      <c r="Z236" s="548"/>
      <c r="AA236" s="623" t="s">
        <v>102</v>
      </c>
      <c r="AB236" s="624"/>
      <c r="AC236" s="625"/>
      <c r="AD236" s="415">
        <v>5</v>
      </c>
      <c r="AE236" s="415" t="s">
        <v>103</v>
      </c>
      <c r="AF236" s="646"/>
      <c r="AG236" s="647"/>
      <c r="AH236" s="549"/>
      <c r="AI236" s="550"/>
      <c r="AJ236" s="551"/>
      <c r="AK236" s="332"/>
      <c r="AL236" s="48"/>
      <c r="AM236" s="26"/>
      <c r="AN236" s="1" t="str">
        <f t="shared" si="10"/>
        <v>■</v>
      </c>
    </row>
    <row r="237" spans="1:40" s="1" customFormat="1">
      <c r="A237" s="20" t="str">
        <f t="shared" si="11"/>
        <v>SS</v>
      </c>
      <c r="B237" s="20"/>
      <c r="C237" s="541">
        <v>58</v>
      </c>
      <c r="D237" s="542"/>
      <c r="E237" s="543" t="s">
        <v>1265</v>
      </c>
      <c r="F237" s="544"/>
      <c r="G237" s="544"/>
      <c r="H237" s="544"/>
      <c r="I237" s="544"/>
      <c r="J237" s="544"/>
      <c r="K237" s="544"/>
      <c r="L237" s="544"/>
      <c r="M237" s="544"/>
      <c r="N237" s="544"/>
      <c r="O237" s="544"/>
      <c r="P237" s="544"/>
      <c r="Q237" s="544"/>
      <c r="R237" s="544"/>
      <c r="S237" s="544"/>
      <c r="T237" s="545"/>
      <c r="U237" s="229" t="s">
        <v>1266</v>
      </c>
      <c r="V237" s="546" t="s">
        <v>107</v>
      </c>
      <c r="W237" s="547"/>
      <c r="X237" s="547"/>
      <c r="Y237" s="547"/>
      <c r="Z237" s="548"/>
      <c r="AA237" s="623" t="s">
        <v>108</v>
      </c>
      <c r="AB237" s="624"/>
      <c r="AC237" s="625"/>
      <c r="AD237" s="415">
        <v>8</v>
      </c>
      <c r="AE237" s="415">
        <v>0</v>
      </c>
      <c r="AF237" s="646"/>
      <c r="AG237" s="647"/>
      <c r="AH237" s="549"/>
      <c r="AI237" s="550"/>
      <c r="AJ237" s="551"/>
      <c r="AK237" s="332"/>
      <c r="AL237" s="48"/>
      <c r="AM237" s="26"/>
      <c r="AN237" s="1" t="str">
        <f t="shared" si="10"/>
        <v>■</v>
      </c>
    </row>
    <row r="238" spans="1:40" s="1" customFormat="1">
      <c r="A238" s="20" t="str">
        <f t="shared" si="11"/>
        <v>SS</v>
      </c>
      <c r="B238" s="20"/>
      <c r="C238" s="541">
        <v>59</v>
      </c>
      <c r="D238" s="542"/>
      <c r="E238" s="543" t="s">
        <v>1267</v>
      </c>
      <c r="F238" s="544"/>
      <c r="G238" s="544"/>
      <c r="H238" s="544"/>
      <c r="I238" s="544"/>
      <c r="J238" s="544"/>
      <c r="K238" s="544"/>
      <c r="L238" s="544"/>
      <c r="M238" s="544"/>
      <c r="N238" s="544"/>
      <c r="O238" s="544"/>
      <c r="P238" s="544"/>
      <c r="Q238" s="544"/>
      <c r="R238" s="544"/>
      <c r="S238" s="544"/>
      <c r="T238" s="545"/>
      <c r="U238" s="229" t="s">
        <v>1268</v>
      </c>
      <c r="V238" s="546" t="s">
        <v>101</v>
      </c>
      <c r="W238" s="547"/>
      <c r="X238" s="547"/>
      <c r="Y238" s="547"/>
      <c r="Z238" s="548"/>
      <c r="AA238" s="623" t="s">
        <v>102</v>
      </c>
      <c r="AB238" s="624"/>
      <c r="AC238" s="625"/>
      <c r="AD238" s="415">
        <v>5</v>
      </c>
      <c r="AE238" s="415" t="s">
        <v>103</v>
      </c>
      <c r="AF238" s="646"/>
      <c r="AG238" s="647"/>
      <c r="AH238" s="549"/>
      <c r="AI238" s="550"/>
      <c r="AJ238" s="551"/>
      <c r="AK238" s="332"/>
      <c r="AL238" s="48"/>
      <c r="AM238" s="26"/>
      <c r="AN238" s="1" t="str">
        <f t="shared" si="10"/>
        <v>■</v>
      </c>
    </row>
    <row r="239" spans="1:40" s="1" customFormat="1">
      <c r="A239" s="20" t="str">
        <f t="shared" si="11"/>
        <v>SS</v>
      </c>
      <c r="B239" s="20"/>
      <c r="C239" s="541">
        <v>60</v>
      </c>
      <c r="D239" s="542"/>
      <c r="E239" s="543" t="s">
        <v>1269</v>
      </c>
      <c r="F239" s="544"/>
      <c r="G239" s="544"/>
      <c r="H239" s="544"/>
      <c r="I239" s="544"/>
      <c r="J239" s="544"/>
      <c r="K239" s="544"/>
      <c r="L239" s="544"/>
      <c r="M239" s="544"/>
      <c r="N239" s="544"/>
      <c r="O239" s="544"/>
      <c r="P239" s="544"/>
      <c r="Q239" s="544"/>
      <c r="R239" s="544"/>
      <c r="S239" s="544"/>
      <c r="T239" s="545"/>
      <c r="U239" s="229" t="s">
        <v>1270</v>
      </c>
      <c r="V239" s="546" t="s">
        <v>107</v>
      </c>
      <c r="W239" s="547"/>
      <c r="X239" s="547"/>
      <c r="Y239" s="547"/>
      <c r="Z239" s="548"/>
      <c r="AA239" s="623" t="s">
        <v>108</v>
      </c>
      <c r="AB239" s="624"/>
      <c r="AC239" s="625"/>
      <c r="AD239" s="415">
        <v>8</v>
      </c>
      <c r="AE239" s="415">
        <v>0</v>
      </c>
      <c r="AF239" s="646"/>
      <c r="AG239" s="647"/>
      <c r="AH239" s="549"/>
      <c r="AI239" s="550"/>
      <c r="AJ239" s="551"/>
      <c r="AK239" s="332"/>
      <c r="AL239" s="48"/>
      <c r="AM239" s="26"/>
      <c r="AN239" s="1" t="str">
        <f t="shared" si="10"/>
        <v>■</v>
      </c>
    </row>
    <row r="240" spans="1:40" s="1" customFormat="1">
      <c r="A240" s="20" t="str">
        <f t="shared" si="11"/>
        <v>SS</v>
      </c>
      <c r="B240" s="20"/>
      <c r="C240" s="541">
        <v>61</v>
      </c>
      <c r="D240" s="542"/>
      <c r="E240" s="543" t="s">
        <v>1271</v>
      </c>
      <c r="F240" s="544"/>
      <c r="G240" s="544"/>
      <c r="H240" s="544"/>
      <c r="I240" s="544"/>
      <c r="J240" s="544"/>
      <c r="K240" s="544"/>
      <c r="L240" s="544"/>
      <c r="M240" s="544"/>
      <c r="N240" s="544"/>
      <c r="O240" s="544"/>
      <c r="P240" s="544"/>
      <c r="Q240" s="544"/>
      <c r="R240" s="544"/>
      <c r="S240" s="544"/>
      <c r="T240" s="545"/>
      <c r="U240" s="229" t="s">
        <v>1272</v>
      </c>
      <c r="V240" s="546" t="s">
        <v>101</v>
      </c>
      <c r="W240" s="547"/>
      <c r="X240" s="547"/>
      <c r="Y240" s="547"/>
      <c r="Z240" s="548"/>
      <c r="AA240" s="623" t="s">
        <v>102</v>
      </c>
      <c r="AB240" s="624"/>
      <c r="AC240" s="625"/>
      <c r="AD240" s="415">
        <v>5</v>
      </c>
      <c r="AE240" s="415" t="s">
        <v>103</v>
      </c>
      <c r="AF240" s="646"/>
      <c r="AG240" s="647"/>
      <c r="AH240" s="549"/>
      <c r="AI240" s="550"/>
      <c r="AJ240" s="551"/>
      <c r="AK240" s="332"/>
      <c r="AL240" s="48"/>
      <c r="AM240" s="26"/>
      <c r="AN240" s="1" t="str">
        <f t="shared" si="10"/>
        <v>■</v>
      </c>
    </row>
    <row r="241" spans="1:40" s="1" customFormat="1">
      <c r="A241" s="20" t="str">
        <f t="shared" si="11"/>
        <v>SS</v>
      </c>
      <c r="B241" s="20"/>
      <c r="C241" s="541">
        <v>62</v>
      </c>
      <c r="D241" s="542"/>
      <c r="E241" s="543" t="s">
        <v>1273</v>
      </c>
      <c r="F241" s="544"/>
      <c r="G241" s="544"/>
      <c r="H241" s="544"/>
      <c r="I241" s="544"/>
      <c r="J241" s="544"/>
      <c r="K241" s="544"/>
      <c r="L241" s="544"/>
      <c r="M241" s="544"/>
      <c r="N241" s="544"/>
      <c r="O241" s="544"/>
      <c r="P241" s="544"/>
      <c r="Q241" s="544"/>
      <c r="R241" s="544"/>
      <c r="S241" s="544"/>
      <c r="T241" s="545"/>
      <c r="U241" s="229" t="s">
        <v>1274</v>
      </c>
      <c r="V241" s="546" t="s">
        <v>107</v>
      </c>
      <c r="W241" s="547"/>
      <c r="X241" s="547"/>
      <c r="Y241" s="547"/>
      <c r="Z241" s="548"/>
      <c r="AA241" s="623" t="s">
        <v>108</v>
      </c>
      <c r="AB241" s="624"/>
      <c r="AC241" s="625"/>
      <c r="AD241" s="415">
        <v>8</v>
      </c>
      <c r="AE241" s="415">
        <v>0</v>
      </c>
      <c r="AF241" s="646"/>
      <c r="AG241" s="647"/>
      <c r="AH241" s="549"/>
      <c r="AI241" s="550"/>
      <c r="AJ241" s="551"/>
      <c r="AK241" s="332"/>
      <c r="AL241" s="38"/>
      <c r="AM241" s="26"/>
      <c r="AN241" s="1" t="str">
        <f t="shared" si="10"/>
        <v>■</v>
      </c>
    </row>
    <row r="242" spans="1:40" s="1" customFormat="1">
      <c r="A242" s="20" t="str">
        <f t="shared" si="11"/>
        <v>SS</v>
      </c>
      <c r="B242" s="20"/>
      <c r="C242" s="541">
        <v>63</v>
      </c>
      <c r="D242" s="542"/>
      <c r="E242" s="543" t="s">
        <v>1275</v>
      </c>
      <c r="F242" s="544"/>
      <c r="G242" s="544"/>
      <c r="H242" s="544"/>
      <c r="I242" s="544"/>
      <c r="J242" s="544"/>
      <c r="K242" s="544"/>
      <c r="L242" s="544"/>
      <c r="M242" s="544"/>
      <c r="N242" s="544"/>
      <c r="O242" s="544"/>
      <c r="P242" s="544"/>
      <c r="Q242" s="544"/>
      <c r="R242" s="544"/>
      <c r="S242" s="544"/>
      <c r="T242" s="545"/>
      <c r="U242" s="229" t="s">
        <v>1276</v>
      </c>
      <c r="V242" s="546" t="s">
        <v>101</v>
      </c>
      <c r="W242" s="547"/>
      <c r="X242" s="547"/>
      <c r="Y242" s="547"/>
      <c r="Z242" s="548"/>
      <c r="AA242" s="623" t="s">
        <v>102</v>
      </c>
      <c r="AB242" s="624"/>
      <c r="AC242" s="625"/>
      <c r="AD242" s="415">
        <v>5</v>
      </c>
      <c r="AE242" s="415" t="s">
        <v>103</v>
      </c>
      <c r="AF242" s="646"/>
      <c r="AG242" s="647"/>
      <c r="AH242" s="549"/>
      <c r="AI242" s="550"/>
      <c r="AJ242" s="551"/>
      <c r="AK242" s="332"/>
      <c r="AL242" s="38"/>
      <c r="AM242" s="26"/>
      <c r="AN242" s="1" t="str">
        <f t="shared" si="10"/>
        <v>■</v>
      </c>
    </row>
    <row r="243" spans="1:40" s="1" customFormat="1">
      <c r="A243" s="20" t="str">
        <f t="shared" si="11"/>
        <v>SS</v>
      </c>
      <c r="B243" s="20"/>
      <c r="C243" s="541">
        <v>64</v>
      </c>
      <c r="D243" s="542"/>
      <c r="E243" s="543" t="s">
        <v>1277</v>
      </c>
      <c r="F243" s="544"/>
      <c r="G243" s="544"/>
      <c r="H243" s="544"/>
      <c r="I243" s="544"/>
      <c r="J243" s="544"/>
      <c r="K243" s="544"/>
      <c r="L243" s="544"/>
      <c r="M243" s="544"/>
      <c r="N243" s="544"/>
      <c r="O243" s="544"/>
      <c r="P243" s="544"/>
      <c r="Q243" s="544"/>
      <c r="R243" s="544"/>
      <c r="S243" s="544"/>
      <c r="T243" s="545"/>
      <c r="U243" s="229" t="s">
        <v>1278</v>
      </c>
      <c r="V243" s="546" t="s">
        <v>107</v>
      </c>
      <c r="W243" s="547"/>
      <c r="X243" s="547"/>
      <c r="Y243" s="547"/>
      <c r="Z243" s="548"/>
      <c r="AA243" s="623" t="s">
        <v>108</v>
      </c>
      <c r="AB243" s="624"/>
      <c r="AC243" s="625"/>
      <c r="AD243" s="415">
        <v>8</v>
      </c>
      <c r="AE243" s="415">
        <v>0</v>
      </c>
      <c r="AF243" s="646"/>
      <c r="AG243" s="647"/>
      <c r="AH243" s="549"/>
      <c r="AI243" s="550"/>
      <c r="AJ243" s="551"/>
      <c r="AK243" s="332"/>
      <c r="AL243" s="48"/>
      <c r="AM243" s="26"/>
      <c r="AN243" s="1" t="str">
        <f t="shared" si="10"/>
        <v>■</v>
      </c>
    </row>
    <row r="244" spans="1:40" s="13" customFormat="1">
      <c r="A244" s="20" t="str">
        <f t="shared" si="11"/>
        <v>SS</v>
      </c>
      <c r="B244" s="20"/>
      <c r="C244" s="541">
        <v>65</v>
      </c>
      <c r="D244" s="542"/>
      <c r="E244" s="543" t="s">
        <v>1279</v>
      </c>
      <c r="F244" s="544"/>
      <c r="G244" s="544"/>
      <c r="H244" s="544"/>
      <c r="I244" s="544"/>
      <c r="J244" s="544"/>
      <c r="K244" s="544"/>
      <c r="L244" s="544"/>
      <c r="M244" s="544"/>
      <c r="N244" s="544"/>
      <c r="O244" s="544"/>
      <c r="P244" s="544"/>
      <c r="Q244" s="544"/>
      <c r="R244" s="544"/>
      <c r="S244" s="544"/>
      <c r="T244" s="545"/>
      <c r="U244" s="229" t="s">
        <v>1280</v>
      </c>
      <c r="V244" s="546" t="s">
        <v>101</v>
      </c>
      <c r="W244" s="547"/>
      <c r="X244" s="547"/>
      <c r="Y244" s="547"/>
      <c r="Z244" s="548"/>
      <c r="AA244" s="623" t="s">
        <v>102</v>
      </c>
      <c r="AB244" s="624"/>
      <c r="AC244" s="625"/>
      <c r="AD244" s="415">
        <v>5</v>
      </c>
      <c r="AE244" s="415" t="s">
        <v>103</v>
      </c>
      <c r="AF244" s="646"/>
      <c r="AG244" s="647"/>
      <c r="AH244" s="549"/>
      <c r="AI244" s="550"/>
      <c r="AJ244" s="551"/>
      <c r="AK244" s="118"/>
      <c r="AL244" s="38"/>
      <c r="AM244" s="54"/>
      <c r="AN244" s="1" t="str">
        <f t="shared" si="10"/>
        <v>■</v>
      </c>
    </row>
    <row r="245" spans="1:40" s="13" customFormat="1">
      <c r="A245" s="20" t="str">
        <f t="shared" si="11"/>
        <v>SS</v>
      </c>
      <c r="B245" s="20"/>
      <c r="C245" s="541">
        <v>66</v>
      </c>
      <c r="D245" s="542"/>
      <c r="E245" s="543" t="s">
        <v>1281</v>
      </c>
      <c r="F245" s="544"/>
      <c r="G245" s="544"/>
      <c r="H245" s="544"/>
      <c r="I245" s="544"/>
      <c r="J245" s="544"/>
      <c r="K245" s="544"/>
      <c r="L245" s="544"/>
      <c r="M245" s="544"/>
      <c r="N245" s="544"/>
      <c r="O245" s="544"/>
      <c r="P245" s="544"/>
      <c r="Q245" s="544"/>
      <c r="R245" s="544"/>
      <c r="S245" s="544"/>
      <c r="T245" s="545"/>
      <c r="U245" s="229" t="s">
        <v>1282</v>
      </c>
      <c r="V245" s="546" t="s">
        <v>107</v>
      </c>
      <c r="W245" s="547"/>
      <c r="X245" s="547"/>
      <c r="Y245" s="547"/>
      <c r="Z245" s="548"/>
      <c r="AA245" s="623" t="s">
        <v>108</v>
      </c>
      <c r="AB245" s="624"/>
      <c r="AC245" s="625"/>
      <c r="AD245" s="415">
        <v>8</v>
      </c>
      <c r="AE245" s="415">
        <v>0</v>
      </c>
      <c r="AF245" s="646"/>
      <c r="AG245" s="647"/>
      <c r="AH245" s="549"/>
      <c r="AI245" s="550"/>
      <c r="AJ245" s="551"/>
      <c r="AK245" s="118"/>
      <c r="AL245" s="38"/>
      <c r="AM245" s="54"/>
      <c r="AN245" s="1" t="str">
        <f t="shared" ref="AN245:AN301" si="12">$J$20</f>
        <v>■</v>
      </c>
    </row>
    <row r="246" spans="1:40" s="1" customFormat="1">
      <c r="A246" s="20" t="str">
        <f t="shared" si="11"/>
        <v>SS</v>
      </c>
      <c r="B246" s="20"/>
      <c r="C246" s="541">
        <v>67</v>
      </c>
      <c r="D246" s="542"/>
      <c r="E246" s="543" t="s">
        <v>1283</v>
      </c>
      <c r="F246" s="544"/>
      <c r="G246" s="544"/>
      <c r="H246" s="544"/>
      <c r="I246" s="544"/>
      <c r="J246" s="544"/>
      <c r="K246" s="544"/>
      <c r="L246" s="544"/>
      <c r="M246" s="544"/>
      <c r="N246" s="544"/>
      <c r="O246" s="544"/>
      <c r="P246" s="544"/>
      <c r="Q246" s="544"/>
      <c r="R246" s="544"/>
      <c r="S246" s="544"/>
      <c r="T246" s="545"/>
      <c r="U246" s="229" t="s">
        <v>1284</v>
      </c>
      <c r="V246" s="546" t="s">
        <v>101</v>
      </c>
      <c r="W246" s="547"/>
      <c r="X246" s="547"/>
      <c r="Y246" s="547"/>
      <c r="Z246" s="548"/>
      <c r="AA246" s="623" t="s">
        <v>102</v>
      </c>
      <c r="AB246" s="624"/>
      <c r="AC246" s="625"/>
      <c r="AD246" s="415">
        <v>5</v>
      </c>
      <c r="AE246" s="415" t="s">
        <v>103</v>
      </c>
      <c r="AF246" s="646"/>
      <c r="AG246" s="647"/>
      <c r="AH246" s="549"/>
      <c r="AI246" s="550"/>
      <c r="AJ246" s="551"/>
      <c r="AK246" s="332"/>
      <c r="AL246" s="48"/>
      <c r="AM246" s="26"/>
      <c r="AN246" s="1" t="str">
        <f t="shared" si="12"/>
        <v>■</v>
      </c>
    </row>
    <row r="247" spans="1:40" s="13" customFormat="1">
      <c r="A247" s="20" t="str">
        <f t="shared" si="11"/>
        <v>SS</v>
      </c>
      <c r="B247" s="20"/>
      <c r="C247" s="541">
        <v>68</v>
      </c>
      <c r="D247" s="542"/>
      <c r="E247" s="543" t="s">
        <v>1285</v>
      </c>
      <c r="F247" s="544"/>
      <c r="G247" s="544"/>
      <c r="H247" s="544"/>
      <c r="I247" s="544"/>
      <c r="J247" s="544"/>
      <c r="K247" s="544"/>
      <c r="L247" s="544"/>
      <c r="M247" s="544"/>
      <c r="N247" s="544"/>
      <c r="O247" s="544"/>
      <c r="P247" s="544"/>
      <c r="Q247" s="544"/>
      <c r="R247" s="544"/>
      <c r="S247" s="544"/>
      <c r="T247" s="545"/>
      <c r="U247" s="229" t="s">
        <v>1286</v>
      </c>
      <c r="V247" s="546" t="s">
        <v>107</v>
      </c>
      <c r="W247" s="547"/>
      <c r="X247" s="547"/>
      <c r="Y247" s="547"/>
      <c r="Z247" s="548"/>
      <c r="AA247" s="623" t="s">
        <v>108</v>
      </c>
      <c r="AB247" s="624"/>
      <c r="AC247" s="625"/>
      <c r="AD247" s="415">
        <v>8</v>
      </c>
      <c r="AE247" s="415">
        <v>0</v>
      </c>
      <c r="AF247" s="646"/>
      <c r="AG247" s="647"/>
      <c r="AH247" s="549"/>
      <c r="AI247" s="550"/>
      <c r="AJ247" s="551"/>
      <c r="AK247" s="118"/>
      <c r="AL247" s="48"/>
      <c r="AM247" s="54"/>
      <c r="AN247" s="1" t="str">
        <f t="shared" si="12"/>
        <v>■</v>
      </c>
    </row>
    <row r="248" spans="1:40" s="13" customFormat="1">
      <c r="A248" s="20" t="str">
        <f t="shared" si="11"/>
        <v>SS</v>
      </c>
      <c r="B248" s="20"/>
      <c r="C248" s="541">
        <v>69</v>
      </c>
      <c r="D248" s="542"/>
      <c r="E248" s="543" t="s">
        <v>1287</v>
      </c>
      <c r="F248" s="544"/>
      <c r="G248" s="544"/>
      <c r="H248" s="544"/>
      <c r="I248" s="544"/>
      <c r="J248" s="544"/>
      <c r="K248" s="544"/>
      <c r="L248" s="544"/>
      <c r="M248" s="544"/>
      <c r="N248" s="544"/>
      <c r="O248" s="544"/>
      <c r="P248" s="544"/>
      <c r="Q248" s="544"/>
      <c r="R248" s="544"/>
      <c r="S248" s="544"/>
      <c r="T248" s="545"/>
      <c r="U248" s="229" t="s">
        <v>1288</v>
      </c>
      <c r="V248" s="546" t="s">
        <v>101</v>
      </c>
      <c r="W248" s="547"/>
      <c r="X248" s="547"/>
      <c r="Y248" s="547"/>
      <c r="Z248" s="548"/>
      <c r="AA248" s="623" t="s">
        <v>102</v>
      </c>
      <c r="AB248" s="624"/>
      <c r="AC248" s="625"/>
      <c r="AD248" s="415">
        <v>5</v>
      </c>
      <c r="AE248" s="415" t="s">
        <v>103</v>
      </c>
      <c r="AF248" s="646"/>
      <c r="AG248" s="647"/>
      <c r="AH248" s="549"/>
      <c r="AI248" s="550"/>
      <c r="AJ248" s="551"/>
      <c r="AK248" s="118"/>
      <c r="AL248" s="48"/>
      <c r="AM248" s="54"/>
      <c r="AN248" s="1" t="str">
        <f t="shared" si="12"/>
        <v>■</v>
      </c>
    </row>
    <row r="249" spans="1:40" s="1" customFormat="1">
      <c r="A249" s="20" t="str">
        <f t="shared" si="11"/>
        <v>SS</v>
      </c>
      <c r="B249" s="20"/>
      <c r="C249" s="541">
        <v>70</v>
      </c>
      <c r="D249" s="542"/>
      <c r="E249" s="543" t="s">
        <v>1289</v>
      </c>
      <c r="F249" s="544"/>
      <c r="G249" s="544"/>
      <c r="H249" s="544"/>
      <c r="I249" s="544"/>
      <c r="J249" s="544"/>
      <c r="K249" s="544"/>
      <c r="L249" s="544"/>
      <c r="M249" s="544"/>
      <c r="N249" s="544"/>
      <c r="O249" s="544"/>
      <c r="P249" s="544"/>
      <c r="Q249" s="544"/>
      <c r="R249" s="544"/>
      <c r="S249" s="544"/>
      <c r="T249" s="545"/>
      <c r="U249" s="229" t="s">
        <v>1290</v>
      </c>
      <c r="V249" s="546" t="s">
        <v>107</v>
      </c>
      <c r="W249" s="547"/>
      <c r="X249" s="547"/>
      <c r="Y249" s="547"/>
      <c r="Z249" s="548"/>
      <c r="AA249" s="623" t="s">
        <v>108</v>
      </c>
      <c r="AB249" s="624"/>
      <c r="AC249" s="625"/>
      <c r="AD249" s="415">
        <v>8</v>
      </c>
      <c r="AE249" s="415">
        <v>0</v>
      </c>
      <c r="AF249" s="646"/>
      <c r="AG249" s="647"/>
      <c r="AH249" s="549"/>
      <c r="AI249" s="550"/>
      <c r="AJ249" s="551"/>
      <c r="AK249" s="332"/>
      <c r="AL249" s="48"/>
      <c r="AM249" s="26"/>
      <c r="AN249" s="1" t="str">
        <f t="shared" si="12"/>
        <v>■</v>
      </c>
    </row>
    <row r="250" spans="1:40" s="1" customFormat="1">
      <c r="A250" s="20" t="str">
        <f t="shared" si="11"/>
        <v>SS</v>
      </c>
      <c r="B250" s="20"/>
      <c r="C250" s="541">
        <v>71</v>
      </c>
      <c r="D250" s="542"/>
      <c r="E250" s="543" t="s">
        <v>1291</v>
      </c>
      <c r="F250" s="544"/>
      <c r="G250" s="544"/>
      <c r="H250" s="544"/>
      <c r="I250" s="544"/>
      <c r="J250" s="544"/>
      <c r="K250" s="544"/>
      <c r="L250" s="544"/>
      <c r="M250" s="544"/>
      <c r="N250" s="544"/>
      <c r="O250" s="544"/>
      <c r="P250" s="544"/>
      <c r="Q250" s="544"/>
      <c r="R250" s="544"/>
      <c r="S250" s="544"/>
      <c r="T250" s="545"/>
      <c r="U250" s="229" t="s">
        <v>1292</v>
      </c>
      <c r="V250" s="546" t="s">
        <v>101</v>
      </c>
      <c r="W250" s="547"/>
      <c r="X250" s="547"/>
      <c r="Y250" s="547"/>
      <c r="Z250" s="548"/>
      <c r="AA250" s="623" t="s">
        <v>102</v>
      </c>
      <c r="AB250" s="624"/>
      <c r="AC250" s="625"/>
      <c r="AD250" s="415">
        <v>5</v>
      </c>
      <c r="AE250" s="415" t="s">
        <v>103</v>
      </c>
      <c r="AF250" s="646"/>
      <c r="AG250" s="647"/>
      <c r="AH250" s="549"/>
      <c r="AI250" s="550"/>
      <c r="AJ250" s="551"/>
      <c r="AK250" s="332"/>
      <c r="AL250" s="48"/>
      <c r="AM250" s="26"/>
      <c r="AN250" s="1" t="str">
        <f t="shared" si="12"/>
        <v>■</v>
      </c>
    </row>
    <row r="251" spans="1:40" s="1" customFormat="1">
      <c r="A251" s="20" t="str">
        <f t="shared" si="11"/>
        <v>SS</v>
      </c>
      <c r="B251" s="20"/>
      <c r="C251" s="541">
        <v>72</v>
      </c>
      <c r="D251" s="542"/>
      <c r="E251" s="543" t="s">
        <v>1293</v>
      </c>
      <c r="F251" s="544"/>
      <c r="G251" s="544"/>
      <c r="H251" s="544"/>
      <c r="I251" s="544"/>
      <c r="J251" s="544"/>
      <c r="K251" s="544"/>
      <c r="L251" s="544"/>
      <c r="M251" s="544"/>
      <c r="N251" s="544"/>
      <c r="O251" s="544"/>
      <c r="P251" s="544"/>
      <c r="Q251" s="544"/>
      <c r="R251" s="544"/>
      <c r="S251" s="544"/>
      <c r="T251" s="545"/>
      <c r="U251" s="229" t="s">
        <v>1294</v>
      </c>
      <c r="V251" s="546" t="s">
        <v>107</v>
      </c>
      <c r="W251" s="547"/>
      <c r="X251" s="547"/>
      <c r="Y251" s="547"/>
      <c r="Z251" s="548"/>
      <c r="AA251" s="623" t="s">
        <v>108</v>
      </c>
      <c r="AB251" s="624"/>
      <c r="AC251" s="625"/>
      <c r="AD251" s="415">
        <v>8</v>
      </c>
      <c r="AE251" s="415">
        <v>0</v>
      </c>
      <c r="AF251" s="646"/>
      <c r="AG251" s="647"/>
      <c r="AH251" s="549"/>
      <c r="AI251" s="550"/>
      <c r="AJ251" s="551"/>
      <c r="AK251" s="332"/>
      <c r="AL251" s="48"/>
      <c r="AM251" s="26"/>
      <c r="AN251" s="1" t="str">
        <f t="shared" si="12"/>
        <v>■</v>
      </c>
    </row>
    <row r="252" spans="1:40" s="1" customFormat="1">
      <c r="A252" s="20" t="str">
        <f t="shared" si="11"/>
        <v>SS</v>
      </c>
      <c r="B252" s="20"/>
      <c r="C252" s="541">
        <v>73</v>
      </c>
      <c r="D252" s="542"/>
      <c r="E252" s="543" t="s">
        <v>1295</v>
      </c>
      <c r="F252" s="544"/>
      <c r="G252" s="544"/>
      <c r="H252" s="544"/>
      <c r="I252" s="544"/>
      <c r="J252" s="544"/>
      <c r="K252" s="544"/>
      <c r="L252" s="544"/>
      <c r="M252" s="544"/>
      <c r="N252" s="544"/>
      <c r="O252" s="544"/>
      <c r="P252" s="544"/>
      <c r="Q252" s="544"/>
      <c r="R252" s="544"/>
      <c r="S252" s="544"/>
      <c r="T252" s="545"/>
      <c r="U252" s="229" t="s">
        <v>1296</v>
      </c>
      <c r="V252" s="546" t="s">
        <v>101</v>
      </c>
      <c r="W252" s="547"/>
      <c r="X252" s="547"/>
      <c r="Y252" s="547"/>
      <c r="Z252" s="548"/>
      <c r="AA252" s="623" t="s">
        <v>102</v>
      </c>
      <c r="AB252" s="624"/>
      <c r="AC252" s="625"/>
      <c r="AD252" s="415">
        <v>5</v>
      </c>
      <c r="AE252" s="415" t="s">
        <v>103</v>
      </c>
      <c r="AF252" s="646"/>
      <c r="AG252" s="647"/>
      <c r="AH252" s="549"/>
      <c r="AI252" s="550"/>
      <c r="AJ252" s="551"/>
      <c r="AK252" s="332"/>
      <c r="AL252" s="48"/>
      <c r="AM252" s="26"/>
      <c r="AN252" s="1" t="str">
        <f t="shared" si="12"/>
        <v>■</v>
      </c>
    </row>
    <row r="253" spans="1:40" s="1" customFormat="1">
      <c r="A253" s="20" t="str">
        <f t="shared" si="11"/>
        <v>SS</v>
      </c>
      <c r="B253" s="20"/>
      <c r="C253" s="541">
        <v>74</v>
      </c>
      <c r="D253" s="542"/>
      <c r="E253" s="543" t="s">
        <v>1297</v>
      </c>
      <c r="F253" s="544"/>
      <c r="G253" s="544"/>
      <c r="H253" s="544"/>
      <c r="I253" s="544"/>
      <c r="J253" s="544"/>
      <c r="K253" s="544"/>
      <c r="L253" s="544"/>
      <c r="M253" s="544"/>
      <c r="N253" s="544"/>
      <c r="O253" s="544"/>
      <c r="P253" s="544"/>
      <c r="Q253" s="544"/>
      <c r="R253" s="544"/>
      <c r="S253" s="544"/>
      <c r="T253" s="545"/>
      <c r="U253" s="229" t="s">
        <v>1298</v>
      </c>
      <c r="V253" s="546" t="s">
        <v>107</v>
      </c>
      <c r="W253" s="547"/>
      <c r="X253" s="547"/>
      <c r="Y253" s="547"/>
      <c r="Z253" s="548"/>
      <c r="AA253" s="623" t="s">
        <v>108</v>
      </c>
      <c r="AB253" s="624"/>
      <c r="AC253" s="625"/>
      <c r="AD253" s="415">
        <v>8</v>
      </c>
      <c r="AE253" s="415">
        <v>0</v>
      </c>
      <c r="AF253" s="646"/>
      <c r="AG253" s="647"/>
      <c r="AH253" s="549"/>
      <c r="AI253" s="550"/>
      <c r="AJ253" s="551"/>
      <c r="AK253" s="332"/>
      <c r="AL253" s="48"/>
      <c r="AM253" s="26"/>
      <c r="AN253" s="1" t="str">
        <f t="shared" si="12"/>
        <v>■</v>
      </c>
    </row>
    <row r="254" spans="1:40" s="1" customFormat="1">
      <c r="A254" s="20" t="str">
        <f t="shared" si="11"/>
        <v>SS</v>
      </c>
      <c r="B254" s="20"/>
      <c r="C254" s="541">
        <v>75</v>
      </c>
      <c r="D254" s="542"/>
      <c r="E254" s="543" t="s">
        <v>1299</v>
      </c>
      <c r="F254" s="544"/>
      <c r="G254" s="544"/>
      <c r="H254" s="544"/>
      <c r="I254" s="544"/>
      <c r="J254" s="544"/>
      <c r="K254" s="544"/>
      <c r="L254" s="544"/>
      <c r="M254" s="544"/>
      <c r="N254" s="544"/>
      <c r="O254" s="544"/>
      <c r="P254" s="544"/>
      <c r="Q254" s="544"/>
      <c r="R254" s="544"/>
      <c r="S254" s="544"/>
      <c r="T254" s="545"/>
      <c r="U254" s="229" t="s">
        <v>1300</v>
      </c>
      <c r="V254" s="546" t="s">
        <v>101</v>
      </c>
      <c r="W254" s="547"/>
      <c r="X254" s="547"/>
      <c r="Y254" s="547"/>
      <c r="Z254" s="548"/>
      <c r="AA254" s="623" t="s">
        <v>102</v>
      </c>
      <c r="AB254" s="624"/>
      <c r="AC254" s="625"/>
      <c r="AD254" s="415">
        <v>5</v>
      </c>
      <c r="AE254" s="415" t="s">
        <v>103</v>
      </c>
      <c r="AF254" s="646"/>
      <c r="AG254" s="647"/>
      <c r="AH254" s="549"/>
      <c r="AI254" s="550"/>
      <c r="AJ254" s="551"/>
      <c r="AK254" s="332"/>
      <c r="AL254" s="48"/>
      <c r="AM254" s="26"/>
      <c r="AN254" s="1" t="str">
        <f t="shared" si="12"/>
        <v>■</v>
      </c>
    </row>
    <row r="255" spans="1:40" s="1" customFormat="1">
      <c r="A255" s="20" t="str">
        <f t="shared" si="11"/>
        <v>SS</v>
      </c>
      <c r="B255" s="20"/>
      <c r="C255" s="541">
        <v>76</v>
      </c>
      <c r="D255" s="542"/>
      <c r="E255" s="543" t="s">
        <v>1301</v>
      </c>
      <c r="F255" s="544"/>
      <c r="G255" s="544"/>
      <c r="H255" s="544"/>
      <c r="I255" s="544"/>
      <c r="J255" s="544"/>
      <c r="K255" s="544"/>
      <c r="L255" s="544"/>
      <c r="M255" s="544"/>
      <c r="N255" s="544"/>
      <c r="O255" s="544"/>
      <c r="P255" s="544"/>
      <c r="Q255" s="544"/>
      <c r="R255" s="544"/>
      <c r="S255" s="544"/>
      <c r="T255" s="545"/>
      <c r="U255" s="229" t="s">
        <v>1302</v>
      </c>
      <c r="V255" s="546" t="s">
        <v>107</v>
      </c>
      <c r="W255" s="547"/>
      <c r="X255" s="547"/>
      <c r="Y255" s="547"/>
      <c r="Z255" s="548"/>
      <c r="AA255" s="623" t="s">
        <v>108</v>
      </c>
      <c r="AB255" s="624"/>
      <c r="AC255" s="625"/>
      <c r="AD255" s="415">
        <v>8</v>
      </c>
      <c r="AE255" s="415">
        <v>0</v>
      </c>
      <c r="AF255" s="646"/>
      <c r="AG255" s="647"/>
      <c r="AH255" s="549"/>
      <c r="AI255" s="550"/>
      <c r="AJ255" s="551"/>
      <c r="AK255" s="332"/>
      <c r="AL255" s="48"/>
      <c r="AM255" s="26"/>
      <c r="AN255" s="1" t="str">
        <f t="shared" si="12"/>
        <v>■</v>
      </c>
    </row>
    <row r="256" spans="1:40" s="1" customFormat="1">
      <c r="A256" s="20" t="str">
        <f t="shared" si="11"/>
        <v>SS</v>
      </c>
      <c r="B256" s="20"/>
      <c r="C256" s="541">
        <v>77</v>
      </c>
      <c r="D256" s="542"/>
      <c r="E256" s="543" t="s">
        <v>1303</v>
      </c>
      <c r="F256" s="544"/>
      <c r="G256" s="544"/>
      <c r="H256" s="544"/>
      <c r="I256" s="544"/>
      <c r="J256" s="544"/>
      <c r="K256" s="544"/>
      <c r="L256" s="544"/>
      <c r="M256" s="544"/>
      <c r="N256" s="544"/>
      <c r="O256" s="544"/>
      <c r="P256" s="544"/>
      <c r="Q256" s="544"/>
      <c r="R256" s="544"/>
      <c r="S256" s="544"/>
      <c r="T256" s="545"/>
      <c r="U256" s="229" t="s">
        <v>1304</v>
      </c>
      <c r="V256" s="546" t="s">
        <v>101</v>
      </c>
      <c r="W256" s="547"/>
      <c r="X256" s="547"/>
      <c r="Y256" s="547"/>
      <c r="Z256" s="548"/>
      <c r="AA256" s="623" t="s">
        <v>102</v>
      </c>
      <c r="AB256" s="624"/>
      <c r="AC256" s="625"/>
      <c r="AD256" s="415">
        <v>5</v>
      </c>
      <c r="AE256" s="415" t="s">
        <v>103</v>
      </c>
      <c r="AF256" s="646"/>
      <c r="AG256" s="647"/>
      <c r="AH256" s="549"/>
      <c r="AI256" s="550"/>
      <c r="AJ256" s="551"/>
      <c r="AK256" s="332"/>
      <c r="AL256" s="48"/>
      <c r="AM256" s="26"/>
      <c r="AN256" s="1" t="str">
        <f t="shared" si="12"/>
        <v>■</v>
      </c>
    </row>
    <row r="257" spans="1:40" s="1" customFormat="1">
      <c r="A257" s="20" t="str">
        <f t="shared" si="11"/>
        <v>SS</v>
      </c>
      <c r="B257" s="20"/>
      <c r="C257" s="541">
        <v>78</v>
      </c>
      <c r="D257" s="542"/>
      <c r="E257" s="543" t="s">
        <v>1305</v>
      </c>
      <c r="F257" s="544"/>
      <c r="G257" s="544"/>
      <c r="H257" s="544"/>
      <c r="I257" s="544"/>
      <c r="J257" s="544"/>
      <c r="K257" s="544"/>
      <c r="L257" s="544"/>
      <c r="M257" s="544"/>
      <c r="N257" s="544"/>
      <c r="O257" s="544"/>
      <c r="P257" s="544"/>
      <c r="Q257" s="544"/>
      <c r="R257" s="544"/>
      <c r="S257" s="544"/>
      <c r="T257" s="545"/>
      <c r="U257" s="229" t="s">
        <v>1306</v>
      </c>
      <c r="V257" s="546" t="s">
        <v>107</v>
      </c>
      <c r="W257" s="547"/>
      <c r="X257" s="547"/>
      <c r="Y257" s="547"/>
      <c r="Z257" s="548"/>
      <c r="AA257" s="623" t="s">
        <v>108</v>
      </c>
      <c r="AB257" s="624"/>
      <c r="AC257" s="625"/>
      <c r="AD257" s="415">
        <v>8</v>
      </c>
      <c r="AE257" s="415">
        <v>0</v>
      </c>
      <c r="AF257" s="646"/>
      <c r="AG257" s="647"/>
      <c r="AH257" s="549"/>
      <c r="AI257" s="550"/>
      <c r="AJ257" s="551"/>
      <c r="AK257" s="332"/>
      <c r="AL257" s="48"/>
      <c r="AM257" s="26"/>
      <c r="AN257" s="1" t="str">
        <f t="shared" si="12"/>
        <v>■</v>
      </c>
    </row>
    <row r="258" spans="1:40" s="1" customFormat="1">
      <c r="A258" s="20" t="str">
        <f t="shared" si="11"/>
        <v>SS</v>
      </c>
      <c r="B258" s="20"/>
      <c r="C258" s="541">
        <v>79</v>
      </c>
      <c r="D258" s="542"/>
      <c r="E258" s="543" t="s">
        <v>1307</v>
      </c>
      <c r="F258" s="544"/>
      <c r="G258" s="544"/>
      <c r="H258" s="544"/>
      <c r="I258" s="544"/>
      <c r="J258" s="544"/>
      <c r="K258" s="544"/>
      <c r="L258" s="544"/>
      <c r="M258" s="544"/>
      <c r="N258" s="544"/>
      <c r="O258" s="544"/>
      <c r="P258" s="544"/>
      <c r="Q258" s="544"/>
      <c r="R258" s="544"/>
      <c r="S258" s="544"/>
      <c r="T258" s="545"/>
      <c r="U258" s="229" t="s">
        <v>1308</v>
      </c>
      <c r="V258" s="546" t="s">
        <v>101</v>
      </c>
      <c r="W258" s="547"/>
      <c r="X258" s="547"/>
      <c r="Y258" s="547"/>
      <c r="Z258" s="548"/>
      <c r="AA258" s="623" t="s">
        <v>102</v>
      </c>
      <c r="AB258" s="624"/>
      <c r="AC258" s="625"/>
      <c r="AD258" s="415">
        <v>5</v>
      </c>
      <c r="AE258" s="415" t="s">
        <v>103</v>
      </c>
      <c r="AF258" s="646"/>
      <c r="AG258" s="647"/>
      <c r="AH258" s="549"/>
      <c r="AI258" s="550"/>
      <c r="AJ258" s="551"/>
      <c r="AK258" s="332"/>
      <c r="AL258" s="48"/>
      <c r="AM258" s="26"/>
      <c r="AN258" s="1" t="str">
        <f t="shared" si="12"/>
        <v>■</v>
      </c>
    </row>
    <row r="259" spans="1:40" s="1" customFormat="1">
      <c r="A259" s="20" t="str">
        <f t="shared" si="11"/>
        <v>SS</v>
      </c>
      <c r="B259" s="20"/>
      <c r="C259" s="541">
        <v>80</v>
      </c>
      <c r="D259" s="542"/>
      <c r="E259" s="543" t="s">
        <v>1309</v>
      </c>
      <c r="F259" s="544"/>
      <c r="G259" s="544"/>
      <c r="H259" s="544"/>
      <c r="I259" s="544"/>
      <c r="J259" s="544"/>
      <c r="K259" s="544"/>
      <c r="L259" s="544"/>
      <c r="M259" s="544"/>
      <c r="N259" s="544"/>
      <c r="O259" s="544"/>
      <c r="P259" s="544"/>
      <c r="Q259" s="544"/>
      <c r="R259" s="544"/>
      <c r="S259" s="544"/>
      <c r="T259" s="545"/>
      <c r="U259" s="229" t="s">
        <v>1310</v>
      </c>
      <c r="V259" s="546" t="s">
        <v>107</v>
      </c>
      <c r="W259" s="547"/>
      <c r="X259" s="547"/>
      <c r="Y259" s="547"/>
      <c r="Z259" s="548"/>
      <c r="AA259" s="623" t="s">
        <v>108</v>
      </c>
      <c r="AB259" s="624"/>
      <c r="AC259" s="625"/>
      <c r="AD259" s="415">
        <v>8</v>
      </c>
      <c r="AE259" s="415">
        <v>0</v>
      </c>
      <c r="AF259" s="646"/>
      <c r="AG259" s="647"/>
      <c r="AH259" s="549"/>
      <c r="AI259" s="550"/>
      <c r="AJ259" s="551"/>
      <c r="AK259" s="332"/>
      <c r="AL259" s="48"/>
      <c r="AM259" s="26"/>
      <c r="AN259" s="1" t="str">
        <f t="shared" si="12"/>
        <v>■</v>
      </c>
    </row>
    <row r="260" spans="1:40" s="1" customFormat="1">
      <c r="A260" s="20" t="str">
        <f t="shared" si="11"/>
        <v>SS</v>
      </c>
      <c r="B260" s="20"/>
      <c r="C260" s="541">
        <v>81</v>
      </c>
      <c r="D260" s="542"/>
      <c r="E260" s="543" t="s">
        <v>612</v>
      </c>
      <c r="F260" s="544"/>
      <c r="G260" s="544"/>
      <c r="H260" s="544"/>
      <c r="I260" s="544"/>
      <c r="J260" s="544"/>
      <c r="K260" s="544"/>
      <c r="L260" s="544"/>
      <c r="M260" s="544"/>
      <c r="N260" s="544"/>
      <c r="O260" s="544"/>
      <c r="P260" s="544"/>
      <c r="Q260" s="544"/>
      <c r="R260" s="544"/>
      <c r="S260" s="544"/>
      <c r="T260" s="545"/>
      <c r="U260" s="229" t="s">
        <v>613</v>
      </c>
      <c r="V260" s="546" t="s">
        <v>107</v>
      </c>
      <c r="W260" s="547"/>
      <c r="X260" s="547"/>
      <c r="Y260" s="547"/>
      <c r="Z260" s="548"/>
      <c r="AA260" s="623" t="s">
        <v>108</v>
      </c>
      <c r="AB260" s="624"/>
      <c r="AC260" s="625"/>
      <c r="AD260" s="415">
        <v>7</v>
      </c>
      <c r="AE260" s="415">
        <v>0</v>
      </c>
      <c r="AF260" s="646"/>
      <c r="AG260" s="647"/>
      <c r="AH260" s="549"/>
      <c r="AI260" s="550"/>
      <c r="AJ260" s="551"/>
      <c r="AK260" s="332"/>
      <c r="AL260" s="48"/>
      <c r="AM260" s="26"/>
      <c r="AN260" s="1" t="str">
        <f t="shared" si="12"/>
        <v>■</v>
      </c>
    </row>
    <row r="261" spans="1:40" s="1" customFormat="1">
      <c r="A261" s="20" t="str">
        <f t="shared" si="11"/>
        <v>SS</v>
      </c>
      <c r="B261" s="20"/>
      <c r="C261" s="541">
        <v>82</v>
      </c>
      <c r="D261" s="542"/>
      <c r="E261" s="543" t="s">
        <v>614</v>
      </c>
      <c r="F261" s="544"/>
      <c r="G261" s="544"/>
      <c r="H261" s="544"/>
      <c r="I261" s="544"/>
      <c r="J261" s="544"/>
      <c r="K261" s="544"/>
      <c r="L261" s="544"/>
      <c r="M261" s="544"/>
      <c r="N261" s="544"/>
      <c r="O261" s="544"/>
      <c r="P261" s="544"/>
      <c r="Q261" s="544"/>
      <c r="R261" s="544"/>
      <c r="S261" s="544"/>
      <c r="T261" s="545"/>
      <c r="U261" s="229" t="s">
        <v>557</v>
      </c>
      <c r="V261" s="546" t="s">
        <v>107</v>
      </c>
      <c r="W261" s="547"/>
      <c r="X261" s="547"/>
      <c r="Y261" s="547"/>
      <c r="Z261" s="548"/>
      <c r="AA261" s="623" t="s">
        <v>108</v>
      </c>
      <c r="AB261" s="624"/>
      <c r="AC261" s="625"/>
      <c r="AD261" s="415">
        <v>3</v>
      </c>
      <c r="AE261" s="415">
        <v>0</v>
      </c>
      <c r="AF261" s="646"/>
      <c r="AG261" s="647"/>
      <c r="AH261" s="549"/>
      <c r="AI261" s="550"/>
      <c r="AJ261" s="551"/>
      <c r="AK261" s="332"/>
      <c r="AL261" s="38"/>
      <c r="AM261" s="26"/>
      <c r="AN261" s="1" t="str">
        <f t="shared" si="12"/>
        <v>■</v>
      </c>
    </row>
    <row r="262" spans="1:40" s="1" customFormat="1">
      <c r="A262" s="20" t="str">
        <f t="shared" si="11"/>
        <v>SS</v>
      </c>
      <c r="B262" s="20"/>
      <c r="C262" s="541">
        <v>83</v>
      </c>
      <c r="D262" s="542"/>
      <c r="E262" s="543" t="s">
        <v>627</v>
      </c>
      <c r="F262" s="544"/>
      <c r="G262" s="544"/>
      <c r="H262" s="544"/>
      <c r="I262" s="544"/>
      <c r="J262" s="544"/>
      <c r="K262" s="544"/>
      <c r="L262" s="544"/>
      <c r="M262" s="544"/>
      <c r="N262" s="544"/>
      <c r="O262" s="544"/>
      <c r="P262" s="544"/>
      <c r="Q262" s="544"/>
      <c r="R262" s="544"/>
      <c r="S262" s="544"/>
      <c r="T262" s="545"/>
      <c r="U262" s="221" t="s">
        <v>628</v>
      </c>
      <c r="V262" s="546" t="s">
        <v>107</v>
      </c>
      <c r="W262" s="547"/>
      <c r="X262" s="547"/>
      <c r="Y262" s="547"/>
      <c r="Z262" s="548"/>
      <c r="AA262" s="623" t="s">
        <v>108</v>
      </c>
      <c r="AB262" s="624"/>
      <c r="AC262" s="625"/>
      <c r="AD262" s="415">
        <v>3</v>
      </c>
      <c r="AE262" s="415">
        <v>0</v>
      </c>
      <c r="AF262" s="646"/>
      <c r="AG262" s="647"/>
      <c r="AH262" s="549"/>
      <c r="AI262" s="550"/>
      <c r="AJ262" s="551"/>
      <c r="AK262" s="332"/>
      <c r="AL262" s="38"/>
      <c r="AM262" s="26"/>
      <c r="AN262" s="1" t="str">
        <f t="shared" si="12"/>
        <v>■</v>
      </c>
    </row>
    <row r="263" spans="1:40" s="1" customFormat="1">
      <c r="A263" s="20" t="str">
        <f t="shared" si="11"/>
        <v>SS</v>
      </c>
      <c r="B263" s="20"/>
      <c r="C263" s="541">
        <v>84</v>
      </c>
      <c r="D263" s="542"/>
      <c r="E263" s="543" t="s">
        <v>629</v>
      </c>
      <c r="F263" s="544"/>
      <c r="G263" s="544"/>
      <c r="H263" s="544"/>
      <c r="I263" s="544"/>
      <c r="J263" s="544"/>
      <c r="K263" s="544"/>
      <c r="L263" s="544"/>
      <c r="M263" s="544"/>
      <c r="N263" s="544"/>
      <c r="O263" s="544"/>
      <c r="P263" s="544"/>
      <c r="Q263" s="544"/>
      <c r="R263" s="544"/>
      <c r="S263" s="544"/>
      <c r="T263" s="545"/>
      <c r="U263" s="221" t="s">
        <v>630</v>
      </c>
      <c r="V263" s="546" t="s">
        <v>107</v>
      </c>
      <c r="W263" s="547"/>
      <c r="X263" s="547"/>
      <c r="Y263" s="547"/>
      <c r="Z263" s="548"/>
      <c r="AA263" s="623" t="s">
        <v>108</v>
      </c>
      <c r="AB263" s="624"/>
      <c r="AC263" s="625"/>
      <c r="AD263" s="415">
        <v>3</v>
      </c>
      <c r="AE263" s="415">
        <v>0</v>
      </c>
      <c r="AF263" s="646"/>
      <c r="AG263" s="647"/>
      <c r="AH263" s="549"/>
      <c r="AI263" s="550"/>
      <c r="AJ263" s="551"/>
      <c r="AK263" s="332"/>
      <c r="AL263" s="48"/>
      <c r="AM263" s="26"/>
      <c r="AN263" s="1" t="str">
        <f t="shared" si="12"/>
        <v>■</v>
      </c>
    </row>
    <row r="264" spans="1:40" s="13" customFormat="1">
      <c r="A264" s="20" t="str">
        <f t="shared" si="11"/>
        <v>SS</v>
      </c>
      <c r="B264" s="20"/>
      <c r="C264" s="541">
        <v>85</v>
      </c>
      <c r="D264" s="542"/>
      <c r="E264" s="543" t="s">
        <v>631</v>
      </c>
      <c r="F264" s="544"/>
      <c r="G264" s="544"/>
      <c r="H264" s="544"/>
      <c r="I264" s="544"/>
      <c r="J264" s="544"/>
      <c r="K264" s="544"/>
      <c r="L264" s="544"/>
      <c r="M264" s="544"/>
      <c r="N264" s="544"/>
      <c r="O264" s="544"/>
      <c r="P264" s="544"/>
      <c r="Q264" s="544"/>
      <c r="R264" s="544"/>
      <c r="S264" s="544"/>
      <c r="T264" s="545"/>
      <c r="U264" s="221" t="s">
        <v>632</v>
      </c>
      <c r="V264" s="546" t="s">
        <v>107</v>
      </c>
      <c r="W264" s="547"/>
      <c r="X264" s="547"/>
      <c r="Y264" s="547"/>
      <c r="Z264" s="548"/>
      <c r="AA264" s="623" t="s">
        <v>108</v>
      </c>
      <c r="AB264" s="624"/>
      <c r="AC264" s="625"/>
      <c r="AD264" s="415">
        <v>3</v>
      </c>
      <c r="AE264" s="415">
        <v>0</v>
      </c>
      <c r="AF264" s="646"/>
      <c r="AG264" s="647"/>
      <c r="AH264" s="549"/>
      <c r="AI264" s="550"/>
      <c r="AJ264" s="551"/>
      <c r="AK264" s="118"/>
      <c r="AL264" s="38"/>
      <c r="AM264" s="54"/>
      <c r="AN264" s="1" t="str">
        <f t="shared" si="12"/>
        <v>■</v>
      </c>
    </row>
    <row r="265" spans="1:40" s="13" customFormat="1">
      <c r="A265" s="20" t="str">
        <f t="shared" si="11"/>
        <v>SS</v>
      </c>
      <c r="B265" s="20"/>
      <c r="C265" s="541">
        <v>86</v>
      </c>
      <c r="D265" s="542"/>
      <c r="E265" s="543" t="s">
        <v>633</v>
      </c>
      <c r="F265" s="544"/>
      <c r="G265" s="544"/>
      <c r="H265" s="544"/>
      <c r="I265" s="544"/>
      <c r="J265" s="544"/>
      <c r="K265" s="544"/>
      <c r="L265" s="544"/>
      <c r="M265" s="544"/>
      <c r="N265" s="544"/>
      <c r="O265" s="544"/>
      <c r="P265" s="544"/>
      <c r="Q265" s="544"/>
      <c r="R265" s="544"/>
      <c r="S265" s="544"/>
      <c r="T265" s="545"/>
      <c r="U265" s="221" t="s">
        <v>634</v>
      </c>
      <c r="V265" s="546" t="s">
        <v>107</v>
      </c>
      <c r="W265" s="547"/>
      <c r="X265" s="547"/>
      <c r="Y265" s="547"/>
      <c r="Z265" s="548"/>
      <c r="AA265" s="623" t="s">
        <v>108</v>
      </c>
      <c r="AB265" s="624"/>
      <c r="AC265" s="625"/>
      <c r="AD265" s="415">
        <v>3</v>
      </c>
      <c r="AE265" s="415">
        <v>0</v>
      </c>
      <c r="AF265" s="646"/>
      <c r="AG265" s="647"/>
      <c r="AH265" s="549"/>
      <c r="AI265" s="550"/>
      <c r="AJ265" s="551"/>
      <c r="AK265" s="118"/>
      <c r="AL265" s="38"/>
      <c r="AM265" s="54"/>
      <c r="AN265" s="1" t="str">
        <f t="shared" si="12"/>
        <v>■</v>
      </c>
    </row>
    <row r="266" spans="1:40" s="1" customFormat="1">
      <c r="A266" s="20" t="str">
        <f t="shared" si="11"/>
        <v>SS</v>
      </c>
      <c r="B266" s="20"/>
      <c r="C266" s="541">
        <v>87</v>
      </c>
      <c r="D266" s="542"/>
      <c r="E266" s="543" t="s">
        <v>635</v>
      </c>
      <c r="F266" s="544"/>
      <c r="G266" s="544"/>
      <c r="H266" s="544"/>
      <c r="I266" s="544"/>
      <c r="J266" s="544"/>
      <c r="K266" s="544"/>
      <c r="L266" s="544"/>
      <c r="M266" s="544"/>
      <c r="N266" s="544"/>
      <c r="O266" s="544"/>
      <c r="P266" s="544"/>
      <c r="Q266" s="544"/>
      <c r="R266" s="544"/>
      <c r="S266" s="544"/>
      <c r="T266" s="545"/>
      <c r="U266" s="221" t="s">
        <v>636</v>
      </c>
      <c r="V266" s="546" t="s">
        <v>107</v>
      </c>
      <c r="W266" s="547"/>
      <c r="X266" s="547"/>
      <c r="Y266" s="547"/>
      <c r="Z266" s="548"/>
      <c r="AA266" s="623" t="s">
        <v>108</v>
      </c>
      <c r="AB266" s="624"/>
      <c r="AC266" s="625"/>
      <c r="AD266" s="415">
        <v>3</v>
      </c>
      <c r="AE266" s="415">
        <v>0</v>
      </c>
      <c r="AF266" s="646"/>
      <c r="AG266" s="647"/>
      <c r="AH266" s="549"/>
      <c r="AI266" s="550"/>
      <c r="AJ266" s="551"/>
      <c r="AK266" s="332"/>
      <c r="AL266" s="48"/>
      <c r="AM266" s="26"/>
      <c r="AN266" s="1" t="str">
        <f t="shared" si="12"/>
        <v>■</v>
      </c>
    </row>
    <row r="267" spans="1:40" s="13" customFormat="1">
      <c r="A267" s="20" t="str">
        <f t="shared" si="11"/>
        <v>SS</v>
      </c>
      <c r="B267" s="20"/>
      <c r="C267" s="541">
        <v>88</v>
      </c>
      <c r="D267" s="542"/>
      <c r="E267" s="543" t="s">
        <v>637</v>
      </c>
      <c r="F267" s="544"/>
      <c r="G267" s="544"/>
      <c r="H267" s="544"/>
      <c r="I267" s="544"/>
      <c r="J267" s="544"/>
      <c r="K267" s="544"/>
      <c r="L267" s="544"/>
      <c r="M267" s="544"/>
      <c r="N267" s="544"/>
      <c r="O267" s="544"/>
      <c r="P267" s="544"/>
      <c r="Q267" s="544"/>
      <c r="R267" s="544"/>
      <c r="S267" s="544"/>
      <c r="T267" s="545"/>
      <c r="U267" s="221" t="s">
        <v>638</v>
      </c>
      <c r="V267" s="546" t="s">
        <v>107</v>
      </c>
      <c r="W267" s="547"/>
      <c r="X267" s="547"/>
      <c r="Y267" s="547"/>
      <c r="Z267" s="548"/>
      <c r="AA267" s="623" t="s">
        <v>108</v>
      </c>
      <c r="AB267" s="624"/>
      <c r="AC267" s="625"/>
      <c r="AD267" s="415">
        <v>3</v>
      </c>
      <c r="AE267" s="415">
        <v>0</v>
      </c>
      <c r="AF267" s="646"/>
      <c r="AG267" s="647"/>
      <c r="AH267" s="549"/>
      <c r="AI267" s="550"/>
      <c r="AJ267" s="551"/>
      <c r="AK267" s="118"/>
      <c r="AL267" s="48"/>
      <c r="AM267" s="54"/>
      <c r="AN267" s="1" t="str">
        <f t="shared" si="12"/>
        <v>■</v>
      </c>
    </row>
    <row r="268" spans="1:40" s="13" customFormat="1">
      <c r="A268" s="20" t="str">
        <f t="shared" si="11"/>
        <v>SS</v>
      </c>
      <c r="B268" s="20"/>
      <c r="C268" s="541">
        <v>89</v>
      </c>
      <c r="D268" s="542"/>
      <c r="E268" s="543" t="s">
        <v>639</v>
      </c>
      <c r="F268" s="544"/>
      <c r="G268" s="544"/>
      <c r="H268" s="544"/>
      <c r="I268" s="544"/>
      <c r="J268" s="544"/>
      <c r="K268" s="544"/>
      <c r="L268" s="544"/>
      <c r="M268" s="544"/>
      <c r="N268" s="544"/>
      <c r="O268" s="544"/>
      <c r="P268" s="544"/>
      <c r="Q268" s="544"/>
      <c r="R268" s="544"/>
      <c r="S268" s="544"/>
      <c r="T268" s="545"/>
      <c r="U268" s="221" t="s">
        <v>640</v>
      </c>
      <c r="V268" s="546" t="s">
        <v>107</v>
      </c>
      <c r="W268" s="547"/>
      <c r="X268" s="547"/>
      <c r="Y268" s="547"/>
      <c r="Z268" s="548"/>
      <c r="AA268" s="623" t="s">
        <v>108</v>
      </c>
      <c r="AB268" s="624"/>
      <c r="AC268" s="625"/>
      <c r="AD268" s="415">
        <v>3</v>
      </c>
      <c r="AE268" s="415">
        <v>0</v>
      </c>
      <c r="AF268" s="646"/>
      <c r="AG268" s="647"/>
      <c r="AH268" s="549"/>
      <c r="AI268" s="550"/>
      <c r="AJ268" s="551"/>
      <c r="AK268" s="118"/>
      <c r="AL268" s="48"/>
      <c r="AM268" s="54"/>
      <c r="AN268" s="1" t="str">
        <f t="shared" si="12"/>
        <v>■</v>
      </c>
    </row>
    <row r="269" spans="1:40" s="1" customFormat="1">
      <c r="A269" s="20" t="str">
        <f t="shared" si="11"/>
        <v>SS</v>
      </c>
      <c r="B269" s="20"/>
      <c r="C269" s="541">
        <v>90</v>
      </c>
      <c r="D269" s="542"/>
      <c r="E269" s="543" t="s">
        <v>641</v>
      </c>
      <c r="F269" s="544"/>
      <c r="G269" s="544"/>
      <c r="H269" s="544"/>
      <c r="I269" s="544"/>
      <c r="J269" s="544"/>
      <c r="K269" s="544"/>
      <c r="L269" s="544"/>
      <c r="M269" s="544"/>
      <c r="N269" s="544"/>
      <c r="O269" s="544"/>
      <c r="P269" s="544"/>
      <c r="Q269" s="544"/>
      <c r="R269" s="544"/>
      <c r="S269" s="544"/>
      <c r="T269" s="545"/>
      <c r="U269" s="221" t="s">
        <v>642</v>
      </c>
      <c r="V269" s="546" t="s">
        <v>107</v>
      </c>
      <c r="W269" s="547"/>
      <c r="X269" s="547"/>
      <c r="Y269" s="547"/>
      <c r="Z269" s="548"/>
      <c r="AA269" s="623" t="s">
        <v>108</v>
      </c>
      <c r="AB269" s="624"/>
      <c r="AC269" s="625"/>
      <c r="AD269" s="415">
        <v>3</v>
      </c>
      <c r="AE269" s="415">
        <v>0</v>
      </c>
      <c r="AF269" s="646"/>
      <c r="AG269" s="647"/>
      <c r="AH269" s="549"/>
      <c r="AI269" s="550"/>
      <c r="AJ269" s="551"/>
      <c r="AK269" s="332"/>
      <c r="AL269" s="48"/>
      <c r="AM269" s="26"/>
      <c r="AN269" s="1" t="str">
        <f t="shared" si="12"/>
        <v>■</v>
      </c>
    </row>
    <row r="270" spans="1:40" s="1" customFormat="1">
      <c r="A270" s="20" t="str">
        <f t="shared" si="11"/>
        <v>SS</v>
      </c>
      <c r="B270" s="20"/>
      <c r="C270" s="541">
        <v>91</v>
      </c>
      <c r="D270" s="542"/>
      <c r="E270" s="543" t="s">
        <v>643</v>
      </c>
      <c r="F270" s="544"/>
      <c r="G270" s="544"/>
      <c r="H270" s="544"/>
      <c r="I270" s="544"/>
      <c r="J270" s="544"/>
      <c r="K270" s="544"/>
      <c r="L270" s="544"/>
      <c r="M270" s="544"/>
      <c r="N270" s="544"/>
      <c r="O270" s="544"/>
      <c r="P270" s="544"/>
      <c r="Q270" s="544"/>
      <c r="R270" s="544"/>
      <c r="S270" s="544"/>
      <c r="T270" s="545"/>
      <c r="U270" s="221" t="s">
        <v>644</v>
      </c>
      <c r="V270" s="546" t="s">
        <v>107</v>
      </c>
      <c r="W270" s="547"/>
      <c r="X270" s="547"/>
      <c r="Y270" s="547"/>
      <c r="Z270" s="548"/>
      <c r="AA270" s="623" t="s">
        <v>108</v>
      </c>
      <c r="AB270" s="624"/>
      <c r="AC270" s="625"/>
      <c r="AD270" s="415">
        <v>3</v>
      </c>
      <c r="AE270" s="415">
        <v>0</v>
      </c>
      <c r="AF270" s="646"/>
      <c r="AG270" s="647"/>
      <c r="AH270" s="549"/>
      <c r="AI270" s="550"/>
      <c r="AJ270" s="551"/>
      <c r="AK270" s="332"/>
      <c r="AL270" s="48"/>
      <c r="AM270" s="26"/>
      <c r="AN270" s="1" t="str">
        <f t="shared" si="12"/>
        <v>■</v>
      </c>
    </row>
    <row r="271" spans="1:40" s="1" customFormat="1">
      <c r="A271" s="20" t="str">
        <f t="shared" si="11"/>
        <v>SS</v>
      </c>
      <c r="B271" s="20"/>
      <c r="C271" s="541">
        <v>92</v>
      </c>
      <c r="D271" s="542"/>
      <c r="E271" s="543" t="s">
        <v>645</v>
      </c>
      <c r="F271" s="544"/>
      <c r="G271" s="544"/>
      <c r="H271" s="544"/>
      <c r="I271" s="544"/>
      <c r="J271" s="544"/>
      <c r="K271" s="544"/>
      <c r="L271" s="544"/>
      <c r="M271" s="544"/>
      <c r="N271" s="544"/>
      <c r="O271" s="544"/>
      <c r="P271" s="544"/>
      <c r="Q271" s="544"/>
      <c r="R271" s="544"/>
      <c r="S271" s="544"/>
      <c r="T271" s="545"/>
      <c r="U271" s="221" t="s">
        <v>646</v>
      </c>
      <c r="V271" s="546" t="s">
        <v>107</v>
      </c>
      <c r="W271" s="547"/>
      <c r="X271" s="547"/>
      <c r="Y271" s="547"/>
      <c r="Z271" s="548"/>
      <c r="AA271" s="623" t="s">
        <v>108</v>
      </c>
      <c r="AB271" s="624"/>
      <c r="AC271" s="625"/>
      <c r="AD271" s="415">
        <v>3</v>
      </c>
      <c r="AE271" s="415">
        <v>0</v>
      </c>
      <c r="AF271" s="646"/>
      <c r="AG271" s="647"/>
      <c r="AH271" s="549"/>
      <c r="AI271" s="550"/>
      <c r="AJ271" s="551"/>
      <c r="AK271" s="332"/>
      <c r="AL271" s="48"/>
      <c r="AM271" s="26"/>
      <c r="AN271" s="1" t="str">
        <f t="shared" si="12"/>
        <v>■</v>
      </c>
    </row>
    <row r="272" spans="1:40" s="1" customFormat="1">
      <c r="A272" s="20" t="str">
        <f t="shared" si="11"/>
        <v>SS</v>
      </c>
      <c r="B272" s="20"/>
      <c r="C272" s="541">
        <v>93</v>
      </c>
      <c r="D272" s="542"/>
      <c r="E272" s="543" t="s">
        <v>647</v>
      </c>
      <c r="F272" s="544"/>
      <c r="G272" s="544"/>
      <c r="H272" s="544"/>
      <c r="I272" s="544"/>
      <c r="J272" s="544"/>
      <c r="K272" s="544"/>
      <c r="L272" s="544"/>
      <c r="M272" s="544"/>
      <c r="N272" s="544"/>
      <c r="O272" s="544"/>
      <c r="P272" s="544"/>
      <c r="Q272" s="544"/>
      <c r="R272" s="544"/>
      <c r="S272" s="544"/>
      <c r="T272" s="545"/>
      <c r="U272" s="221" t="s">
        <v>648</v>
      </c>
      <c r="V272" s="546" t="s">
        <v>107</v>
      </c>
      <c r="W272" s="547"/>
      <c r="X272" s="547"/>
      <c r="Y272" s="547"/>
      <c r="Z272" s="548"/>
      <c r="AA272" s="623" t="s">
        <v>108</v>
      </c>
      <c r="AB272" s="624"/>
      <c r="AC272" s="625"/>
      <c r="AD272" s="415">
        <v>3</v>
      </c>
      <c r="AE272" s="415">
        <v>0</v>
      </c>
      <c r="AF272" s="646"/>
      <c r="AG272" s="647"/>
      <c r="AH272" s="549"/>
      <c r="AI272" s="550"/>
      <c r="AJ272" s="551"/>
      <c r="AK272" s="332"/>
      <c r="AL272" s="48"/>
      <c r="AM272" s="26"/>
      <c r="AN272" s="1" t="str">
        <f t="shared" si="12"/>
        <v>■</v>
      </c>
    </row>
    <row r="273" spans="1:40" s="1" customFormat="1">
      <c r="A273" s="20" t="str">
        <f t="shared" si="11"/>
        <v>SS</v>
      </c>
      <c r="B273" s="20"/>
      <c r="C273" s="541">
        <v>94</v>
      </c>
      <c r="D273" s="542"/>
      <c r="E273" s="543" t="s">
        <v>649</v>
      </c>
      <c r="F273" s="544"/>
      <c r="G273" s="544"/>
      <c r="H273" s="544"/>
      <c r="I273" s="544"/>
      <c r="J273" s="544"/>
      <c r="K273" s="544"/>
      <c r="L273" s="544"/>
      <c r="M273" s="544"/>
      <c r="N273" s="544"/>
      <c r="O273" s="544"/>
      <c r="P273" s="544"/>
      <c r="Q273" s="544"/>
      <c r="R273" s="544"/>
      <c r="S273" s="544"/>
      <c r="T273" s="545"/>
      <c r="U273" s="221" t="s">
        <v>650</v>
      </c>
      <c r="V273" s="546" t="s">
        <v>107</v>
      </c>
      <c r="W273" s="547"/>
      <c r="X273" s="547"/>
      <c r="Y273" s="547"/>
      <c r="Z273" s="548"/>
      <c r="AA273" s="623" t="s">
        <v>108</v>
      </c>
      <c r="AB273" s="624"/>
      <c r="AC273" s="625"/>
      <c r="AD273" s="415">
        <v>3</v>
      </c>
      <c r="AE273" s="415">
        <v>0</v>
      </c>
      <c r="AF273" s="646"/>
      <c r="AG273" s="647"/>
      <c r="AH273" s="549"/>
      <c r="AI273" s="550"/>
      <c r="AJ273" s="551"/>
      <c r="AK273" s="332"/>
      <c r="AL273" s="48"/>
      <c r="AM273" s="26"/>
      <c r="AN273" s="1" t="str">
        <f t="shared" si="12"/>
        <v>■</v>
      </c>
    </row>
    <row r="274" spans="1:40" s="1" customFormat="1">
      <c r="A274" s="20" t="str">
        <f t="shared" si="11"/>
        <v>SS</v>
      </c>
      <c r="B274" s="20"/>
      <c r="C274" s="541">
        <v>95</v>
      </c>
      <c r="D274" s="542"/>
      <c r="E274" s="543" t="s">
        <v>651</v>
      </c>
      <c r="F274" s="544"/>
      <c r="G274" s="544"/>
      <c r="H274" s="544"/>
      <c r="I274" s="544"/>
      <c r="J274" s="544"/>
      <c r="K274" s="544"/>
      <c r="L274" s="544"/>
      <c r="M274" s="544"/>
      <c r="N274" s="544"/>
      <c r="O274" s="544"/>
      <c r="P274" s="544"/>
      <c r="Q274" s="544"/>
      <c r="R274" s="544"/>
      <c r="S274" s="544"/>
      <c r="T274" s="545"/>
      <c r="U274" s="221" t="s">
        <v>652</v>
      </c>
      <c r="V274" s="546" t="s">
        <v>107</v>
      </c>
      <c r="W274" s="547"/>
      <c r="X274" s="547"/>
      <c r="Y274" s="547"/>
      <c r="Z274" s="548"/>
      <c r="AA274" s="623" t="s">
        <v>108</v>
      </c>
      <c r="AB274" s="624"/>
      <c r="AC274" s="625"/>
      <c r="AD274" s="415">
        <v>3</v>
      </c>
      <c r="AE274" s="415">
        <v>0</v>
      </c>
      <c r="AF274" s="646"/>
      <c r="AG274" s="647"/>
      <c r="AH274" s="549"/>
      <c r="AI274" s="550"/>
      <c r="AJ274" s="551"/>
      <c r="AK274" s="332"/>
      <c r="AL274" s="48"/>
      <c r="AM274" s="26"/>
      <c r="AN274" s="1" t="str">
        <f t="shared" si="12"/>
        <v>■</v>
      </c>
    </row>
    <row r="275" spans="1:40" s="1" customFormat="1">
      <c r="A275" s="20" t="str">
        <f t="shared" si="11"/>
        <v>SS</v>
      </c>
      <c r="B275" s="20"/>
      <c r="C275" s="541">
        <v>96</v>
      </c>
      <c r="D275" s="542"/>
      <c r="E275" s="543" t="s">
        <v>653</v>
      </c>
      <c r="F275" s="544"/>
      <c r="G275" s="544"/>
      <c r="H275" s="544"/>
      <c r="I275" s="544"/>
      <c r="J275" s="544"/>
      <c r="K275" s="544"/>
      <c r="L275" s="544"/>
      <c r="M275" s="544"/>
      <c r="N275" s="544"/>
      <c r="O275" s="544"/>
      <c r="P275" s="544"/>
      <c r="Q275" s="544"/>
      <c r="R275" s="544"/>
      <c r="S275" s="544"/>
      <c r="T275" s="545"/>
      <c r="U275" s="221" t="s">
        <v>654</v>
      </c>
      <c r="V275" s="546" t="s">
        <v>107</v>
      </c>
      <c r="W275" s="547"/>
      <c r="X275" s="547"/>
      <c r="Y275" s="547"/>
      <c r="Z275" s="548"/>
      <c r="AA275" s="623" t="s">
        <v>108</v>
      </c>
      <c r="AB275" s="624"/>
      <c r="AC275" s="625"/>
      <c r="AD275" s="415">
        <v>3</v>
      </c>
      <c r="AE275" s="415">
        <v>0</v>
      </c>
      <c r="AF275" s="646"/>
      <c r="AG275" s="647"/>
      <c r="AH275" s="549"/>
      <c r="AI275" s="550"/>
      <c r="AJ275" s="551"/>
      <c r="AK275" s="332"/>
      <c r="AL275" s="48"/>
      <c r="AM275" s="26"/>
      <c r="AN275" s="1" t="str">
        <f t="shared" si="12"/>
        <v>■</v>
      </c>
    </row>
    <row r="276" spans="1:40" s="1" customFormat="1">
      <c r="A276" s="20" t="str">
        <f t="shared" si="11"/>
        <v>SS</v>
      </c>
      <c r="B276" s="20"/>
      <c r="C276" s="541">
        <v>97</v>
      </c>
      <c r="D276" s="542"/>
      <c r="E276" s="543" t="s">
        <v>655</v>
      </c>
      <c r="F276" s="544"/>
      <c r="G276" s="544"/>
      <c r="H276" s="544"/>
      <c r="I276" s="544"/>
      <c r="J276" s="544"/>
      <c r="K276" s="544"/>
      <c r="L276" s="544"/>
      <c r="M276" s="544"/>
      <c r="N276" s="544"/>
      <c r="O276" s="544"/>
      <c r="P276" s="544"/>
      <c r="Q276" s="544"/>
      <c r="R276" s="544"/>
      <c r="S276" s="544"/>
      <c r="T276" s="545"/>
      <c r="U276" s="221" t="s">
        <v>656</v>
      </c>
      <c r="V276" s="546" t="s">
        <v>107</v>
      </c>
      <c r="W276" s="547"/>
      <c r="X276" s="547"/>
      <c r="Y276" s="547"/>
      <c r="Z276" s="548"/>
      <c r="AA276" s="623" t="s">
        <v>108</v>
      </c>
      <c r="AB276" s="624"/>
      <c r="AC276" s="625"/>
      <c r="AD276" s="415">
        <v>3</v>
      </c>
      <c r="AE276" s="415">
        <v>0</v>
      </c>
      <c r="AF276" s="646"/>
      <c r="AG276" s="647"/>
      <c r="AH276" s="549"/>
      <c r="AI276" s="550"/>
      <c r="AJ276" s="551"/>
      <c r="AK276" s="332"/>
      <c r="AL276" s="48"/>
      <c r="AM276" s="26"/>
      <c r="AN276" s="1" t="str">
        <f t="shared" si="12"/>
        <v>■</v>
      </c>
    </row>
    <row r="277" spans="1:40" s="1" customFormat="1">
      <c r="A277" s="20" t="str">
        <f t="shared" si="11"/>
        <v>SS</v>
      </c>
      <c r="B277" s="20"/>
      <c r="C277" s="541">
        <v>98</v>
      </c>
      <c r="D277" s="542"/>
      <c r="E277" s="543" t="s">
        <v>657</v>
      </c>
      <c r="F277" s="544"/>
      <c r="G277" s="544"/>
      <c r="H277" s="544"/>
      <c r="I277" s="544"/>
      <c r="J277" s="544"/>
      <c r="K277" s="544"/>
      <c r="L277" s="544"/>
      <c r="M277" s="544"/>
      <c r="N277" s="544"/>
      <c r="O277" s="544"/>
      <c r="P277" s="544"/>
      <c r="Q277" s="544"/>
      <c r="R277" s="544"/>
      <c r="S277" s="544"/>
      <c r="T277" s="545"/>
      <c r="U277" s="221" t="s">
        <v>658</v>
      </c>
      <c r="V277" s="546" t="s">
        <v>107</v>
      </c>
      <c r="W277" s="547"/>
      <c r="X277" s="547"/>
      <c r="Y277" s="547"/>
      <c r="Z277" s="548"/>
      <c r="AA277" s="623" t="s">
        <v>108</v>
      </c>
      <c r="AB277" s="624"/>
      <c r="AC277" s="625"/>
      <c r="AD277" s="415">
        <v>3</v>
      </c>
      <c r="AE277" s="415">
        <v>0</v>
      </c>
      <c r="AF277" s="646"/>
      <c r="AG277" s="647"/>
      <c r="AH277" s="549"/>
      <c r="AI277" s="550"/>
      <c r="AJ277" s="551"/>
      <c r="AK277" s="332"/>
      <c r="AL277" s="48"/>
      <c r="AM277" s="26"/>
      <c r="AN277" s="1" t="str">
        <f t="shared" si="12"/>
        <v>■</v>
      </c>
    </row>
    <row r="278" spans="1:40" s="1" customFormat="1">
      <c r="A278" s="20" t="str">
        <f t="shared" si="11"/>
        <v>SS</v>
      </c>
      <c r="B278" s="20"/>
      <c r="C278" s="541">
        <v>99</v>
      </c>
      <c r="D278" s="542"/>
      <c r="E278" s="543" t="s">
        <v>659</v>
      </c>
      <c r="F278" s="544"/>
      <c r="G278" s="544"/>
      <c r="H278" s="544"/>
      <c r="I278" s="544"/>
      <c r="J278" s="544"/>
      <c r="K278" s="544"/>
      <c r="L278" s="544"/>
      <c r="M278" s="544"/>
      <c r="N278" s="544"/>
      <c r="O278" s="544"/>
      <c r="P278" s="544"/>
      <c r="Q278" s="544"/>
      <c r="R278" s="544"/>
      <c r="S278" s="544"/>
      <c r="T278" s="545"/>
      <c r="U278" s="221" t="s">
        <v>660</v>
      </c>
      <c r="V278" s="546" t="s">
        <v>107</v>
      </c>
      <c r="W278" s="547"/>
      <c r="X278" s="547"/>
      <c r="Y278" s="547"/>
      <c r="Z278" s="548"/>
      <c r="AA278" s="623" t="s">
        <v>108</v>
      </c>
      <c r="AB278" s="624"/>
      <c r="AC278" s="625"/>
      <c r="AD278" s="415">
        <v>3</v>
      </c>
      <c r="AE278" s="415">
        <v>0</v>
      </c>
      <c r="AF278" s="646"/>
      <c r="AG278" s="647"/>
      <c r="AH278" s="549"/>
      <c r="AI278" s="550"/>
      <c r="AJ278" s="551"/>
      <c r="AK278" s="332"/>
      <c r="AL278" s="48"/>
      <c r="AM278" s="26"/>
      <c r="AN278" s="1" t="str">
        <f t="shared" si="12"/>
        <v>■</v>
      </c>
    </row>
    <row r="279" spans="1:40" s="1" customFormat="1">
      <c r="A279" s="20" t="str">
        <f t="shared" si="11"/>
        <v>SS</v>
      </c>
      <c r="B279" s="20"/>
      <c r="C279" s="541">
        <v>100</v>
      </c>
      <c r="D279" s="542"/>
      <c r="E279" s="543" t="s">
        <v>661</v>
      </c>
      <c r="F279" s="544"/>
      <c r="G279" s="544"/>
      <c r="H279" s="544"/>
      <c r="I279" s="544"/>
      <c r="J279" s="544"/>
      <c r="K279" s="544"/>
      <c r="L279" s="544"/>
      <c r="M279" s="544"/>
      <c r="N279" s="544"/>
      <c r="O279" s="544"/>
      <c r="P279" s="544"/>
      <c r="Q279" s="544"/>
      <c r="R279" s="544"/>
      <c r="S279" s="544"/>
      <c r="T279" s="545"/>
      <c r="U279" s="221" t="s">
        <v>662</v>
      </c>
      <c r="V279" s="546" t="s">
        <v>107</v>
      </c>
      <c r="W279" s="547"/>
      <c r="X279" s="547"/>
      <c r="Y279" s="547"/>
      <c r="Z279" s="548"/>
      <c r="AA279" s="623" t="s">
        <v>108</v>
      </c>
      <c r="AB279" s="624"/>
      <c r="AC279" s="625"/>
      <c r="AD279" s="415">
        <v>3</v>
      </c>
      <c r="AE279" s="415">
        <v>0</v>
      </c>
      <c r="AF279" s="646"/>
      <c r="AG279" s="647"/>
      <c r="AH279" s="549"/>
      <c r="AI279" s="550"/>
      <c r="AJ279" s="551"/>
      <c r="AK279" s="332"/>
      <c r="AL279" s="48"/>
      <c r="AM279" s="26"/>
      <c r="AN279" s="1" t="str">
        <f t="shared" si="12"/>
        <v>■</v>
      </c>
    </row>
    <row r="280" spans="1:40" s="1" customFormat="1">
      <c r="A280" s="20" t="str">
        <f t="shared" si="11"/>
        <v>SS</v>
      </c>
      <c r="B280" s="20"/>
      <c r="C280" s="541">
        <v>101</v>
      </c>
      <c r="D280" s="542"/>
      <c r="E280" s="543" t="s">
        <v>663</v>
      </c>
      <c r="F280" s="544"/>
      <c r="G280" s="544"/>
      <c r="H280" s="544"/>
      <c r="I280" s="544"/>
      <c r="J280" s="544"/>
      <c r="K280" s="544"/>
      <c r="L280" s="544"/>
      <c r="M280" s="544"/>
      <c r="N280" s="544"/>
      <c r="O280" s="544"/>
      <c r="P280" s="544"/>
      <c r="Q280" s="544"/>
      <c r="R280" s="544"/>
      <c r="S280" s="544"/>
      <c r="T280" s="545"/>
      <c r="U280" s="221" t="s">
        <v>664</v>
      </c>
      <c r="V280" s="546" t="s">
        <v>107</v>
      </c>
      <c r="W280" s="547"/>
      <c r="X280" s="547"/>
      <c r="Y280" s="547"/>
      <c r="Z280" s="548"/>
      <c r="AA280" s="623" t="s">
        <v>108</v>
      </c>
      <c r="AB280" s="624"/>
      <c r="AC280" s="625"/>
      <c r="AD280" s="415">
        <v>3</v>
      </c>
      <c r="AE280" s="415">
        <v>0</v>
      </c>
      <c r="AF280" s="646"/>
      <c r="AG280" s="647"/>
      <c r="AH280" s="549"/>
      <c r="AI280" s="550"/>
      <c r="AJ280" s="551"/>
      <c r="AK280" s="332"/>
      <c r="AL280" s="48"/>
      <c r="AM280" s="26"/>
      <c r="AN280" s="1" t="str">
        <f t="shared" si="12"/>
        <v>■</v>
      </c>
    </row>
    <row r="281" spans="1:40" s="1" customFormat="1">
      <c r="A281" s="20" t="str">
        <f t="shared" si="11"/>
        <v>SS</v>
      </c>
      <c r="B281" s="20"/>
      <c r="C281" s="541">
        <v>102</v>
      </c>
      <c r="D281" s="542"/>
      <c r="E281" s="543" t="s">
        <v>665</v>
      </c>
      <c r="F281" s="544"/>
      <c r="G281" s="544"/>
      <c r="H281" s="544"/>
      <c r="I281" s="544"/>
      <c r="J281" s="544"/>
      <c r="K281" s="544"/>
      <c r="L281" s="544"/>
      <c r="M281" s="544"/>
      <c r="N281" s="544"/>
      <c r="O281" s="544"/>
      <c r="P281" s="544"/>
      <c r="Q281" s="544"/>
      <c r="R281" s="544"/>
      <c r="S281" s="544"/>
      <c r="T281" s="545"/>
      <c r="U281" s="221" t="s">
        <v>666</v>
      </c>
      <c r="V281" s="546" t="s">
        <v>107</v>
      </c>
      <c r="W281" s="547"/>
      <c r="X281" s="547"/>
      <c r="Y281" s="547"/>
      <c r="Z281" s="548"/>
      <c r="AA281" s="623" t="s">
        <v>108</v>
      </c>
      <c r="AB281" s="624"/>
      <c r="AC281" s="625"/>
      <c r="AD281" s="415">
        <v>3</v>
      </c>
      <c r="AE281" s="415">
        <v>0</v>
      </c>
      <c r="AF281" s="646"/>
      <c r="AG281" s="647"/>
      <c r="AH281" s="549"/>
      <c r="AI281" s="550"/>
      <c r="AJ281" s="551"/>
      <c r="AK281" s="332"/>
      <c r="AL281" s="38"/>
      <c r="AM281" s="26"/>
      <c r="AN281" s="1" t="str">
        <f t="shared" si="12"/>
        <v>■</v>
      </c>
    </row>
    <row r="282" spans="1:40" s="1" customFormat="1">
      <c r="A282" s="20" t="str">
        <f t="shared" si="11"/>
        <v>SS</v>
      </c>
      <c r="B282" s="20"/>
      <c r="C282" s="541">
        <v>103</v>
      </c>
      <c r="D282" s="542"/>
      <c r="E282" s="543" t="s">
        <v>667</v>
      </c>
      <c r="F282" s="544"/>
      <c r="G282" s="544"/>
      <c r="H282" s="544"/>
      <c r="I282" s="544"/>
      <c r="J282" s="544"/>
      <c r="K282" s="544"/>
      <c r="L282" s="544"/>
      <c r="M282" s="544"/>
      <c r="N282" s="544"/>
      <c r="O282" s="544"/>
      <c r="P282" s="544"/>
      <c r="Q282" s="544"/>
      <c r="R282" s="544"/>
      <c r="S282" s="544"/>
      <c r="T282" s="545"/>
      <c r="U282" s="221" t="s">
        <v>668</v>
      </c>
      <c r="V282" s="546" t="s">
        <v>107</v>
      </c>
      <c r="W282" s="547"/>
      <c r="X282" s="547"/>
      <c r="Y282" s="547"/>
      <c r="Z282" s="548"/>
      <c r="AA282" s="623" t="s">
        <v>108</v>
      </c>
      <c r="AB282" s="624"/>
      <c r="AC282" s="625"/>
      <c r="AD282" s="415">
        <v>3</v>
      </c>
      <c r="AE282" s="415">
        <v>0</v>
      </c>
      <c r="AF282" s="646"/>
      <c r="AG282" s="647"/>
      <c r="AH282" s="549"/>
      <c r="AI282" s="550"/>
      <c r="AJ282" s="551"/>
      <c r="AK282" s="332"/>
      <c r="AL282" s="38"/>
      <c r="AM282" s="26"/>
      <c r="AN282" s="1" t="str">
        <f t="shared" si="12"/>
        <v>■</v>
      </c>
    </row>
    <row r="283" spans="1:40" s="1" customFormat="1">
      <c r="A283" s="20" t="str">
        <f t="shared" si="11"/>
        <v>SS</v>
      </c>
      <c r="B283" s="20"/>
      <c r="C283" s="541">
        <v>104</v>
      </c>
      <c r="D283" s="542"/>
      <c r="E283" s="543" t="s">
        <v>669</v>
      </c>
      <c r="F283" s="544"/>
      <c r="G283" s="544"/>
      <c r="H283" s="544"/>
      <c r="I283" s="544"/>
      <c r="J283" s="544"/>
      <c r="K283" s="544"/>
      <c r="L283" s="544"/>
      <c r="M283" s="544"/>
      <c r="N283" s="544"/>
      <c r="O283" s="544"/>
      <c r="P283" s="544"/>
      <c r="Q283" s="544"/>
      <c r="R283" s="544"/>
      <c r="S283" s="544"/>
      <c r="T283" s="545"/>
      <c r="U283" s="221" t="s">
        <v>670</v>
      </c>
      <c r="V283" s="546" t="s">
        <v>107</v>
      </c>
      <c r="W283" s="547"/>
      <c r="X283" s="547"/>
      <c r="Y283" s="547"/>
      <c r="Z283" s="548"/>
      <c r="AA283" s="623" t="s">
        <v>108</v>
      </c>
      <c r="AB283" s="624"/>
      <c r="AC283" s="625"/>
      <c r="AD283" s="415">
        <v>3</v>
      </c>
      <c r="AE283" s="415">
        <v>0</v>
      </c>
      <c r="AF283" s="646"/>
      <c r="AG283" s="647"/>
      <c r="AH283" s="549"/>
      <c r="AI283" s="550"/>
      <c r="AJ283" s="551"/>
      <c r="AK283" s="332"/>
      <c r="AL283" s="48"/>
      <c r="AM283" s="26"/>
      <c r="AN283" s="1" t="str">
        <f t="shared" si="12"/>
        <v>■</v>
      </c>
    </row>
    <row r="284" spans="1:40" s="13" customFormat="1">
      <c r="A284" s="20" t="str">
        <f t="shared" si="11"/>
        <v>SS</v>
      </c>
      <c r="B284" s="20"/>
      <c r="C284" s="541">
        <v>105</v>
      </c>
      <c r="D284" s="542"/>
      <c r="E284" s="543" t="s">
        <v>671</v>
      </c>
      <c r="F284" s="544"/>
      <c r="G284" s="544"/>
      <c r="H284" s="544"/>
      <c r="I284" s="544"/>
      <c r="J284" s="544"/>
      <c r="K284" s="544"/>
      <c r="L284" s="544"/>
      <c r="M284" s="544"/>
      <c r="N284" s="544"/>
      <c r="O284" s="544"/>
      <c r="P284" s="544"/>
      <c r="Q284" s="544"/>
      <c r="R284" s="544"/>
      <c r="S284" s="544"/>
      <c r="T284" s="545"/>
      <c r="U284" s="221" t="s">
        <v>672</v>
      </c>
      <c r="V284" s="546" t="s">
        <v>107</v>
      </c>
      <c r="W284" s="547"/>
      <c r="X284" s="547"/>
      <c r="Y284" s="547"/>
      <c r="Z284" s="548"/>
      <c r="AA284" s="623" t="s">
        <v>108</v>
      </c>
      <c r="AB284" s="624"/>
      <c r="AC284" s="625"/>
      <c r="AD284" s="415">
        <v>3</v>
      </c>
      <c r="AE284" s="415">
        <v>0</v>
      </c>
      <c r="AF284" s="646"/>
      <c r="AG284" s="647"/>
      <c r="AH284" s="549"/>
      <c r="AI284" s="550"/>
      <c r="AJ284" s="551"/>
      <c r="AK284" s="118"/>
      <c r="AL284" s="38"/>
      <c r="AM284" s="54"/>
      <c r="AN284" s="1" t="str">
        <f t="shared" si="12"/>
        <v>■</v>
      </c>
    </row>
    <row r="285" spans="1:40" s="13" customFormat="1">
      <c r="A285" s="20" t="str">
        <f t="shared" si="11"/>
        <v>SS</v>
      </c>
      <c r="B285" s="20"/>
      <c r="C285" s="541">
        <v>106</v>
      </c>
      <c r="D285" s="542"/>
      <c r="E285" s="543" t="s">
        <v>673</v>
      </c>
      <c r="F285" s="544"/>
      <c r="G285" s="544"/>
      <c r="H285" s="544"/>
      <c r="I285" s="544"/>
      <c r="J285" s="544"/>
      <c r="K285" s="544"/>
      <c r="L285" s="544"/>
      <c r="M285" s="544"/>
      <c r="N285" s="544"/>
      <c r="O285" s="544"/>
      <c r="P285" s="544"/>
      <c r="Q285" s="544"/>
      <c r="R285" s="544"/>
      <c r="S285" s="544"/>
      <c r="T285" s="545"/>
      <c r="U285" s="221" t="s">
        <v>674</v>
      </c>
      <c r="V285" s="546" t="s">
        <v>107</v>
      </c>
      <c r="W285" s="547"/>
      <c r="X285" s="547"/>
      <c r="Y285" s="547"/>
      <c r="Z285" s="548"/>
      <c r="AA285" s="623" t="s">
        <v>108</v>
      </c>
      <c r="AB285" s="624"/>
      <c r="AC285" s="625"/>
      <c r="AD285" s="415">
        <v>3</v>
      </c>
      <c r="AE285" s="415">
        <v>0</v>
      </c>
      <c r="AF285" s="646"/>
      <c r="AG285" s="647"/>
      <c r="AH285" s="549"/>
      <c r="AI285" s="550"/>
      <c r="AJ285" s="551"/>
      <c r="AK285" s="118"/>
      <c r="AL285" s="38"/>
      <c r="AM285" s="54"/>
      <c r="AN285" s="1" t="str">
        <f t="shared" si="12"/>
        <v>■</v>
      </c>
    </row>
    <row r="286" spans="1:40" s="1" customFormat="1">
      <c r="A286" s="20" t="str">
        <f t="shared" si="11"/>
        <v>SS</v>
      </c>
      <c r="B286" s="20"/>
      <c r="C286" s="541">
        <v>107</v>
      </c>
      <c r="D286" s="542"/>
      <c r="E286" s="543" t="s">
        <v>675</v>
      </c>
      <c r="F286" s="544"/>
      <c r="G286" s="544"/>
      <c r="H286" s="544"/>
      <c r="I286" s="544"/>
      <c r="J286" s="544"/>
      <c r="K286" s="544"/>
      <c r="L286" s="544"/>
      <c r="M286" s="544"/>
      <c r="N286" s="544"/>
      <c r="O286" s="544"/>
      <c r="P286" s="544"/>
      <c r="Q286" s="544"/>
      <c r="R286" s="544"/>
      <c r="S286" s="544"/>
      <c r="T286" s="545"/>
      <c r="U286" s="221" t="s">
        <v>676</v>
      </c>
      <c r="V286" s="546" t="s">
        <v>107</v>
      </c>
      <c r="W286" s="547"/>
      <c r="X286" s="547"/>
      <c r="Y286" s="547"/>
      <c r="Z286" s="548"/>
      <c r="AA286" s="623" t="s">
        <v>108</v>
      </c>
      <c r="AB286" s="624"/>
      <c r="AC286" s="625"/>
      <c r="AD286" s="415">
        <v>3</v>
      </c>
      <c r="AE286" s="415">
        <v>0</v>
      </c>
      <c r="AF286" s="646"/>
      <c r="AG286" s="647"/>
      <c r="AH286" s="549"/>
      <c r="AI286" s="550"/>
      <c r="AJ286" s="551"/>
      <c r="AK286" s="332"/>
      <c r="AL286" s="48"/>
      <c r="AM286" s="26"/>
      <c r="AN286" s="1" t="str">
        <f t="shared" si="12"/>
        <v>■</v>
      </c>
    </row>
    <row r="287" spans="1:40" s="13" customFormat="1">
      <c r="A287" s="20" t="str">
        <f t="shared" si="11"/>
        <v>SS</v>
      </c>
      <c r="B287" s="20"/>
      <c r="C287" s="541">
        <v>108</v>
      </c>
      <c r="D287" s="542"/>
      <c r="E287" s="543" t="s">
        <v>677</v>
      </c>
      <c r="F287" s="544"/>
      <c r="G287" s="544"/>
      <c r="H287" s="544"/>
      <c r="I287" s="544"/>
      <c r="J287" s="544"/>
      <c r="K287" s="544"/>
      <c r="L287" s="544"/>
      <c r="M287" s="544"/>
      <c r="N287" s="544"/>
      <c r="O287" s="544"/>
      <c r="P287" s="544"/>
      <c r="Q287" s="544"/>
      <c r="R287" s="544"/>
      <c r="S287" s="544"/>
      <c r="T287" s="545"/>
      <c r="U287" s="221" t="s">
        <v>678</v>
      </c>
      <c r="V287" s="546" t="s">
        <v>107</v>
      </c>
      <c r="W287" s="547"/>
      <c r="X287" s="547"/>
      <c r="Y287" s="547"/>
      <c r="Z287" s="548"/>
      <c r="AA287" s="623" t="s">
        <v>108</v>
      </c>
      <c r="AB287" s="624"/>
      <c r="AC287" s="625"/>
      <c r="AD287" s="415">
        <v>3</v>
      </c>
      <c r="AE287" s="415">
        <v>0</v>
      </c>
      <c r="AF287" s="646"/>
      <c r="AG287" s="647"/>
      <c r="AH287" s="549"/>
      <c r="AI287" s="550"/>
      <c r="AJ287" s="551"/>
      <c r="AK287" s="118"/>
      <c r="AL287" s="48"/>
      <c r="AM287" s="54"/>
      <c r="AN287" s="1" t="str">
        <f t="shared" si="12"/>
        <v>■</v>
      </c>
    </row>
    <row r="288" spans="1:40" s="13" customFormat="1">
      <c r="A288" s="20" t="str">
        <f t="shared" si="11"/>
        <v>SS</v>
      </c>
      <c r="B288" s="20"/>
      <c r="C288" s="541">
        <v>109</v>
      </c>
      <c r="D288" s="542"/>
      <c r="E288" s="543" t="s">
        <v>679</v>
      </c>
      <c r="F288" s="544"/>
      <c r="G288" s="544"/>
      <c r="H288" s="544"/>
      <c r="I288" s="544"/>
      <c r="J288" s="544"/>
      <c r="K288" s="544"/>
      <c r="L288" s="544"/>
      <c r="M288" s="544"/>
      <c r="N288" s="544"/>
      <c r="O288" s="544"/>
      <c r="P288" s="544"/>
      <c r="Q288" s="544"/>
      <c r="R288" s="544"/>
      <c r="S288" s="544"/>
      <c r="T288" s="545"/>
      <c r="U288" s="221" t="s">
        <v>680</v>
      </c>
      <c r="V288" s="546" t="s">
        <v>107</v>
      </c>
      <c r="W288" s="547"/>
      <c r="X288" s="547"/>
      <c r="Y288" s="547"/>
      <c r="Z288" s="548"/>
      <c r="AA288" s="623" t="s">
        <v>108</v>
      </c>
      <c r="AB288" s="624"/>
      <c r="AC288" s="625"/>
      <c r="AD288" s="415">
        <v>3</v>
      </c>
      <c r="AE288" s="415">
        <v>0</v>
      </c>
      <c r="AF288" s="646"/>
      <c r="AG288" s="647"/>
      <c r="AH288" s="549"/>
      <c r="AI288" s="550"/>
      <c r="AJ288" s="551"/>
      <c r="AK288" s="118"/>
      <c r="AL288" s="48"/>
      <c r="AM288" s="54"/>
      <c r="AN288" s="1" t="str">
        <f t="shared" si="12"/>
        <v>■</v>
      </c>
    </row>
    <row r="289" spans="1:40" s="1" customFormat="1">
      <c r="A289" s="20" t="str">
        <f t="shared" si="11"/>
        <v>SS</v>
      </c>
      <c r="B289" s="20"/>
      <c r="C289" s="541">
        <v>110</v>
      </c>
      <c r="D289" s="542"/>
      <c r="E289" s="543" t="s">
        <v>681</v>
      </c>
      <c r="F289" s="544"/>
      <c r="G289" s="544"/>
      <c r="H289" s="544"/>
      <c r="I289" s="544"/>
      <c r="J289" s="544"/>
      <c r="K289" s="544"/>
      <c r="L289" s="544"/>
      <c r="M289" s="544"/>
      <c r="N289" s="544"/>
      <c r="O289" s="544"/>
      <c r="P289" s="544"/>
      <c r="Q289" s="544"/>
      <c r="R289" s="544"/>
      <c r="S289" s="544"/>
      <c r="T289" s="545"/>
      <c r="U289" s="221" t="s">
        <v>682</v>
      </c>
      <c r="V289" s="546" t="s">
        <v>107</v>
      </c>
      <c r="W289" s="547"/>
      <c r="X289" s="547"/>
      <c r="Y289" s="547"/>
      <c r="Z289" s="548"/>
      <c r="AA289" s="623" t="s">
        <v>108</v>
      </c>
      <c r="AB289" s="624"/>
      <c r="AC289" s="625"/>
      <c r="AD289" s="415">
        <v>3</v>
      </c>
      <c r="AE289" s="415">
        <v>0</v>
      </c>
      <c r="AF289" s="646"/>
      <c r="AG289" s="647"/>
      <c r="AH289" s="549"/>
      <c r="AI289" s="550"/>
      <c r="AJ289" s="551"/>
      <c r="AK289" s="332"/>
      <c r="AL289" s="48"/>
      <c r="AM289" s="26"/>
      <c r="AN289" s="1" t="str">
        <f t="shared" si="12"/>
        <v>■</v>
      </c>
    </row>
    <row r="290" spans="1:40" s="1" customFormat="1">
      <c r="A290" s="20" t="str">
        <f t="shared" si="11"/>
        <v>SS</v>
      </c>
      <c r="B290" s="20"/>
      <c r="C290" s="541">
        <v>111</v>
      </c>
      <c r="D290" s="542"/>
      <c r="E290" s="543" t="s">
        <v>683</v>
      </c>
      <c r="F290" s="544"/>
      <c r="G290" s="544"/>
      <c r="H290" s="544"/>
      <c r="I290" s="544"/>
      <c r="J290" s="544"/>
      <c r="K290" s="544"/>
      <c r="L290" s="544"/>
      <c r="M290" s="544"/>
      <c r="N290" s="544"/>
      <c r="O290" s="544"/>
      <c r="P290" s="544"/>
      <c r="Q290" s="544"/>
      <c r="R290" s="544"/>
      <c r="S290" s="544"/>
      <c r="T290" s="545"/>
      <c r="U290" s="221" t="s">
        <v>684</v>
      </c>
      <c r="V290" s="546" t="s">
        <v>107</v>
      </c>
      <c r="W290" s="547"/>
      <c r="X290" s="547"/>
      <c r="Y290" s="547"/>
      <c r="Z290" s="548"/>
      <c r="AA290" s="623" t="s">
        <v>108</v>
      </c>
      <c r="AB290" s="624"/>
      <c r="AC290" s="625"/>
      <c r="AD290" s="415">
        <v>3</v>
      </c>
      <c r="AE290" s="415">
        <v>0</v>
      </c>
      <c r="AF290" s="646"/>
      <c r="AG290" s="647"/>
      <c r="AH290" s="549"/>
      <c r="AI290" s="550"/>
      <c r="AJ290" s="551"/>
      <c r="AK290" s="332"/>
      <c r="AL290" s="48"/>
      <c r="AM290" s="26"/>
      <c r="AN290" s="1" t="str">
        <f t="shared" si="12"/>
        <v>■</v>
      </c>
    </row>
    <row r="291" spans="1:40" s="1" customFormat="1">
      <c r="A291" s="20" t="str">
        <f t="shared" si="11"/>
        <v>SS</v>
      </c>
      <c r="B291" s="20"/>
      <c r="C291" s="541">
        <v>112</v>
      </c>
      <c r="D291" s="542"/>
      <c r="E291" s="543" t="s">
        <v>685</v>
      </c>
      <c r="F291" s="544"/>
      <c r="G291" s="544"/>
      <c r="H291" s="544"/>
      <c r="I291" s="544"/>
      <c r="J291" s="544"/>
      <c r="K291" s="544"/>
      <c r="L291" s="544"/>
      <c r="M291" s="544"/>
      <c r="N291" s="544"/>
      <c r="O291" s="544"/>
      <c r="P291" s="544"/>
      <c r="Q291" s="544"/>
      <c r="R291" s="544"/>
      <c r="S291" s="544"/>
      <c r="T291" s="545"/>
      <c r="U291" s="221" t="s">
        <v>686</v>
      </c>
      <c r="V291" s="546" t="s">
        <v>107</v>
      </c>
      <c r="W291" s="547"/>
      <c r="X291" s="547"/>
      <c r="Y291" s="547"/>
      <c r="Z291" s="548"/>
      <c r="AA291" s="623" t="s">
        <v>108</v>
      </c>
      <c r="AB291" s="624"/>
      <c r="AC291" s="625"/>
      <c r="AD291" s="415">
        <v>3</v>
      </c>
      <c r="AE291" s="415">
        <v>0</v>
      </c>
      <c r="AF291" s="646"/>
      <c r="AG291" s="647"/>
      <c r="AH291" s="549"/>
      <c r="AI291" s="550"/>
      <c r="AJ291" s="551"/>
      <c r="AK291" s="332"/>
      <c r="AL291" s="48"/>
      <c r="AM291" s="26"/>
      <c r="AN291" s="1" t="str">
        <f t="shared" si="12"/>
        <v>■</v>
      </c>
    </row>
    <row r="292" spans="1:40" s="1" customFormat="1">
      <c r="A292" s="20" t="str">
        <f t="shared" si="11"/>
        <v>SS</v>
      </c>
      <c r="B292" s="20"/>
      <c r="C292" s="541">
        <v>113</v>
      </c>
      <c r="D292" s="542"/>
      <c r="E292" s="543" t="s">
        <v>687</v>
      </c>
      <c r="F292" s="544"/>
      <c r="G292" s="544"/>
      <c r="H292" s="544"/>
      <c r="I292" s="544"/>
      <c r="J292" s="544"/>
      <c r="K292" s="544"/>
      <c r="L292" s="544"/>
      <c r="M292" s="544"/>
      <c r="N292" s="544"/>
      <c r="O292" s="544"/>
      <c r="P292" s="544"/>
      <c r="Q292" s="544"/>
      <c r="R292" s="544"/>
      <c r="S292" s="544"/>
      <c r="T292" s="545"/>
      <c r="U292" s="221" t="s">
        <v>688</v>
      </c>
      <c r="V292" s="546" t="s">
        <v>107</v>
      </c>
      <c r="W292" s="547"/>
      <c r="X292" s="547"/>
      <c r="Y292" s="547"/>
      <c r="Z292" s="548"/>
      <c r="AA292" s="623" t="s">
        <v>108</v>
      </c>
      <c r="AB292" s="624"/>
      <c r="AC292" s="625"/>
      <c r="AD292" s="415">
        <v>3</v>
      </c>
      <c r="AE292" s="415">
        <v>0</v>
      </c>
      <c r="AF292" s="646"/>
      <c r="AG292" s="647"/>
      <c r="AH292" s="549"/>
      <c r="AI292" s="550"/>
      <c r="AJ292" s="551"/>
      <c r="AK292" s="332"/>
      <c r="AL292" s="48"/>
      <c r="AM292" s="26"/>
      <c r="AN292" s="1" t="str">
        <f t="shared" si="12"/>
        <v>■</v>
      </c>
    </row>
    <row r="293" spans="1:40" s="1" customFormat="1">
      <c r="A293" s="20" t="str">
        <f t="shared" si="11"/>
        <v>SS</v>
      </c>
      <c r="B293" s="20"/>
      <c r="C293" s="541">
        <v>114</v>
      </c>
      <c r="D293" s="542"/>
      <c r="E293" s="543" t="s">
        <v>689</v>
      </c>
      <c r="F293" s="544"/>
      <c r="G293" s="544"/>
      <c r="H293" s="544"/>
      <c r="I293" s="544"/>
      <c r="J293" s="544"/>
      <c r="K293" s="544"/>
      <c r="L293" s="544"/>
      <c r="M293" s="544"/>
      <c r="N293" s="544"/>
      <c r="O293" s="544"/>
      <c r="P293" s="544"/>
      <c r="Q293" s="544"/>
      <c r="R293" s="544"/>
      <c r="S293" s="544"/>
      <c r="T293" s="545"/>
      <c r="U293" s="229" t="s">
        <v>690</v>
      </c>
      <c r="V293" s="546" t="s">
        <v>107</v>
      </c>
      <c r="W293" s="547"/>
      <c r="X293" s="547"/>
      <c r="Y293" s="547"/>
      <c r="Z293" s="548"/>
      <c r="AA293" s="623" t="s">
        <v>102</v>
      </c>
      <c r="AB293" s="624"/>
      <c r="AC293" s="625"/>
      <c r="AD293" s="415">
        <v>2</v>
      </c>
      <c r="AE293" s="415" t="s">
        <v>103</v>
      </c>
      <c r="AF293" s="646"/>
      <c r="AG293" s="647"/>
      <c r="AH293" s="549"/>
      <c r="AI293" s="550"/>
      <c r="AJ293" s="551"/>
      <c r="AK293" s="332"/>
      <c r="AL293" s="48"/>
      <c r="AM293" s="26"/>
      <c r="AN293" s="1" t="str">
        <f t="shared" si="12"/>
        <v>■</v>
      </c>
    </row>
    <row r="294" spans="1:40" s="1" customFormat="1">
      <c r="A294" s="20" t="str">
        <f t="shared" si="11"/>
        <v>SS</v>
      </c>
      <c r="B294" s="20"/>
      <c r="C294" s="541">
        <v>115</v>
      </c>
      <c r="D294" s="542"/>
      <c r="E294" s="543" t="s">
        <v>691</v>
      </c>
      <c r="F294" s="544"/>
      <c r="G294" s="544"/>
      <c r="H294" s="544"/>
      <c r="I294" s="544"/>
      <c r="J294" s="544"/>
      <c r="K294" s="544"/>
      <c r="L294" s="544"/>
      <c r="M294" s="544"/>
      <c r="N294" s="544"/>
      <c r="O294" s="544"/>
      <c r="P294" s="544"/>
      <c r="Q294" s="544"/>
      <c r="R294" s="544"/>
      <c r="S294" s="544"/>
      <c r="T294" s="545"/>
      <c r="U294" s="229" t="s">
        <v>692</v>
      </c>
      <c r="V294" s="546" t="s">
        <v>107</v>
      </c>
      <c r="W294" s="547"/>
      <c r="X294" s="547"/>
      <c r="Y294" s="547"/>
      <c r="Z294" s="548"/>
      <c r="AA294" s="623" t="s">
        <v>108</v>
      </c>
      <c r="AB294" s="624"/>
      <c r="AC294" s="625"/>
      <c r="AD294" s="415">
        <v>5</v>
      </c>
      <c r="AE294" s="415">
        <v>0</v>
      </c>
      <c r="AF294" s="646"/>
      <c r="AG294" s="647"/>
      <c r="AH294" s="549"/>
      <c r="AI294" s="550"/>
      <c r="AJ294" s="551"/>
      <c r="AK294" s="332"/>
      <c r="AL294" s="48"/>
      <c r="AM294" s="26"/>
      <c r="AN294" s="1" t="str">
        <f t="shared" si="12"/>
        <v>■</v>
      </c>
    </row>
    <row r="295" spans="1:40" s="1" customFormat="1">
      <c r="A295" s="20" t="str">
        <f t="shared" si="11"/>
        <v>SS</v>
      </c>
      <c r="B295" s="20"/>
      <c r="C295" s="541">
        <v>116</v>
      </c>
      <c r="D295" s="542"/>
      <c r="E295" s="543" t="s">
        <v>693</v>
      </c>
      <c r="F295" s="544"/>
      <c r="G295" s="544"/>
      <c r="H295" s="544"/>
      <c r="I295" s="544"/>
      <c r="J295" s="544"/>
      <c r="K295" s="544"/>
      <c r="L295" s="544"/>
      <c r="M295" s="544"/>
      <c r="N295" s="544"/>
      <c r="O295" s="544"/>
      <c r="P295" s="544"/>
      <c r="Q295" s="544"/>
      <c r="R295" s="544"/>
      <c r="S295" s="544"/>
      <c r="T295" s="545"/>
      <c r="U295" s="229" t="s">
        <v>694</v>
      </c>
      <c r="V295" s="546" t="s">
        <v>107</v>
      </c>
      <c r="W295" s="547"/>
      <c r="X295" s="547"/>
      <c r="Y295" s="547"/>
      <c r="Z295" s="548"/>
      <c r="AA295" s="623" t="s">
        <v>108</v>
      </c>
      <c r="AB295" s="624"/>
      <c r="AC295" s="625"/>
      <c r="AD295" s="415">
        <v>5</v>
      </c>
      <c r="AE295" s="415">
        <v>0</v>
      </c>
      <c r="AF295" s="646"/>
      <c r="AG295" s="647"/>
      <c r="AH295" s="549"/>
      <c r="AI295" s="550"/>
      <c r="AJ295" s="551"/>
      <c r="AK295" s="332"/>
      <c r="AL295" s="48"/>
      <c r="AM295" s="26"/>
      <c r="AN295" s="1" t="str">
        <f t="shared" si="12"/>
        <v>■</v>
      </c>
    </row>
    <row r="296" spans="1:40" s="1" customFormat="1">
      <c r="A296" s="20" t="str">
        <f t="shared" si="11"/>
        <v>SS</v>
      </c>
      <c r="B296" s="20"/>
      <c r="C296" s="541">
        <v>117</v>
      </c>
      <c r="D296" s="542"/>
      <c r="E296" s="543" t="s">
        <v>695</v>
      </c>
      <c r="F296" s="544"/>
      <c r="G296" s="544"/>
      <c r="H296" s="544"/>
      <c r="I296" s="544"/>
      <c r="J296" s="544"/>
      <c r="K296" s="544"/>
      <c r="L296" s="544"/>
      <c r="M296" s="544"/>
      <c r="N296" s="544"/>
      <c r="O296" s="544"/>
      <c r="P296" s="544"/>
      <c r="Q296" s="544"/>
      <c r="R296" s="544"/>
      <c r="S296" s="544"/>
      <c r="T296" s="545"/>
      <c r="U296" s="229" t="s">
        <v>696</v>
      </c>
      <c r="V296" s="546" t="s">
        <v>107</v>
      </c>
      <c r="W296" s="547"/>
      <c r="X296" s="547"/>
      <c r="Y296" s="547"/>
      <c r="Z296" s="548"/>
      <c r="AA296" s="623" t="s">
        <v>108</v>
      </c>
      <c r="AB296" s="624"/>
      <c r="AC296" s="625"/>
      <c r="AD296" s="415">
        <v>7</v>
      </c>
      <c r="AE296" s="415">
        <v>0</v>
      </c>
      <c r="AF296" s="646"/>
      <c r="AG296" s="647"/>
      <c r="AH296" s="549"/>
      <c r="AI296" s="550"/>
      <c r="AJ296" s="551"/>
      <c r="AK296" s="332" t="s">
        <v>697</v>
      </c>
      <c r="AL296" s="48"/>
      <c r="AM296" s="26"/>
      <c r="AN296" s="1" t="str">
        <f t="shared" si="12"/>
        <v>■</v>
      </c>
    </row>
    <row r="297" spans="1:40" s="1" customFormat="1">
      <c r="A297" s="20" t="str">
        <f t="shared" si="11"/>
        <v>SS</v>
      </c>
      <c r="B297" s="20"/>
      <c r="C297" s="541">
        <v>118</v>
      </c>
      <c r="D297" s="542"/>
      <c r="E297" s="543" t="s">
        <v>698</v>
      </c>
      <c r="F297" s="544"/>
      <c r="G297" s="544"/>
      <c r="H297" s="544"/>
      <c r="I297" s="544"/>
      <c r="J297" s="544"/>
      <c r="K297" s="544"/>
      <c r="L297" s="544"/>
      <c r="M297" s="544"/>
      <c r="N297" s="544"/>
      <c r="O297" s="544"/>
      <c r="P297" s="544"/>
      <c r="Q297" s="544"/>
      <c r="R297" s="544"/>
      <c r="S297" s="544"/>
      <c r="T297" s="545"/>
      <c r="U297" s="229" t="s">
        <v>699</v>
      </c>
      <c r="V297" s="546" t="s">
        <v>101</v>
      </c>
      <c r="W297" s="547"/>
      <c r="X297" s="547"/>
      <c r="Y297" s="547"/>
      <c r="Z297" s="548"/>
      <c r="AA297" s="623" t="s">
        <v>102</v>
      </c>
      <c r="AB297" s="624"/>
      <c r="AC297" s="625"/>
      <c r="AD297" s="415">
        <v>6</v>
      </c>
      <c r="AE297" s="415" t="s">
        <v>103</v>
      </c>
      <c r="AF297" s="646"/>
      <c r="AG297" s="647"/>
      <c r="AH297" s="549"/>
      <c r="AI297" s="550"/>
      <c r="AJ297" s="551"/>
      <c r="AK297" s="332" t="s">
        <v>697</v>
      </c>
      <c r="AL297" s="48"/>
      <c r="AM297" s="26"/>
      <c r="AN297" s="1" t="str">
        <f t="shared" si="12"/>
        <v>■</v>
      </c>
    </row>
    <row r="298" spans="1:40" s="1" customFormat="1">
      <c r="A298" s="20" t="str">
        <f t="shared" si="11"/>
        <v>SS</v>
      </c>
      <c r="B298" s="20"/>
      <c r="C298" s="541">
        <v>119</v>
      </c>
      <c r="D298" s="542"/>
      <c r="E298" s="543" t="s">
        <v>1311</v>
      </c>
      <c r="F298" s="544"/>
      <c r="G298" s="544"/>
      <c r="H298" s="544"/>
      <c r="I298" s="544"/>
      <c r="J298" s="544"/>
      <c r="K298" s="544"/>
      <c r="L298" s="544"/>
      <c r="M298" s="544"/>
      <c r="N298" s="544"/>
      <c r="O298" s="544"/>
      <c r="P298" s="544"/>
      <c r="Q298" s="544"/>
      <c r="R298" s="544"/>
      <c r="S298" s="544"/>
      <c r="T298" s="545"/>
      <c r="U298" s="229" t="s">
        <v>701</v>
      </c>
      <c r="V298" s="546" t="s">
        <v>107</v>
      </c>
      <c r="W298" s="547"/>
      <c r="X298" s="547"/>
      <c r="Y298" s="547"/>
      <c r="Z298" s="548"/>
      <c r="AA298" s="623" t="s">
        <v>108</v>
      </c>
      <c r="AB298" s="624"/>
      <c r="AC298" s="625"/>
      <c r="AD298" s="415">
        <v>3</v>
      </c>
      <c r="AE298" s="415">
        <v>0</v>
      </c>
      <c r="AF298" s="646"/>
      <c r="AG298" s="647"/>
      <c r="AH298" s="549"/>
      <c r="AI298" s="550"/>
      <c r="AJ298" s="551"/>
      <c r="AK298" s="332"/>
      <c r="AL298" s="48"/>
      <c r="AM298" s="26"/>
      <c r="AN298" s="1" t="str">
        <f t="shared" si="12"/>
        <v>■</v>
      </c>
    </row>
    <row r="299" spans="1:40" s="1" customFormat="1">
      <c r="A299" s="20" t="str">
        <f t="shared" si="11"/>
        <v>SS</v>
      </c>
      <c r="B299" s="20"/>
      <c r="C299" s="541">
        <v>120</v>
      </c>
      <c r="D299" s="542"/>
      <c r="E299" s="543" t="s">
        <v>1312</v>
      </c>
      <c r="F299" s="544"/>
      <c r="G299" s="544"/>
      <c r="H299" s="544"/>
      <c r="I299" s="544"/>
      <c r="J299" s="544"/>
      <c r="K299" s="544"/>
      <c r="L299" s="544"/>
      <c r="M299" s="544"/>
      <c r="N299" s="544"/>
      <c r="O299" s="544"/>
      <c r="P299" s="544"/>
      <c r="Q299" s="544"/>
      <c r="R299" s="544"/>
      <c r="S299" s="544"/>
      <c r="T299" s="545"/>
      <c r="U299" s="229" t="s">
        <v>703</v>
      </c>
      <c r="V299" s="546" t="s">
        <v>101</v>
      </c>
      <c r="W299" s="547"/>
      <c r="X299" s="547"/>
      <c r="Y299" s="547"/>
      <c r="Z299" s="548"/>
      <c r="AA299" s="623" t="s">
        <v>102</v>
      </c>
      <c r="AB299" s="624"/>
      <c r="AC299" s="625"/>
      <c r="AD299" s="415">
        <v>6</v>
      </c>
      <c r="AE299" s="415" t="s">
        <v>103</v>
      </c>
      <c r="AF299" s="646"/>
      <c r="AG299" s="647"/>
      <c r="AH299" s="549"/>
      <c r="AI299" s="550"/>
      <c r="AJ299" s="551"/>
      <c r="AK299" s="332"/>
      <c r="AL299" s="29"/>
      <c r="AM299" s="26"/>
      <c r="AN299" s="1" t="str">
        <f t="shared" si="12"/>
        <v>■</v>
      </c>
    </row>
    <row r="300" spans="1:40" s="1" customFormat="1">
      <c r="A300" s="20" t="str">
        <f t="shared" ref="A300:A363" si="13">IF(LEN(J300)&gt;0,MID(J300,FIND("（",J300,1)+1,2),A299)</f>
        <v>SS</v>
      </c>
      <c r="B300" s="20"/>
      <c r="C300" s="541">
        <v>121</v>
      </c>
      <c r="D300" s="542"/>
      <c r="E300" s="543" t="s">
        <v>409</v>
      </c>
      <c r="F300" s="544"/>
      <c r="G300" s="544"/>
      <c r="H300" s="544"/>
      <c r="I300" s="544"/>
      <c r="J300" s="544"/>
      <c r="K300" s="544"/>
      <c r="L300" s="544"/>
      <c r="M300" s="544"/>
      <c r="N300" s="544"/>
      <c r="O300" s="544"/>
      <c r="P300" s="544"/>
      <c r="Q300" s="544"/>
      <c r="R300" s="544"/>
      <c r="S300" s="544"/>
      <c r="T300" s="545"/>
      <c r="U300" s="229" t="s">
        <v>453</v>
      </c>
      <c r="V300" s="546" t="s">
        <v>107</v>
      </c>
      <c r="W300" s="547"/>
      <c r="X300" s="547"/>
      <c r="Y300" s="547"/>
      <c r="Z300" s="548"/>
      <c r="AA300" s="623" t="s">
        <v>102</v>
      </c>
      <c r="AB300" s="624"/>
      <c r="AC300" s="625"/>
      <c r="AD300" s="415">
        <v>6</v>
      </c>
      <c r="AE300" s="415" t="s">
        <v>103</v>
      </c>
      <c r="AF300" s="646"/>
      <c r="AG300" s="647"/>
      <c r="AH300" s="549"/>
      <c r="AI300" s="550"/>
      <c r="AJ300" s="551"/>
      <c r="AK300" s="332"/>
      <c r="AL300" s="48"/>
      <c r="AM300" s="26"/>
      <c r="AN300" s="1" t="str">
        <f t="shared" si="12"/>
        <v>■</v>
      </c>
    </row>
    <row r="301" spans="1:40" s="1" customFormat="1" ht="13.4" customHeight="1">
      <c r="A301" s="20" t="str">
        <f t="shared" si="13"/>
        <v>SS</v>
      </c>
      <c r="B301" s="20"/>
      <c r="C301" s="541">
        <v>122</v>
      </c>
      <c r="D301" s="542"/>
      <c r="E301" s="543" t="s">
        <v>411</v>
      </c>
      <c r="F301" s="544"/>
      <c r="G301" s="544"/>
      <c r="H301" s="544"/>
      <c r="I301" s="544"/>
      <c r="J301" s="544"/>
      <c r="K301" s="544"/>
      <c r="L301" s="544"/>
      <c r="M301" s="544"/>
      <c r="N301" s="544"/>
      <c r="O301" s="544"/>
      <c r="P301" s="544"/>
      <c r="Q301" s="544"/>
      <c r="R301" s="544"/>
      <c r="S301" s="544"/>
      <c r="T301" s="545"/>
      <c r="U301" s="229" t="s">
        <v>516</v>
      </c>
      <c r="V301" s="546" t="s">
        <v>107</v>
      </c>
      <c r="W301" s="547"/>
      <c r="X301" s="547"/>
      <c r="Y301" s="547"/>
      <c r="Z301" s="548"/>
      <c r="AA301" s="623" t="s">
        <v>102</v>
      </c>
      <c r="AB301" s="624"/>
      <c r="AC301" s="625"/>
      <c r="AD301" s="415">
        <v>6</v>
      </c>
      <c r="AE301" s="415" t="s">
        <v>103</v>
      </c>
      <c r="AF301" s="646"/>
      <c r="AG301" s="647"/>
      <c r="AH301" s="549"/>
      <c r="AI301" s="550"/>
      <c r="AJ301" s="551"/>
      <c r="AK301" s="332"/>
      <c r="AL301" s="48"/>
      <c r="AM301" s="26"/>
      <c r="AN301" s="1" t="str">
        <f t="shared" si="12"/>
        <v>■</v>
      </c>
    </row>
    <row r="302" spans="1:40" ht="13.4" customHeight="1">
      <c r="A302" s="20" t="str">
        <f t="shared" si="13"/>
        <v>SS</v>
      </c>
      <c r="B302" s="25"/>
      <c r="N302" s="50"/>
      <c r="V302" s="238"/>
      <c r="W302" s="238"/>
      <c r="X302" s="238"/>
      <c r="Y302" s="238"/>
      <c r="Z302" s="238"/>
      <c r="AA302" s="629"/>
      <c r="AB302" s="629"/>
      <c r="AC302" s="629"/>
      <c r="AF302" s="238"/>
      <c r="AG302" s="238"/>
      <c r="AH302" s="238"/>
      <c r="AI302" s="238"/>
      <c r="AJ302" s="238"/>
      <c r="AK302" s="55"/>
      <c r="AL302" s="48"/>
      <c r="AM302" s="16"/>
    </row>
    <row r="303" spans="1:40" s="1" customFormat="1" ht="13.4" customHeight="1">
      <c r="A303" s="20" t="str">
        <f t="shared" si="13"/>
        <v>SI</v>
      </c>
      <c r="B303" s="20"/>
      <c r="C303" s="52" t="s">
        <v>380</v>
      </c>
      <c r="D303" s="53"/>
      <c r="E303" s="26"/>
      <c r="F303" s="26"/>
      <c r="G303" s="26"/>
      <c r="H303" s="26"/>
      <c r="I303" s="26"/>
      <c r="J303" s="26" t="s">
        <v>603</v>
      </c>
      <c r="K303" s="71"/>
      <c r="L303" s="26"/>
      <c r="M303" s="71"/>
      <c r="N303" s="26"/>
      <c r="O303" s="26"/>
      <c r="P303" s="26"/>
      <c r="Q303" s="26"/>
      <c r="R303" s="26"/>
      <c r="S303" s="26"/>
      <c r="T303" s="26"/>
      <c r="U303" s="26" t="s">
        <v>1313</v>
      </c>
      <c r="V303" s="122"/>
      <c r="W303" s="122"/>
      <c r="X303" s="122"/>
      <c r="Y303" s="122"/>
      <c r="Z303" s="122"/>
      <c r="AA303" s="630"/>
      <c r="AB303" s="630"/>
      <c r="AC303" s="630"/>
      <c r="AD303" s="122"/>
      <c r="AE303" s="122"/>
      <c r="AF303" s="122"/>
      <c r="AG303" s="122"/>
      <c r="AH303" s="122"/>
      <c r="AI303" s="122"/>
      <c r="AJ303" s="122"/>
      <c r="AK303" s="26"/>
      <c r="AL303" s="48"/>
      <c r="AM303" s="26"/>
    </row>
    <row r="304" spans="1:40" s="1" customFormat="1" ht="13.5" customHeight="1">
      <c r="A304" s="20" t="str">
        <f t="shared" si="13"/>
        <v>SI</v>
      </c>
      <c r="B304" s="20"/>
      <c r="C304" s="583" t="s">
        <v>73</v>
      </c>
      <c r="D304" s="573"/>
      <c r="E304" s="583" t="s">
        <v>94</v>
      </c>
      <c r="F304" s="583"/>
      <c r="G304" s="583"/>
      <c r="H304" s="583"/>
      <c r="I304" s="583"/>
      <c r="J304" s="583"/>
      <c r="K304" s="583"/>
      <c r="L304" s="583"/>
      <c r="M304" s="583"/>
      <c r="N304" s="583"/>
      <c r="O304" s="583"/>
      <c r="P304" s="583"/>
      <c r="Q304" s="583"/>
      <c r="R304" s="583"/>
      <c r="S304" s="583"/>
      <c r="T304" s="583"/>
      <c r="U304" s="226" t="s">
        <v>383</v>
      </c>
      <c r="V304" s="572" t="s">
        <v>138</v>
      </c>
      <c r="W304" s="572"/>
      <c r="X304" s="572"/>
      <c r="Y304" s="572"/>
      <c r="Z304" s="572"/>
      <c r="AA304" s="652" t="s">
        <v>959</v>
      </c>
      <c r="AB304" s="653"/>
      <c r="AC304" s="654"/>
      <c r="AD304" s="572" t="s">
        <v>97</v>
      </c>
      <c r="AE304" s="572"/>
      <c r="AF304" s="572" t="s">
        <v>98</v>
      </c>
      <c r="AG304" s="572"/>
      <c r="AH304" s="583" t="s">
        <v>75</v>
      </c>
      <c r="AI304" s="583"/>
      <c r="AJ304" s="583"/>
      <c r="AK304" s="572" t="s">
        <v>159</v>
      </c>
      <c r="AL304" s="48"/>
      <c r="AM304" s="26"/>
    </row>
    <row r="305" spans="1:40" s="1" customFormat="1" ht="13.4" customHeight="1">
      <c r="A305" s="20" t="str">
        <f t="shared" si="13"/>
        <v>SI</v>
      </c>
      <c r="B305" s="20"/>
      <c r="C305" s="573"/>
      <c r="D305" s="573"/>
      <c r="E305" s="583"/>
      <c r="F305" s="583"/>
      <c r="G305" s="583"/>
      <c r="H305" s="583"/>
      <c r="I305" s="583"/>
      <c r="J305" s="583"/>
      <c r="K305" s="583"/>
      <c r="L305" s="583"/>
      <c r="M305" s="583"/>
      <c r="N305" s="583"/>
      <c r="O305" s="583"/>
      <c r="P305" s="583"/>
      <c r="Q305" s="583"/>
      <c r="R305" s="583"/>
      <c r="S305" s="583"/>
      <c r="T305" s="583"/>
      <c r="U305" s="227"/>
      <c r="V305" s="572"/>
      <c r="W305" s="572"/>
      <c r="X305" s="572"/>
      <c r="Y305" s="572"/>
      <c r="Z305" s="572"/>
      <c r="AA305" s="655"/>
      <c r="AB305" s="656"/>
      <c r="AC305" s="657"/>
      <c r="AD305" s="572"/>
      <c r="AE305" s="572"/>
      <c r="AF305" s="572"/>
      <c r="AG305" s="572"/>
      <c r="AH305" s="583"/>
      <c r="AI305" s="583"/>
      <c r="AJ305" s="583"/>
      <c r="AK305" s="572"/>
      <c r="AL305" s="38"/>
      <c r="AM305" s="26"/>
    </row>
    <row r="306" spans="1:40" s="1" customFormat="1" ht="13.4" customHeight="1">
      <c r="A306" s="20" t="str">
        <f t="shared" si="13"/>
        <v>SI</v>
      </c>
      <c r="B306" s="20"/>
      <c r="C306" s="541">
        <v>1</v>
      </c>
      <c r="D306" s="542"/>
      <c r="E306" s="563" t="s">
        <v>440</v>
      </c>
      <c r="F306" s="564"/>
      <c r="G306" s="564"/>
      <c r="H306" s="564"/>
      <c r="I306" s="564"/>
      <c r="J306" s="564"/>
      <c r="K306" s="564"/>
      <c r="L306" s="564"/>
      <c r="M306" s="564"/>
      <c r="N306" s="564"/>
      <c r="O306" s="564"/>
      <c r="P306" s="564"/>
      <c r="Q306" s="564"/>
      <c r="R306" s="564"/>
      <c r="S306" s="564"/>
      <c r="T306" s="565"/>
      <c r="U306" s="219" t="s">
        <v>441</v>
      </c>
      <c r="V306" s="546" t="s">
        <v>101</v>
      </c>
      <c r="W306" s="547"/>
      <c r="X306" s="547"/>
      <c r="Y306" s="547"/>
      <c r="Z306" s="548"/>
      <c r="AA306" s="623" t="s">
        <v>102</v>
      </c>
      <c r="AB306" s="624"/>
      <c r="AC306" s="625"/>
      <c r="AD306" s="415">
        <v>10</v>
      </c>
      <c r="AE306" s="415" t="s">
        <v>103</v>
      </c>
      <c r="AF306" s="646"/>
      <c r="AG306" s="647"/>
      <c r="AH306" s="549"/>
      <c r="AI306" s="550"/>
      <c r="AJ306" s="551"/>
      <c r="AK306" s="332"/>
      <c r="AL306" s="38"/>
      <c r="AM306" s="26"/>
      <c r="AN306" s="1" t="str">
        <f>$M$20</f>
        <v>■</v>
      </c>
    </row>
    <row r="307" spans="1:40" s="1" customFormat="1" ht="13.4" customHeight="1">
      <c r="A307" s="20" t="str">
        <f t="shared" si="13"/>
        <v>SI</v>
      </c>
      <c r="B307" s="20"/>
      <c r="C307" s="541">
        <v>2</v>
      </c>
      <c r="D307" s="542"/>
      <c r="E307" s="563" t="s">
        <v>442</v>
      </c>
      <c r="F307" s="564"/>
      <c r="G307" s="564"/>
      <c r="H307" s="564"/>
      <c r="I307" s="564"/>
      <c r="J307" s="564"/>
      <c r="K307" s="564"/>
      <c r="L307" s="564"/>
      <c r="M307" s="564"/>
      <c r="N307" s="564"/>
      <c r="O307" s="564"/>
      <c r="P307" s="564"/>
      <c r="Q307" s="564"/>
      <c r="R307" s="564"/>
      <c r="S307" s="564"/>
      <c r="T307" s="565"/>
      <c r="U307" s="219" t="s">
        <v>443</v>
      </c>
      <c r="V307" s="546" t="s">
        <v>101</v>
      </c>
      <c r="W307" s="547"/>
      <c r="X307" s="547"/>
      <c r="Y307" s="547"/>
      <c r="Z307" s="548"/>
      <c r="AA307" s="623" t="s">
        <v>102</v>
      </c>
      <c r="AB307" s="624"/>
      <c r="AC307" s="625"/>
      <c r="AD307" s="415">
        <v>51</v>
      </c>
      <c r="AE307" s="415" t="s">
        <v>103</v>
      </c>
      <c r="AF307" s="646"/>
      <c r="AG307" s="647"/>
      <c r="AH307" s="549"/>
      <c r="AI307" s="550"/>
      <c r="AJ307" s="551"/>
      <c r="AK307" s="332"/>
      <c r="AL307" s="48"/>
      <c r="AM307" s="26"/>
      <c r="AN307" s="1" t="str">
        <f t="shared" ref="AN307:AN356" si="14">$M$20</f>
        <v>■</v>
      </c>
    </row>
    <row r="308" spans="1:40" s="13" customFormat="1" ht="13.4" customHeight="1">
      <c r="A308" s="20" t="str">
        <f t="shared" si="13"/>
        <v>SI</v>
      </c>
      <c r="B308" s="20"/>
      <c r="C308" s="552">
        <v>3</v>
      </c>
      <c r="D308" s="553"/>
      <c r="E308" s="566" t="s">
        <v>106</v>
      </c>
      <c r="F308" s="567"/>
      <c r="G308" s="567"/>
      <c r="H308" s="567"/>
      <c r="I308" s="567"/>
      <c r="J308" s="567"/>
      <c r="K308" s="567"/>
      <c r="L308" s="567"/>
      <c r="M308" s="567"/>
      <c r="N308" s="567"/>
      <c r="O308" s="567"/>
      <c r="P308" s="567"/>
      <c r="Q308" s="567"/>
      <c r="R308" s="567"/>
      <c r="S308" s="567"/>
      <c r="T308" s="568"/>
      <c r="U308" s="230" t="s">
        <v>444</v>
      </c>
      <c r="V308" s="557" t="s">
        <v>107</v>
      </c>
      <c r="W308" s="558"/>
      <c r="X308" s="558"/>
      <c r="Y308" s="558"/>
      <c r="Z308" s="559"/>
      <c r="AA308" s="626" t="s">
        <v>108</v>
      </c>
      <c r="AB308" s="627"/>
      <c r="AC308" s="628"/>
      <c r="AD308" s="419">
        <v>1</v>
      </c>
      <c r="AE308" s="419">
        <v>0</v>
      </c>
      <c r="AF308" s="648" t="s">
        <v>109</v>
      </c>
      <c r="AG308" s="649"/>
      <c r="AH308" s="560"/>
      <c r="AI308" s="561"/>
      <c r="AJ308" s="562"/>
      <c r="AK308" s="333" t="s">
        <v>416</v>
      </c>
      <c r="AL308" s="38"/>
      <c r="AM308" s="54"/>
      <c r="AN308" s="1" t="str">
        <f t="shared" si="14"/>
        <v>■</v>
      </c>
    </row>
    <row r="309" spans="1:40" s="13" customFormat="1" ht="13.4" customHeight="1">
      <c r="A309" s="20" t="str">
        <f t="shared" si="13"/>
        <v>SI</v>
      </c>
      <c r="B309" s="20"/>
      <c r="C309" s="541">
        <v>4</v>
      </c>
      <c r="D309" s="542"/>
      <c r="E309" s="563" t="s">
        <v>110</v>
      </c>
      <c r="F309" s="564"/>
      <c r="G309" s="564"/>
      <c r="H309" s="564"/>
      <c r="I309" s="564"/>
      <c r="J309" s="564"/>
      <c r="K309" s="564"/>
      <c r="L309" s="564"/>
      <c r="M309" s="564"/>
      <c r="N309" s="564"/>
      <c r="O309" s="564"/>
      <c r="P309" s="564"/>
      <c r="Q309" s="564"/>
      <c r="R309" s="564"/>
      <c r="S309" s="564"/>
      <c r="T309" s="565"/>
      <c r="U309" s="229" t="s">
        <v>445</v>
      </c>
      <c r="V309" s="546" t="s">
        <v>107</v>
      </c>
      <c r="W309" s="547"/>
      <c r="X309" s="547"/>
      <c r="Y309" s="547"/>
      <c r="Z309" s="548"/>
      <c r="AA309" s="623" t="s">
        <v>108</v>
      </c>
      <c r="AB309" s="624"/>
      <c r="AC309" s="625"/>
      <c r="AD309" s="415">
        <v>1</v>
      </c>
      <c r="AE309" s="415">
        <v>0</v>
      </c>
      <c r="AF309" s="646"/>
      <c r="AG309" s="647"/>
      <c r="AH309" s="549"/>
      <c r="AI309" s="550"/>
      <c r="AJ309" s="551"/>
      <c r="AK309" s="332"/>
      <c r="AL309" s="38"/>
      <c r="AM309" s="54"/>
      <c r="AN309" s="1" t="str">
        <f t="shared" si="14"/>
        <v>■</v>
      </c>
    </row>
    <row r="310" spans="1:40" s="1" customFormat="1" ht="13.4" customHeight="1">
      <c r="A310" s="20" t="str">
        <f t="shared" si="13"/>
        <v>SI</v>
      </c>
      <c r="B310" s="20"/>
      <c r="C310" s="541">
        <v>5</v>
      </c>
      <c r="D310" s="542"/>
      <c r="E310" s="543" t="s">
        <v>80</v>
      </c>
      <c r="F310" s="544"/>
      <c r="G310" s="544"/>
      <c r="H310" s="544"/>
      <c r="I310" s="544"/>
      <c r="J310" s="544"/>
      <c r="K310" s="544"/>
      <c r="L310" s="544"/>
      <c r="M310" s="544"/>
      <c r="N310" s="544"/>
      <c r="O310" s="544"/>
      <c r="P310" s="544"/>
      <c r="Q310" s="544"/>
      <c r="R310" s="544"/>
      <c r="S310" s="544"/>
      <c r="T310" s="545"/>
      <c r="U310" s="229" t="s">
        <v>446</v>
      </c>
      <c r="V310" s="546" t="s">
        <v>101</v>
      </c>
      <c r="W310" s="547"/>
      <c r="X310" s="547"/>
      <c r="Y310" s="547"/>
      <c r="Z310" s="548"/>
      <c r="AA310" s="623" t="s">
        <v>102</v>
      </c>
      <c r="AB310" s="624"/>
      <c r="AC310" s="625"/>
      <c r="AD310" s="415">
        <v>2</v>
      </c>
      <c r="AE310" s="415" t="s">
        <v>103</v>
      </c>
      <c r="AF310" s="646"/>
      <c r="AG310" s="647"/>
      <c r="AH310" s="549"/>
      <c r="AI310" s="550"/>
      <c r="AJ310" s="551"/>
      <c r="AK310" s="332"/>
      <c r="AL310" s="48"/>
      <c r="AM310" s="26"/>
      <c r="AN310" s="1" t="str">
        <f t="shared" si="14"/>
        <v>■</v>
      </c>
    </row>
    <row r="311" spans="1:40" s="13" customFormat="1" ht="13.4" customHeight="1">
      <c r="A311" s="20" t="str">
        <f t="shared" si="13"/>
        <v>SI</v>
      </c>
      <c r="B311" s="20"/>
      <c r="C311" s="541">
        <v>6</v>
      </c>
      <c r="D311" s="542"/>
      <c r="E311" s="670" t="s">
        <v>172</v>
      </c>
      <c r="F311" s="671"/>
      <c r="G311" s="671"/>
      <c r="H311" s="671"/>
      <c r="I311" s="671"/>
      <c r="J311" s="671"/>
      <c r="K311" s="671"/>
      <c r="L311" s="671"/>
      <c r="M311" s="671"/>
      <c r="N311" s="671"/>
      <c r="O311" s="671"/>
      <c r="P311" s="671"/>
      <c r="Q311" s="671"/>
      <c r="R311" s="671"/>
      <c r="S311" s="671"/>
      <c r="T311" s="672"/>
      <c r="U311" s="229" t="s">
        <v>605</v>
      </c>
      <c r="V311" s="546" t="s">
        <v>107</v>
      </c>
      <c r="W311" s="547"/>
      <c r="X311" s="547"/>
      <c r="Y311" s="547"/>
      <c r="Z311" s="548"/>
      <c r="AA311" s="623" t="s">
        <v>102</v>
      </c>
      <c r="AB311" s="624"/>
      <c r="AC311" s="625"/>
      <c r="AD311" s="415">
        <v>2</v>
      </c>
      <c r="AE311" s="415" t="s">
        <v>103</v>
      </c>
      <c r="AF311" s="646"/>
      <c r="AG311" s="647"/>
      <c r="AH311" s="549"/>
      <c r="AI311" s="550"/>
      <c r="AJ311" s="551"/>
      <c r="AK311" s="118"/>
      <c r="AL311" s="48"/>
      <c r="AM311" s="54"/>
      <c r="AN311" s="1" t="str">
        <f t="shared" si="14"/>
        <v>■</v>
      </c>
    </row>
    <row r="312" spans="1:40" s="13" customFormat="1" ht="13.4" customHeight="1">
      <c r="A312" s="20" t="str">
        <f t="shared" si="13"/>
        <v>SI</v>
      </c>
      <c r="B312" s="20"/>
      <c r="C312" s="541">
        <v>7</v>
      </c>
      <c r="D312" s="542"/>
      <c r="E312" s="543" t="s">
        <v>606</v>
      </c>
      <c r="F312" s="544"/>
      <c r="G312" s="544"/>
      <c r="H312" s="544"/>
      <c r="I312" s="544"/>
      <c r="J312" s="544"/>
      <c r="K312" s="544"/>
      <c r="L312" s="544"/>
      <c r="M312" s="544"/>
      <c r="N312" s="544"/>
      <c r="O312" s="544"/>
      <c r="P312" s="544"/>
      <c r="Q312" s="544"/>
      <c r="R312" s="544"/>
      <c r="S312" s="544"/>
      <c r="T312" s="545"/>
      <c r="U312" s="229" t="s">
        <v>607</v>
      </c>
      <c r="V312" s="546" t="s">
        <v>101</v>
      </c>
      <c r="W312" s="547"/>
      <c r="X312" s="547"/>
      <c r="Y312" s="547"/>
      <c r="Z312" s="548"/>
      <c r="AA312" s="623" t="s">
        <v>102</v>
      </c>
      <c r="AB312" s="624"/>
      <c r="AC312" s="625"/>
      <c r="AD312" s="415">
        <v>1</v>
      </c>
      <c r="AE312" s="415" t="s">
        <v>103</v>
      </c>
      <c r="AF312" s="646"/>
      <c r="AG312" s="647"/>
      <c r="AH312" s="549"/>
      <c r="AI312" s="550"/>
      <c r="AJ312" s="551"/>
      <c r="AK312" s="118"/>
      <c r="AL312" s="48"/>
      <c r="AM312" s="54"/>
      <c r="AN312" s="1" t="str">
        <f t="shared" si="14"/>
        <v>■</v>
      </c>
    </row>
    <row r="313" spans="1:40" s="1" customFormat="1" ht="13.4" customHeight="1">
      <c r="A313" s="20" t="str">
        <f t="shared" si="13"/>
        <v>SI</v>
      </c>
      <c r="B313" s="20"/>
      <c r="C313" s="541">
        <v>8</v>
      </c>
      <c r="D313" s="542"/>
      <c r="E313" s="543" t="s">
        <v>608</v>
      </c>
      <c r="F313" s="544"/>
      <c r="G313" s="544"/>
      <c r="H313" s="544"/>
      <c r="I313" s="544"/>
      <c r="J313" s="544"/>
      <c r="K313" s="544"/>
      <c r="L313" s="544"/>
      <c r="M313" s="544"/>
      <c r="N313" s="544"/>
      <c r="O313" s="544"/>
      <c r="P313" s="544"/>
      <c r="Q313" s="544"/>
      <c r="R313" s="544"/>
      <c r="S313" s="544"/>
      <c r="T313" s="545"/>
      <c r="U313" s="229" t="s">
        <v>609</v>
      </c>
      <c r="V313" s="546" t="s">
        <v>107</v>
      </c>
      <c r="W313" s="547"/>
      <c r="X313" s="547"/>
      <c r="Y313" s="547"/>
      <c r="Z313" s="548"/>
      <c r="AA313" s="623" t="s">
        <v>102</v>
      </c>
      <c r="AB313" s="624"/>
      <c r="AC313" s="625"/>
      <c r="AD313" s="415">
        <v>9</v>
      </c>
      <c r="AE313" s="415" t="s">
        <v>103</v>
      </c>
      <c r="AF313" s="646"/>
      <c r="AG313" s="647"/>
      <c r="AH313" s="549"/>
      <c r="AI313" s="550"/>
      <c r="AJ313" s="551"/>
      <c r="AK313" s="332"/>
      <c r="AL313" s="48"/>
      <c r="AM313" s="26"/>
      <c r="AN313" s="1" t="str">
        <f t="shared" si="14"/>
        <v>■</v>
      </c>
    </row>
    <row r="314" spans="1:40" s="1" customFormat="1" ht="13.4" customHeight="1">
      <c r="A314" s="20" t="str">
        <f t="shared" si="13"/>
        <v>SI</v>
      </c>
      <c r="B314" s="20"/>
      <c r="C314" s="541">
        <v>9</v>
      </c>
      <c r="D314" s="542"/>
      <c r="E314" s="543" t="s">
        <v>610</v>
      </c>
      <c r="F314" s="544"/>
      <c r="G314" s="544"/>
      <c r="H314" s="544"/>
      <c r="I314" s="544"/>
      <c r="J314" s="544"/>
      <c r="K314" s="544"/>
      <c r="L314" s="544"/>
      <c r="M314" s="544"/>
      <c r="N314" s="544"/>
      <c r="O314" s="544"/>
      <c r="P314" s="544"/>
      <c r="Q314" s="544"/>
      <c r="R314" s="544"/>
      <c r="S314" s="544"/>
      <c r="T314" s="545"/>
      <c r="U314" s="229" t="s">
        <v>611</v>
      </c>
      <c r="V314" s="546" t="s">
        <v>107</v>
      </c>
      <c r="W314" s="547"/>
      <c r="X314" s="547"/>
      <c r="Y314" s="547"/>
      <c r="Z314" s="548"/>
      <c r="AA314" s="623" t="s">
        <v>108</v>
      </c>
      <c r="AB314" s="624"/>
      <c r="AC314" s="625"/>
      <c r="AD314" s="415">
        <v>8</v>
      </c>
      <c r="AE314" s="415">
        <v>0</v>
      </c>
      <c r="AF314" s="646"/>
      <c r="AG314" s="647"/>
      <c r="AH314" s="549"/>
      <c r="AI314" s="550"/>
      <c r="AJ314" s="551"/>
      <c r="AK314" s="332"/>
      <c r="AL314" s="48"/>
      <c r="AM314" s="26"/>
      <c r="AN314" s="1" t="str">
        <f t="shared" si="14"/>
        <v>■</v>
      </c>
    </row>
    <row r="315" spans="1:40" s="1" customFormat="1" ht="13.4" customHeight="1">
      <c r="A315" s="20" t="str">
        <f t="shared" si="13"/>
        <v>SI</v>
      </c>
      <c r="B315" s="20"/>
      <c r="C315" s="541">
        <v>10</v>
      </c>
      <c r="D315" s="542"/>
      <c r="E315" s="543" t="s">
        <v>612</v>
      </c>
      <c r="F315" s="544"/>
      <c r="G315" s="544"/>
      <c r="H315" s="544"/>
      <c r="I315" s="544"/>
      <c r="J315" s="544"/>
      <c r="K315" s="544"/>
      <c r="L315" s="544"/>
      <c r="M315" s="544"/>
      <c r="N315" s="544"/>
      <c r="O315" s="544"/>
      <c r="P315" s="544"/>
      <c r="Q315" s="544"/>
      <c r="R315" s="544"/>
      <c r="S315" s="544"/>
      <c r="T315" s="545"/>
      <c r="U315" s="229" t="s">
        <v>613</v>
      </c>
      <c r="V315" s="546" t="s">
        <v>107</v>
      </c>
      <c r="W315" s="547"/>
      <c r="X315" s="547"/>
      <c r="Y315" s="547"/>
      <c r="Z315" s="548"/>
      <c r="AA315" s="623" t="s">
        <v>108</v>
      </c>
      <c r="AB315" s="624"/>
      <c r="AC315" s="625"/>
      <c r="AD315" s="415">
        <v>7</v>
      </c>
      <c r="AE315" s="415">
        <v>0</v>
      </c>
      <c r="AF315" s="646"/>
      <c r="AG315" s="647"/>
      <c r="AH315" s="549"/>
      <c r="AI315" s="550"/>
      <c r="AJ315" s="551"/>
      <c r="AK315" s="332"/>
      <c r="AL315" s="48"/>
      <c r="AM315" s="26"/>
      <c r="AN315" s="1" t="str">
        <f t="shared" si="14"/>
        <v>■</v>
      </c>
    </row>
    <row r="316" spans="1:40" s="1" customFormat="1" ht="13.4" customHeight="1">
      <c r="A316" s="20" t="str">
        <f t="shared" si="13"/>
        <v>SI</v>
      </c>
      <c r="B316" s="20"/>
      <c r="C316" s="541">
        <v>11</v>
      </c>
      <c r="D316" s="542"/>
      <c r="E316" s="543" t="s">
        <v>614</v>
      </c>
      <c r="F316" s="544"/>
      <c r="G316" s="544"/>
      <c r="H316" s="544"/>
      <c r="I316" s="544"/>
      <c r="J316" s="544"/>
      <c r="K316" s="544"/>
      <c r="L316" s="544"/>
      <c r="M316" s="544"/>
      <c r="N316" s="544"/>
      <c r="O316" s="544"/>
      <c r="P316" s="544"/>
      <c r="Q316" s="544"/>
      <c r="R316" s="544"/>
      <c r="S316" s="544"/>
      <c r="T316" s="545"/>
      <c r="U316" s="229" t="s">
        <v>557</v>
      </c>
      <c r="V316" s="546" t="s">
        <v>107</v>
      </c>
      <c r="W316" s="547"/>
      <c r="X316" s="547"/>
      <c r="Y316" s="547"/>
      <c r="Z316" s="548"/>
      <c r="AA316" s="623" t="s">
        <v>108</v>
      </c>
      <c r="AB316" s="624"/>
      <c r="AC316" s="625"/>
      <c r="AD316" s="415">
        <v>3</v>
      </c>
      <c r="AE316" s="415">
        <v>0</v>
      </c>
      <c r="AF316" s="646"/>
      <c r="AG316" s="647"/>
      <c r="AH316" s="549"/>
      <c r="AI316" s="550"/>
      <c r="AJ316" s="551"/>
      <c r="AK316" s="332"/>
      <c r="AL316" s="48"/>
      <c r="AM316" s="26"/>
      <c r="AN316" s="1" t="str">
        <f t="shared" si="14"/>
        <v>■</v>
      </c>
    </row>
    <row r="317" spans="1:40" s="1" customFormat="1" ht="13.4" customHeight="1">
      <c r="A317" s="20" t="str">
        <f t="shared" si="13"/>
        <v>SI</v>
      </c>
      <c r="B317" s="20"/>
      <c r="C317" s="541">
        <v>12</v>
      </c>
      <c r="D317" s="542"/>
      <c r="E317" s="543" t="s">
        <v>627</v>
      </c>
      <c r="F317" s="544"/>
      <c r="G317" s="544"/>
      <c r="H317" s="544"/>
      <c r="I317" s="544"/>
      <c r="J317" s="544"/>
      <c r="K317" s="544"/>
      <c r="L317" s="544"/>
      <c r="M317" s="544"/>
      <c r="N317" s="544"/>
      <c r="O317" s="544"/>
      <c r="P317" s="544"/>
      <c r="Q317" s="544"/>
      <c r="R317" s="544"/>
      <c r="S317" s="544"/>
      <c r="T317" s="545"/>
      <c r="U317" s="221" t="s">
        <v>628</v>
      </c>
      <c r="V317" s="546" t="s">
        <v>107</v>
      </c>
      <c r="W317" s="547"/>
      <c r="X317" s="547"/>
      <c r="Y317" s="547"/>
      <c r="Z317" s="548"/>
      <c r="AA317" s="623" t="s">
        <v>108</v>
      </c>
      <c r="AB317" s="624"/>
      <c r="AC317" s="625"/>
      <c r="AD317" s="415">
        <v>3</v>
      </c>
      <c r="AE317" s="415">
        <v>0</v>
      </c>
      <c r="AF317" s="646"/>
      <c r="AG317" s="647"/>
      <c r="AH317" s="549"/>
      <c r="AI317" s="550"/>
      <c r="AJ317" s="551"/>
      <c r="AK317" s="332"/>
      <c r="AL317" s="48"/>
      <c r="AM317" s="26"/>
      <c r="AN317" s="1" t="str">
        <f t="shared" si="14"/>
        <v>■</v>
      </c>
    </row>
    <row r="318" spans="1:40" s="1" customFormat="1" ht="13.4" customHeight="1">
      <c r="A318" s="20" t="str">
        <f t="shared" si="13"/>
        <v>SI</v>
      </c>
      <c r="B318" s="20"/>
      <c r="C318" s="541">
        <v>13</v>
      </c>
      <c r="D318" s="542"/>
      <c r="E318" s="543" t="s">
        <v>629</v>
      </c>
      <c r="F318" s="544"/>
      <c r="G318" s="544"/>
      <c r="H318" s="544"/>
      <c r="I318" s="544"/>
      <c r="J318" s="544"/>
      <c r="K318" s="544"/>
      <c r="L318" s="544"/>
      <c r="M318" s="544"/>
      <c r="N318" s="544"/>
      <c r="O318" s="544"/>
      <c r="P318" s="544"/>
      <c r="Q318" s="544"/>
      <c r="R318" s="544"/>
      <c r="S318" s="544"/>
      <c r="T318" s="545"/>
      <c r="U318" s="221" t="s">
        <v>630</v>
      </c>
      <c r="V318" s="546" t="s">
        <v>107</v>
      </c>
      <c r="W318" s="547"/>
      <c r="X318" s="547"/>
      <c r="Y318" s="547"/>
      <c r="Z318" s="548"/>
      <c r="AA318" s="623" t="s">
        <v>108</v>
      </c>
      <c r="AB318" s="624"/>
      <c r="AC318" s="625"/>
      <c r="AD318" s="415">
        <v>3</v>
      </c>
      <c r="AE318" s="415">
        <v>0</v>
      </c>
      <c r="AF318" s="646"/>
      <c r="AG318" s="647"/>
      <c r="AH318" s="549"/>
      <c r="AI318" s="550"/>
      <c r="AJ318" s="551"/>
      <c r="AK318" s="332"/>
      <c r="AL318" s="48"/>
      <c r="AM318" s="26"/>
      <c r="AN318" s="1" t="str">
        <f t="shared" si="14"/>
        <v>■</v>
      </c>
    </row>
    <row r="319" spans="1:40" s="1" customFormat="1" ht="13.4" customHeight="1">
      <c r="A319" s="20" t="str">
        <f t="shared" si="13"/>
        <v>SI</v>
      </c>
      <c r="B319" s="20"/>
      <c r="C319" s="541">
        <v>14</v>
      </c>
      <c r="D319" s="542"/>
      <c r="E319" s="543" t="s">
        <v>631</v>
      </c>
      <c r="F319" s="544"/>
      <c r="G319" s="544"/>
      <c r="H319" s="544"/>
      <c r="I319" s="544"/>
      <c r="J319" s="544"/>
      <c r="K319" s="544"/>
      <c r="L319" s="544"/>
      <c r="M319" s="544"/>
      <c r="N319" s="544"/>
      <c r="O319" s="544"/>
      <c r="P319" s="544"/>
      <c r="Q319" s="544"/>
      <c r="R319" s="544"/>
      <c r="S319" s="544"/>
      <c r="T319" s="545"/>
      <c r="U319" s="221" t="s">
        <v>632</v>
      </c>
      <c r="V319" s="546" t="s">
        <v>107</v>
      </c>
      <c r="W319" s="547"/>
      <c r="X319" s="547"/>
      <c r="Y319" s="547"/>
      <c r="Z319" s="548"/>
      <c r="AA319" s="623" t="s">
        <v>108</v>
      </c>
      <c r="AB319" s="624"/>
      <c r="AC319" s="625"/>
      <c r="AD319" s="415">
        <v>3</v>
      </c>
      <c r="AE319" s="415">
        <v>0</v>
      </c>
      <c r="AF319" s="646"/>
      <c r="AG319" s="647"/>
      <c r="AH319" s="549"/>
      <c r="AI319" s="550"/>
      <c r="AJ319" s="551"/>
      <c r="AK319" s="332"/>
      <c r="AL319" s="48"/>
      <c r="AM319" s="26"/>
      <c r="AN319" s="1" t="str">
        <f t="shared" si="14"/>
        <v>■</v>
      </c>
    </row>
    <row r="320" spans="1:40" s="1" customFormat="1" ht="13.4" customHeight="1">
      <c r="A320" s="20" t="str">
        <f t="shared" si="13"/>
        <v>SI</v>
      </c>
      <c r="B320" s="20"/>
      <c r="C320" s="541">
        <v>15</v>
      </c>
      <c r="D320" s="542"/>
      <c r="E320" s="543" t="s">
        <v>633</v>
      </c>
      <c r="F320" s="544"/>
      <c r="G320" s="544"/>
      <c r="H320" s="544"/>
      <c r="I320" s="544"/>
      <c r="J320" s="544"/>
      <c r="K320" s="544"/>
      <c r="L320" s="544"/>
      <c r="M320" s="544"/>
      <c r="N320" s="544"/>
      <c r="O320" s="544"/>
      <c r="P320" s="544"/>
      <c r="Q320" s="544"/>
      <c r="R320" s="544"/>
      <c r="S320" s="544"/>
      <c r="T320" s="545"/>
      <c r="U320" s="221" t="s">
        <v>634</v>
      </c>
      <c r="V320" s="546" t="s">
        <v>107</v>
      </c>
      <c r="W320" s="547"/>
      <c r="X320" s="547"/>
      <c r="Y320" s="547"/>
      <c r="Z320" s="548"/>
      <c r="AA320" s="623" t="s">
        <v>108</v>
      </c>
      <c r="AB320" s="624"/>
      <c r="AC320" s="625"/>
      <c r="AD320" s="415">
        <v>3</v>
      </c>
      <c r="AE320" s="415">
        <v>0</v>
      </c>
      <c r="AF320" s="646"/>
      <c r="AG320" s="647"/>
      <c r="AH320" s="549"/>
      <c r="AI320" s="550"/>
      <c r="AJ320" s="551"/>
      <c r="AK320" s="332"/>
      <c r="AL320" s="48"/>
      <c r="AM320" s="26"/>
      <c r="AN320" s="1" t="str">
        <f t="shared" si="14"/>
        <v>■</v>
      </c>
    </row>
    <row r="321" spans="1:40" s="1" customFormat="1" ht="13.4" customHeight="1">
      <c r="A321" s="20" t="str">
        <f t="shared" si="13"/>
        <v>SI</v>
      </c>
      <c r="B321" s="20"/>
      <c r="C321" s="541">
        <v>16</v>
      </c>
      <c r="D321" s="542"/>
      <c r="E321" s="543" t="s">
        <v>635</v>
      </c>
      <c r="F321" s="544"/>
      <c r="G321" s="544"/>
      <c r="H321" s="544"/>
      <c r="I321" s="544"/>
      <c r="J321" s="544"/>
      <c r="K321" s="544"/>
      <c r="L321" s="544"/>
      <c r="M321" s="544"/>
      <c r="N321" s="544"/>
      <c r="O321" s="544"/>
      <c r="P321" s="544"/>
      <c r="Q321" s="544"/>
      <c r="R321" s="544"/>
      <c r="S321" s="544"/>
      <c r="T321" s="545"/>
      <c r="U321" s="221" t="s">
        <v>636</v>
      </c>
      <c r="V321" s="546" t="s">
        <v>107</v>
      </c>
      <c r="W321" s="547"/>
      <c r="X321" s="547"/>
      <c r="Y321" s="547"/>
      <c r="Z321" s="548"/>
      <c r="AA321" s="623" t="s">
        <v>108</v>
      </c>
      <c r="AB321" s="624"/>
      <c r="AC321" s="625"/>
      <c r="AD321" s="415">
        <v>3</v>
      </c>
      <c r="AE321" s="415">
        <v>0</v>
      </c>
      <c r="AF321" s="646"/>
      <c r="AG321" s="647"/>
      <c r="AH321" s="549"/>
      <c r="AI321" s="550"/>
      <c r="AJ321" s="551"/>
      <c r="AK321" s="332"/>
      <c r="AL321" s="48"/>
      <c r="AM321" s="26"/>
      <c r="AN321" s="1" t="str">
        <f t="shared" si="14"/>
        <v>■</v>
      </c>
    </row>
    <row r="322" spans="1:40" s="1" customFormat="1" ht="13.4" customHeight="1">
      <c r="A322" s="20" t="str">
        <f t="shared" si="13"/>
        <v>SI</v>
      </c>
      <c r="B322" s="20"/>
      <c r="C322" s="541">
        <v>17</v>
      </c>
      <c r="D322" s="542"/>
      <c r="E322" s="543" t="s">
        <v>637</v>
      </c>
      <c r="F322" s="544"/>
      <c r="G322" s="544"/>
      <c r="H322" s="544"/>
      <c r="I322" s="544"/>
      <c r="J322" s="544"/>
      <c r="K322" s="544"/>
      <c r="L322" s="544"/>
      <c r="M322" s="544"/>
      <c r="N322" s="544"/>
      <c r="O322" s="544"/>
      <c r="P322" s="544"/>
      <c r="Q322" s="544"/>
      <c r="R322" s="544"/>
      <c r="S322" s="544"/>
      <c r="T322" s="545"/>
      <c r="U322" s="221" t="s">
        <v>638</v>
      </c>
      <c r="V322" s="546" t="s">
        <v>107</v>
      </c>
      <c r="W322" s="547"/>
      <c r="X322" s="547"/>
      <c r="Y322" s="547"/>
      <c r="Z322" s="548"/>
      <c r="AA322" s="623" t="s">
        <v>108</v>
      </c>
      <c r="AB322" s="624"/>
      <c r="AC322" s="625"/>
      <c r="AD322" s="415">
        <v>3</v>
      </c>
      <c r="AE322" s="415">
        <v>0</v>
      </c>
      <c r="AF322" s="646"/>
      <c r="AG322" s="647"/>
      <c r="AH322" s="549"/>
      <c r="AI322" s="550"/>
      <c r="AJ322" s="551"/>
      <c r="AK322" s="332"/>
      <c r="AL322" s="38"/>
      <c r="AM322" s="26"/>
      <c r="AN322" s="1" t="str">
        <f t="shared" si="14"/>
        <v>■</v>
      </c>
    </row>
    <row r="323" spans="1:40" s="1" customFormat="1" ht="13.4" customHeight="1">
      <c r="A323" s="20" t="str">
        <f t="shared" si="13"/>
        <v>SI</v>
      </c>
      <c r="B323" s="20"/>
      <c r="C323" s="541">
        <v>18</v>
      </c>
      <c r="D323" s="542"/>
      <c r="E323" s="543" t="s">
        <v>639</v>
      </c>
      <c r="F323" s="544"/>
      <c r="G323" s="544"/>
      <c r="H323" s="544"/>
      <c r="I323" s="544"/>
      <c r="J323" s="544"/>
      <c r="K323" s="544"/>
      <c r="L323" s="544"/>
      <c r="M323" s="544"/>
      <c r="N323" s="544"/>
      <c r="O323" s="544"/>
      <c r="P323" s="544"/>
      <c r="Q323" s="544"/>
      <c r="R323" s="544"/>
      <c r="S323" s="544"/>
      <c r="T323" s="545"/>
      <c r="U323" s="221" t="s">
        <v>640</v>
      </c>
      <c r="V323" s="546" t="s">
        <v>107</v>
      </c>
      <c r="W323" s="547"/>
      <c r="X323" s="547"/>
      <c r="Y323" s="547"/>
      <c r="Z323" s="548"/>
      <c r="AA323" s="623" t="s">
        <v>108</v>
      </c>
      <c r="AB323" s="624"/>
      <c r="AC323" s="625"/>
      <c r="AD323" s="415">
        <v>3</v>
      </c>
      <c r="AE323" s="415">
        <v>0</v>
      </c>
      <c r="AF323" s="646"/>
      <c r="AG323" s="647"/>
      <c r="AH323" s="549"/>
      <c r="AI323" s="550"/>
      <c r="AJ323" s="551"/>
      <c r="AK323" s="332"/>
      <c r="AL323" s="38"/>
      <c r="AM323" s="26"/>
      <c r="AN323" s="1" t="str">
        <f t="shared" si="14"/>
        <v>■</v>
      </c>
    </row>
    <row r="324" spans="1:40" s="1" customFormat="1" ht="13.4" customHeight="1">
      <c r="A324" s="20" t="str">
        <f t="shared" si="13"/>
        <v>SI</v>
      </c>
      <c r="B324" s="20"/>
      <c r="C324" s="541">
        <v>19</v>
      </c>
      <c r="D324" s="542"/>
      <c r="E324" s="543" t="s">
        <v>641</v>
      </c>
      <c r="F324" s="544"/>
      <c r="G324" s="544"/>
      <c r="H324" s="544"/>
      <c r="I324" s="544"/>
      <c r="J324" s="544"/>
      <c r="K324" s="544"/>
      <c r="L324" s="544"/>
      <c r="M324" s="544"/>
      <c r="N324" s="544"/>
      <c r="O324" s="544"/>
      <c r="P324" s="544"/>
      <c r="Q324" s="544"/>
      <c r="R324" s="544"/>
      <c r="S324" s="544"/>
      <c r="T324" s="545"/>
      <c r="U324" s="221" t="s">
        <v>642</v>
      </c>
      <c r="V324" s="546" t="s">
        <v>107</v>
      </c>
      <c r="W324" s="547"/>
      <c r="X324" s="547"/>
      <c r="Y324" s="547"/>
      <c r="Z324" s="548"/>
      <c r="AA324" s="623" t="s">
        <v>108</v>
      </c>
      <c r="AB324" s="624"/>
      <c r="AC324" s="625"/>
      <c r="AD324" s="415">
        <v>3</v>
      </c>
      <c r="AE324" s="415">
        <v>0</v>
      </c>
      <c r="AF324" s="646"/>
      <c r="AG324" s="647"/>
      <c r="AH324" s="549"/>
      <c r="AI324" s="550"/>
      <c r="AJ324" s="551"/>
      <c r="AK324" s="332"/>
      <c r="AL324" s="48"/>
      <c r="AM324" s="26"/>
      <c r="AN324" s="1" t="str">
        <f t="shared" si="14"/>
        <v>■</v>
      </c>
    </row>
    <row r="325" spans="1:40" s="13" customFormat="1" ht="13.4" customHeight="1">
      <c r="A325" s="20" t="str">
        <f t="shared" si="13"/>
        <v>SI</v>
      </c>
      <c r="B325" s="20"/>
      <c r="C325" s="541">
        <v>20</v>
      </c>
      <c r="D325" s="542"/>
      <c r="E325" s="543" t="s">
        <v>643</v>
      </c>
      <c r="F325" s="544"/>
      <c r="G325" s="544"/>
      <c r="H325" s="544"/>
      <c r="I325" s="544"/>
      <c r="J325" s="544"/>
      <c r="K325" s="544"/>
      <c r="L325" s="544"/>
      <c r="M325" s="544"/>
      <c r="N325" s="544"/>
      <c r="O325" s="544"/>
      <c r="P325" s="544"/>
      <c r="Q325" s="544"/>
      <c r="R325" s="544"/>
      <c r="S325" s="544"/>
      <c r="T325" s="545"/>
      <c r="U325" s="221" t="s">
        <v>644</v>
      </c>
      <c r="V325" s="546" t="s">
        <v>107</v>
      </c>
      <c r="W325" s="547"/>
      <c r="X325" s="547"/>
      <c r="Y325" s="547"/>
      <c r="Z325" s="548"/>
      <c r="AA325" s="623" t="s">
        <v>108</v>
      </c>
      <c r="AB325" s="624"/>
      <c r="AC325" s="625"/>
      <c r="AD325" s="415">
        <v>3</v>
      </c>
      <c r="AE325" s="415">
        <v>0</v>
      </c>
      <c r="AF325" s="646"/>
      <c r="AG325" s="647"/>
      <c r="AH325" s="549"/>
      <c r="AI325" s="550"/>
      <c r="AJ325" s="551"/>
      <c r="AK325" s="118"/>
      <c r="AL325" s="38"/>
      <c r="AM325" s="54"/>
      <c r="AN325" s="1" t="str">
        <f t="shared" si="14"/>
        <v>■</v>
      </c>
    </row>
    <row r="326" spans="1:40" s="13" customFormat="1" ht="13.4" customHeight="1">
      <c r="A326" s="20" t="str">
        <f t="shared" si="13"/>
        <v>SI</v>
      </c>
      <c r="B326" s="20"/>
      <c r="C326" s="541">
        <v>21</v>
      </c>
      <c r="D326" s="542"/>
      <c r="E326" s="543" t="s">
        <v>645</v>
      </c>
      <c r="F326" s="544"/>
      <c r="G326" s="544"/>
      <c r="H326" s="544"/>
      <c r="I326" s="544"/>
      <c r="J326" s="544"/>
      <c r="K326" s="544"/>
      <c r="L326" s="544"/>
      <c r="M326" s="544"/>
      <c r="N326" s="544"/>
      <c r="O326" s="544"/>
      <c r="P326" s="544"/>
      <c r="Q326" s="544"/>
      <c r="R326" s="544"/>
      <c r="S326" s="544"/>
      <c r="T326" s="545"/>
      <c r="U326" s="221" t="s">
        <v>646</v>
      </c>
      <c r="V326" s="546" t="s">
        <v>107</v>
      </c>
      <c r="W326" s="547"/>
      <c r="X326" s="547"/>
      <c r="Y326" s="547"/>
      <c r="Z326" s="548"/>
      <c r="AA326" s="623" t="s">
        <v>108</v>
      </c>
      <c r="AB326" s="624"/>
      <c r="AC326" s="625"/>
      <c r="AD326" s="415">
        <v>3</v>
      </c>
      <c r="AE326" s="415">
        <v>0</v>
      </c>
      <c r="AF326" s="646"/>
      <c r="AG326" s="647"/>
      <c r="AH326" s="549"/>
      <c r="AI326" s="550"/>
      <c r="AJ326" s="551"/>
      <c r="AK326" s="118"/>
      <c r="AL326" s="38"/>
      <c r="AM326" s="54"/>
      <c r="AN326" s="1" t="str">
        <f t="shared" si="14"/>
        <v>■</v>
      </c>
    </row>
    <row r="327" spans="1:40" s="1" customFormat="1" ht="13.4" customHeight="1">
      <c r="A327" s="20" t="str">
        <f t="shared" si="13"/>
        <v>SI</v>
      </c>
      <c r="B327" s="20"/>
      <c r="C327" s="541">
        <v>22</v>
      </c>
      <c r="D327" s="542"/>
      <c r="E327" s="543" t="s">
        <v>647</v>
      </c>
      <c r="F327" s="544"/>
      <c r="G327" s="544"/>
      <c r="H327" s="544"/>
      <c r="I327" s="544"/>
      <c r="J327" s="544"/>
      <c r="K327" s="544"/>
      <c r="L327" s="544"/>
      <c r="M327" s="544"/>
      <c r="N327" s="544"/>
      <c r="O327" s="544"/>
      <c r="P327" s="544"/>
      <c r="Q327" s="544"/>
      <c r="R327" s="544"/>
      <c r="S327" s="544"/>
      <c r="T327" s="545"/>
      <c r="U327" s="221" t="s">
        <v>648</v>
      </c>
      <c r="V327" s="546" t="s">
        <v>107</v>
      </c>
      <c r="W327" s="547"/>
      <c r="X327" s="547"/>
      <c r="Y327" s="547"/>
      <c r="Z327" s="548"/>
      <c r="AA327" s="623" t="s">
        <v>108</v>
      </c>
      <c r="AB327" s="624"/>
      <c r="AC327" s="625"/>
      <c r="AD327" s="415">
        <v>3</v>
      </c>
      <c r="AE327" s="415">
        <v>0</v>
      </c>
      <c r="AF327" s="646"/>
      <c r="AG327" s="647"/>
      <c r="AH327" s="549"/>
      <c r="AI327" s="550"/>
      <c r="AJ327" s="551"/>
      <c r="AK327" s="332"/>
      <c r="AL327" s="48"/>
      <c r="AM327" s="26"/>
      <c r="AN327" s="1" t="str">
        <f t="shared" si="14"/>
        <v>■</v>
      </c>
    </row>
    <row r="328" spans="1:40" s="13" customFormat="1" ht="13.4" customHeight="1">
      <c r="A328" s="20" t="str">
        <f t="shared" si="13"/>
        <v>SI</v>
      </c>
      <c r="B328" s="20"/>
      <c r="C328" s="541">
        <v>23</v>
      </c>
      <c r="D328" s="542"/>
      <c r="E328" s="543" t="s">
        <v>649</v>
      </c>
      <c r="F328" s="544"/>
      <c r="G328" s="544"/>
      <c r="H328" s="544"/>
      <c r="I328" s="544"/>
      <c r="J328" s="544"/>
      <c r="K328" s="544"/>
      <c r="L328" s="544"/>
      <c r="M328" s="544"/>
      <c r="N328" s="544"/>
      <c r="O328" s="544"/>
      <c r="P328" s="544"/>
      <c r="Q328" s="544"/>
      <c r="R328" s="544"/>
      <c r="S328" s="544"/>
      <c r="T328" s="545"/>
      <c r="U328" s="221" t="s">
        <v>650</v>
      </c>
      <c r="V328" s="546" t="s">
        <v>107</v>
      </c>
      <c r="W328" s="547"/>
      <c r="X328" s="547"/>
      <c r="Y328" s="547"/>
      <c r="Z328" s="548"/>
      <c r="AA328" s="623" t="s">
        <v>108</v>
      </c>
      <c r="AB328" s="624"/>
      <c r="AC328" s="625"/>
      <c r="AD328" s="415">
        <v>3</v>
      </c>
      <c r="AE328" s="415">
        <v>0</v>
      </c>
      <c r="AF328" s="646"/>
      <c r="AG328" s="647"/>
      <c r="AH328" s="549"/>
      <c r="AI328" s="550"/>
      <c r="AJ328" s="551"/>
      <c r="AK328" s="118"/>
      <c r="AL328" s="48"/>
      <c r="AM328" s="54"/>
      <c r="AN328" s="1" t="str">
        <f t="shared" si="14"/>
        <v>■</v>
      </c>
    </row>
    <row r="329" spans="1:40" s="13" customFormat="1" ht="13.4" customHeight="1">
      <c r="A329" s="20" t="str">
        <f t="shared" si="13"/>
        <v>SI</v>
      </c>
      <c r="B329" s="20"/>
      <c r="C329" s="541">
        <v>24</v>
      </c>
      <c r="D329" s="542"/>
      <c r="E329" s="543" t="s">
        <v>651</v>
      </c>
      <c r="F329" s="544"/>
      <c r="G329" s="544"/>
      <c r="H329" s="544"/>
      <c r="I329" s="544"/>
      <c r="J329" s="544"/>
      <c r="K329" s="544"/>
      <c r="L329" s="544"/>
      <c r="M329" s="544"/>
      <c r="N329" s="544"/>
      <c r="O329" s="544"/>
      <c r="P329" s="544"/>
      <c r="Q329" s="544"/>
      <c r="R329" s="544"/>
      <c r="S329" s="544"/>
      <c r="T329" s="545"/>
      <c r="U329" s="221" t="s">
        <v>652</v>
      </c>
      <c r="V329" s="546" t="s">
        <v>107</v>
      </c>
      <c r="W329" s="547"/>
      <c r="X329" s="547"/>
      <c r="Y329" s="547"/>
      <c r="Z329" s="548"/>
      <c r="AA329" s="623" t="s">
        <v>108</v>
      </c>
      <c r="AB329" s="624"/>
      <c r="AC329" s="625"/>
      <c r="AD329" s="415">
        <v>3</v>
      </c>
      <c r="AE329" s="415">
        <v>0</v>
      </c>
      <c r="AF329" s="646"/>
      <c r="AG329" s="647"/>
      <c r="AH329" s="549"/>
      <c r="AI329" s="550"/>
      <c r="AJ329" s="551"/>
      <c r="AK329" s="118"/>
      <c r="AL329" s="48"/>
      <c r="AM329" s="54"/>
      <c r="AN329" s="1" t="str">
        <f t="shared" si="14"/>
        <v>■</v>
      </c>
    </row>
    <row r="330" spans="1:40" s="1" customFormat="1" ht="13.4" customHeight="1">
      <c r="A330" s="20" t="str">
        <f t="shared" si="13"/>
        <v>SI</v>
      </c>
      <c r="B330" s="20"/>
      <c r="C330" s="541">
        <v>25</v>
      </c>
      <c r="D330" s="542"/>
      <c r="E330" s="543" t="s">
        <v>653</v>
      </c>
      <c r="F330" s="544"/>
      <c r="G330" s="544"/>
      <c r="H330" s="544"/>
      <c r="I330" s="544"/>
      <c r="J330" s="544"/>
      <c r="K330" s="544"/>
      <c r="L330" s="544"/>
      <c r="M330" s="544"/>
      <c r="N330" s="544"/>
      <c r="O330" s="544"/>
      <c r="P330" s="544"/>
      <c r="Q330" s="544"/>
      <c r="R330" s="544"/>
      <c r="S330" s="544"/>
      <c r="T330" s="545"/>
      <c r="U330" s="221" t="s">
        <v>654</v>
      </c>
      <c r="V330" s="546" t="s">
        <v>107</v>
      </c>
      <c r="W330" s="547"/>
      <c r="X330" s="547"/>
      <c r="Y330" s="547"/>
      <c r="Z330" s="548"/>
      <c r="AA330" s="623" t="s">
        <v>108</v>
      </c>
      <c r="AB330" s="624"/>
      <c r="AC330" s="625"/>
      <c r="AD330" s="415">
        <v>3</v>
      </c>
      <c r="AE330" s="415">
        <v>0</v>
      </c>
      <c r="AF330" s="646"/>
      <c r="AG330" s="647"/>
      <c r="AH330" s="549"/>
      <c r="AI330" s="550"/>
      <c r="AJ330" s="551"/>
      <c r="AK330" s="332"/>
      <c r="AL330" s="48"/>
      <c r="AM330" s="26"/>
      <c r="AN330" s="1" t="str">
        <f t="shared" si="14"/>
        <v>■</v>
      </c>
    </row>
    <row r="331" spans="1:40" s="1" customFormat="1" ht="13.4" customHeight="1">
      <c r="A331" s="20" t="str">
        <f t="shared" si="13"/>
        <v>SI</v>
      </c>
      <c r="B331" s="20"/>
      <c r="C331" s="541">
        <v>26</v>
      </c>
      <c r="D331" s="542"/>
      <c r="E331" s="543" t="s">
        <v>655</v>
      </c>
      <c r="F331" s="544"/>
      <c r="G331" s="544"/>
      <c r="H331" s="544"/>
      <c r="I331" s="544"/>
      <c r="J331" s="544"/>
      <c r="K331" s="544"/>
      <c r="L331" s="544"/>
      <c r="M331" s="544"/>
      <c r="N331" s="544"/>
      <c r="O331" s="544"/>
      <c r="P331" s="544"/>
      <c r="Q331" s="544"/>
      <c r="R331" s="544"/>
      <c r="S331" s="544"/>
      <c r="T331" s="545"/>
      <c r="U331" s="221" t="s">
        <v>656</v>
      </c>
      <c r="V331" s="546" t="s">
        <v>107</v>
      </c>
      <c r="W331" s="547"/>
      <c r="X331" s="547"/>
      <c r="Y331" s="547"/>
      <c r="Z331" s="548"/>
      <c r="AA331" s="623" t="s">
        <v>108</v>
      </c>
      <c r="AB331" s="624"/>
      <c r="AC331" s="625"/>
      <c r="AD331" s="415">
        <v>3</v>
      </c>
      <c r="AE331" s="415">
        <v>0</v>
      </c>
      <c r="AF331" s="646"/>
      <c r="AG331" s="647"/>
      <c r="AH331" s="549"/>
      <c r="AI331" s="550"/>
      <c r="AJ331" s="551"/>
      <c r="AK331" s="332"/>
      <c r="AL331" s="48"/>
      <c r="AM331" s="26"/>
      <c r="AN331" s="1" t="str">
        <f t="shared" si="14"/>
        <v>■</v>
      </c>
    </row>
    <row r="332" spans="1:40" s="1" customFormat="1" ht="13.4" customHeight="1">
      <c r="A332" s="20" t="str">
        <f t="shared" si="13"/>
        <v>SI</v>
      </c>
      <c r="B332" s="20"/>
      <c r="C332" s="541">
        <v>27</v>
      </c>
      <c r="D332" s="542"/>
      <c r="E332" s="543" t="s">
        <v>657</v>
      </c>
      <c r="F332" s="544"/>
      <c r="G332" s="544"/>
      <c r="H332" s="544"/>
      <c r="I332" s="544"/>
      <c r="J332" s="544"/>
      <c r="K332" s="544"/>
      <c r="L332" s="544"/>
      <c r="M332" s="544"/>
      <c r="N332" s="544"/>
      <c r="O332" s="544"/>
      <c r="P332" s="544"/>
      <c r="Q332" s="544"/>
      <c r="R332" s="544"/>
      <c r="S332" s="544"/>
      <c r="T332" s="545"/>
      <c r="U332" s="221" t="s">
        <v>658</v>
      </c>
      <c r="V332" s="546" t="s">
        <v>107</v>
      </c>
      <c r="W332" s="547"/>
      <c r="X332" s="547"/>
      <c r="Y332" s="547"/>
      <c r="Z332" s="548"/>
      <c r="AA332" s="623" t="s">
        <v>108</v>
      </c>
      <c r="AB332" s="624"/>
      <c r="AC332" s="625"/>
      <c r="AD332" s="415">
        <v>3</v>
      </c>
      <c r="AE332" s="415">
        <v>0</v>
      </c>
      <c r="AF332" s="646"/>
      <c r="AG332" s="647"/>
      <c r="AH332" s="549"/>
      <c r="AI332" s="550"/>
      <c r="AJ332" s="551"/>
      <c r="AK332" s="332"/>
      <c r="AL332" s="48"/>
      <c r="AM332" s="26"/>
      <c r="AN332" s="1" t="str">
        <f t="shared" si="14"/>
        <v>■</v>
      </c>
    </row>
    <row r="333" spans="1:40" s="1" customFormat="1" ht="13.4" customHeight="1">
      <c r="A333" s="20" t="str">
        <f t="shared" si="13"/>
        <v>SI</v>
      </c>
      <c r="B333" s="20"/>
      <c r="C333" s="541">
        <v>28</v>
      </c>
      <c r="D333" s="542"/>
      <c r="E333" s="543" t="s">
        <v>659</v>
      </c>
      <c r="F333" s="544"/>
      <c r="G333" s="544"/>
      <c r="H333" s="544"/>
      <c r="I333" s="544"/>
      <c r="J333" s="544"/>
      <c r="K333" s="544"/>
      <c r="L333" s="544"/>
      <c r="M333" s="544"/>
      <c r="N333" s="544"/>
      <c r="O333" s="544"/>
      <c r="P333" s="544"/>
      <c r="Q333" s="544"/>
      <c r="R333" s="544"/>
      <c r="S333" s="544"/>
      <c r="T333" s="545"/>
      <c r="U333" s="221" t="s">
        <v>660</v>
      </c>
      <c r="V333" s="546" t="s">
        <v>107</v>
      </c>
      <c r="W333" s="547"/>
      <c r="X333" s="547"/>
      <c r="Y333" s="547"/>
      <c r="Z333" s="548"/>
      <c r="AA333" s="623" t="s">
        <v>108</v>
      </c>
      <c r="AB333" s="624"/>
      <c r="AC333" s="625"/>
      <c r="AD333" s="415">
        <v>3</v>
      </c>
      <c r="AE333" s="415">
        <v>0</v>
      </c>
      <c r="AF333" s="646"/>
      <c r="AG333" s="647"/>
      <c r="AH333" s="549"/>
      <c r="AI333" s="550"/>
      <c r="AJ333" s="551"/>
      <c r="AK333" s="332"/>
      <c r="AL333" s="48"/>
      <c r="AM333" s="26"/>
      <c r="AN333" s="1" t="str">
        <f t="shared" si="14"/>
        <v>■</v>
      </c>
    </row>
    <row r="334" spans="1:40" s="1" customFormat="1" ht="13.4" customHeight="1">
      <c r="A334" s="20" t="str">
        <f t="shared" si="13"/>
        <v>SI</v>
      </c>
      <c r="B334" s="20"/>
      <c r="C334" s="541">
        <v>29</v>
      </c>
      <c r="D334" s="542"/>
      <c r="E334" s="543" t="s">
        <v>661</v>
      </c>
      <c r="F334" s="544"/>
      <c r="G334" s="544"/>
      <c r="H334" s="544"/>
      <c r="I334" s="544"/>
      <c r="J334" s="544"/>
      <c r="K334" s="544"/>
      <c r="L334" s="544"/>
      <c r="M334" s="544"/>
      <c r="N334" s="544"/>
      <c r="O334" s="544"/>
      <c r="P334" s="544"/>
      <c r="Q334" s="544"/>
      <c r="R334" s="544"/>
      <c r="S334" s="544"/>
      <c r="T334" s="545"/>
      <c r="U334" s="221" t="s">
        <v>662</v>
      </c>
      <c r="V334" s="546" t="s">
        <v>107</v>
      </c>
      <c r="W334" s="547"/>
      <c r="X334" s="547"/>
      <c r="Y334" s="547"/>
      <c r="Z334" s="548"/>
      <c r="AA334" s="623" t="s">
        <v>108</v>
      </c>
      <c r="AB334" s="624"/>
      <c r="AC334" s="625"/>
      <c r="AD334" s="415">
        <v>3</v>
      </c>
      <c r="AE334" s="415">
        <v>0</v>
      </c>
      <c r="AF334" s="646"/>
      <c r="AG334" s="647"/>
      <c r="AH334" s="549"/>
      <c r="AI334" s="550"/>
      <c r="AJ334" s="551"/>
      <c r="AK334" s="332"/>
      <c r="AL334" s="48"/>
      <c r="AM334" s="26"/>
      <c r="AN334" s="1" t="str">
        <f t="shared" si="14"/>
        <v>■</v>
      </c>
    </row>
    <row r="335" spans="1:40" s="1" customFormat="1" ht="13.4" customHeight="1">
      <c r="A335" s="20" t="str">
        <f t="shared" si="13"/>
        <v>SI</v>
      </c>
      <c r="B335" s="20"/>
      <c r="C335" s="541">
        <v>30</v>
      </c>
      <c r="D335" s="542"/>
      <c r="E335" s="543" t="s">
        <v>663</v>
      </c>
      <c r="F335" s="544"/>
      <c r="G335" s="544"/>
      <c r="H335" s="544"/>
      <c r="I335" s="544"/>
      <c r="J335" s="544"/>
      <c r="K335" s="544"/>
      <c r="L335" s="544"/>
      <c r="M335" s="544"/>
      <c r="N335" s="544"/>
      <c r="O335" s="544"/>
      <c r="P335" s="544"/>
      <c r="Q335" s="544"/>
      <c r="R335" s="544"/>
      <c r="S335" s="544"/>
      <c r="T335" s="545"/>
      <c r="U335" s="221" t="s">
        <v>664</v>
      </c>
      <c r="V335" s="546" t="s">
        <v>107</v>
      </c>
      <c r="W335" s="547"/>
      <c r="X335" s="547"/>
      <c r="Y335" s="547"/>
      <c r="Z335" s="548"/>
      <c r="AA335" s="623" t="s">
        <v>108</v>
      </c>
      <c r="AB335" s="624"/>
      <c r="AC335" s="625"/>
      <c r="AD335" s="415">
        <v>3</v>
      </c>
      <c r="AE335" s="415">
        <v>0</v>
      </c>
      <c r="AF335" s="646"/>
      <c r="AG335" s="647"/>
      <c r="AH335" s="549"/>
      <c r="AI335" s="550"/>
      <c r="AJ335" s="551"/>
      <c r="AK335" s="332"/>
      <c r="AL335" s="48"/>
      <c r="AM335" s="26"/>
      <c r="AN335" s="1" t="str">
        <f t="shared" si="14"/>
        <v>■</v>
      </c>
    </row>
    <row r="336" spans="1:40" s="1" customFormat="1" ht="13.4" customHeight="1">
      <c r="A336" s="20" t="str">
        <f t="shared" si="13"/>
        <v>SI</v>
      </c>
      <c r="B336" s="20"/>
      <c r="C336" s="541">
        <v>31</v>
      </c>
      <c r="D336" s="542"/>
      <c r="E336" s="543" t="s">
        <v>665</v>
      </c>
      <c r="F336" s="544"/>
      <c r="G336" s="544"/>
      <c r="H336" s="544"/>
      <c r="I336" s="544"/>
      <c r="J336" s="544"/>
      <c r="K336" s="544"/>
      <c r="L336" s="544"/>
      <c r="M336" s="544"/>
      <c r="N336" s="544"/>
      <c r="O336" s="544"/>
      <c r="P336" s="544"/>
      <c r="Q336" s="544"/>
      <c r="R336" s="544"/>
      <c r="S336" s="544"/>
      <c r="T336" s="545"/>
      <c r="U336" s="221" t="s">
        <v>666</v>
      </c>
      <c r="V336" s="546" t="s">
        <v>107</v>
      </c>
      <c r="W336" s="547"/>
      <c r="X336" s="547"/>
      <c r="Y336" s="547"/>
      <c r="Z336" s="548"/>
      <c r="AA336" s="623" t="s">
        <v>108</v>
      </c>
      <c r="AB336" s="624"/>
      <c r="AC336" s="625"/>
      <c r="AD336" s="415">
        <v>3</v>
      </c>
      <c r="AE336" s="415">
        <v>0</v>
      </c>
      <c r="AF336" s="646"/>
      <c r="AG336" s="647"/>
      <c r="AH336" s="549"/>
      <c r="AI336" s="550"/>
      <c r="AJ336" s="551"/>
      <c r="AK336" s="332"/>
      <c r="AL336" s="48"/>
      <c r="AM336" s="26"/>
      <c r="AN336" s="1" t="str">
        <f t="shared" si="14"/>
        <v>■</v>
      </c>
    </row>
    <row r="337" spans="1:40" s="1" customFormat="1" ht="13.4" customHeight="1">
      <c r="A337" s="20" t="str">
        <f t="shared" si="13"/>
        <v>SI</v>
      </c>
      <c r="B337" s="20"/>
      <c r="C337" s="541">
        <v>32</v>
      </c>
      <c r="D337" s="542"/>
      <c r="E337" s="543" t="s">
        <v>667</v>
      </c>
      <c r="F337" s="544"/>
      <c r="G337" s="544"/>
      <c r="H337" s="544"/>
      <c r="I337" s="544"/>
      <c r="J337" s="544"/>
      <c r="K337" s="544"/>
      <c r="L337" s="544"/>
      <c r="M337" s="544"/>
      <c r="N337" s="544"/>
      <c r="O337" s="544"/>
      <c r="P337" s="544"/>
      <c r="Q337" s="544"/>
      <c r="R337" s="544"/>
      <c r="S337" s="544"/>
      <c r="T337" s="545"/>
      <c r="U337" s="221" t="s">
        <v>668</v>
      </c>
      <c r="V337" s="546" t="s">
        <v>107</v>
      </c>
      <c r="W337" s="547"/>
      <c r="X337" s="547"/>
      <c r="Y337" s="547"/>
      <c r="Z337" s="548"/>
      <c r="AA337" s="623" t="s">
        <v>108</v>
      </c>
      <c r="AB337" s="624"/>
      <c r="AC337" s="625"/>
      <c r="AD337" s="415">
        <v>3</v>
      </c>
      <c r="AE337" s="415">
        <v>0</v>
      </c>
      <c r="AF337" s="646"/>
      <c r="AG337" s="647"/>
      <c r="AH337" s="549"/>
      <c r="AI337" s="550"/>
      <c r="AJ337" s="551"/>
      <c r="AK337" s="332"/>
      <c r="AL337" s="48"/>
      <c r="AM337" s="26"/>
      <c r="AN337" s="1" t="str">
        <f t="shared" si="14"/>
        <v>■</v>
      </c>
    </row>
    <row r="338" spans="1:40" s="1" customFormat="1" ht="13.4" customHeight="1">
      <c r="A338" s="20" t="str">
        <f t="shared" si="13"/>
        <v>SI</v>
      </c>
      <c r="B338" s="20"/>
      <c r="C338" s="541">
        <v>33</v>
      </c>
      <c r="D338" s="542"/>
      <c r="E338" s="543" t="s">
        <v>669</v>
      </c>
      <c r="F338" s="544"/>
      <c r="G338" s="544"/>
      <c r="H338" s="544"/>
      <c r="I338" s="544"/>
      <c r="J338" s="544"/>
      <c r="K338" s="544"/>
      <c r="L338" s="544"/>
      <c r="M338" s="544"/>
      <c r="N338" s="544"/>
      <c r="O338" s="544"/>
      <c r="P338" s="544"/>
      <c r="Q338" s="544"/>
      <c r="R338" s="544"/>
      <c r="S338" s="544"/>
      <c r="T338" s="545"/>
      <c r="U338" s="221" t="s">
        <v>670</v>
      </c>
      <c r="V338" s="546" t="s">
        <v>107</v>
      </c>
      <c r="W338" s="547"/>
      <c r="X338" s="547"/>
      <c r="Y338" s="547"/>
      <c r="Z338" s="548"/>
      <c r="AA338" s="623" t="s">
        <v>108</v>
      </c>
      <c r="AB338" s="624"/>
      <c r="AC338" s="625"/>
      <c r="AD338" s="415">
        <v>3</v>
      </c>
      <c r="AE338" s="415">
        <v>0</v>
      </c>
      <c r="AF338" s="646"/>
      <c r="AG338" s="647"/>
      <c r="AH338" s="549"/>
      <c r="AI338" s="550"/>
      <c r="AJ338" s="551"/>
      <c r="AK338" s="332"/>
      <c r="AL338" s="48"/>
      <c r="AM338" s="26"/>
      <c r="AN338" s="1" t="str">
        <f t="shared" si="14"/>
        <v>■</v>
      </c>
    </row>
    <row r="339" spans="1:40" s="1" customFormat="1" ht="13.4" customHeight="1">
      <c r="A339" s="20" t="str">
        <f t="shared" si="13"/>
        <v>SI</v>
      </c>
      <c r="B339" s="20"/>
      <c r="C339" s="541">
        <v>34</v>
      </c>
      <c r="D339" s="542"/>
      <c r="E339" s="543" t="s">
        <v>671</v>
      </c>
      <c r="F339" s="544"/>
      <c r="G339" s="544"/>
      <c r="H339" s="544"/>
      <c r="I339" s="544"/>
      <c r="J339" s="544"/>
      <c r="K339" s="544"/>
      <c r="L339" s="544"/>
      <c r="M339" s="544"/>
      <c r="N339" s="544"/>
      <c r="O339" s="544"/>
      <c r="P339" s="544"/>
      <c r="Q339" s="544"/>
      <c r="R339" s="544"/>
      <c r="S339" s="544"/>
      <c r="T339" s="545"/>
      <c r="U339" s="221" t="s">
        <v>672</v>
      </c>
      <c r="V339" s="546" t="s">
        <v>107</v>
      </c>
      <c r="W339" s="547"/>
      <c r="X339" s="547"/>
      <c r="Y339" s="547"/>
      <c r="Z339" s="548"/>
      <c r="AA339" s="623" t="s">
        <v>108</v>
      </c>
      <c r="AB339" s="624"/>
      <c r="AC339" s="625"/>
      <c r="AD339" s="415">
        <v>3</v>
      </c>
      <c r="AE339" s="415">
        <v>0</v>
      </c>
      <c r="AF339" s="646"/>
      <c r="AG339" s="647"/>
      <c r="AH339" s="549"/>
      <c r="AI339" s="550"/>
      <c r="AJ339" s="551"/>
      <c r="AK339" s="332"/>
      <c r="AL339" s="38"/>
      <c r="AM339" s="26"/>
      <c r="AN339" s="1" t="str">
        <f t="shared" si="14"/>
        <v>■</v>
      </c>
    </row>
    <row r="340" spans="1:40" s="1" customFormat="1" ht="13.4" customHeight="1">
      <c r="A340" s="20" t="str">
        <f t="shared" si="13"/>
        <v>SI</v>
      </c>
      <c r="B340" s="20"/>
      <c r="C340" s="541">
        <v>35</v>
      </c>
      <c r="D340" s="542"/>
      <c r="E340" s="543" t="s">
        <v>673</v>
      </c>
      <c r="F340" s="544"/>
      <c r="G340" s="544"/>
      <c r="H340" s="544"/>
      <c r="I340" s="544"/>
      <c r="J340" s="544"/>
      <c r="K340" s="544"/>
      <c r="L340" s="544"/>
      <c r="M340" s="544"/>
      <c r="N340" s="544"/>
      <c r="O340" s="544"/>
      <c r="P340" s="544"/>
      <c r="Q340" s="544"/>
      <c r="R340" s="544"/>
      <c r="S340" s="544"/>
      <c r="T340" s="545"/>
      <c r="U340" s="221" t="s">
        <v>674</v>
      </c>
      <c r="V340" s="546" t="s">
        <v>107</v>
      </c>
      <c r="W340" s="547"/>
      <c r="X340" s="547"/>
      <c r="Y340" s="547"/>
      <c r="Z340" s="548"/>
      <c r="AA340" s="623" t="s">
        <v>108</v>
      </c>
      <c r="AB340" s="624"/>
      <c r="AC340" s="625"/>
      <c r="AD340" s="415">
        <v>3</v>
      </c>
      <c r="AE340" s="415">
        <v>0</v>
      </c>
      <c r="AF340" s="646"/>
      <c r="AG340" s="647"/>
      <c r="AH340" s="549"/>
      <c r="AI340" s="550"/>
      <c r="AJ340" s="551"/>
      <c r="AK340" s="332"/>
      <c r="AL340" s="38"/>
      <c r="AM340" s="26"/>
      <c r="AN340" s="1" t="str">
        <f t="shared" si="14"/>
        <v>■</v>
      </c>
    </row>
    <row r="341" spans="1:40" s="1" customFormat="1" ht="13.4" customHeight="1">
      <c r="A341" s="20" t="str">
        <f t="shared" si="13"/>
        <v>SI</v>
      </c>
      <c r="B341" s="20"/>
      <c r="C341" s="541">
        <v>36</v>
      </c>
      <c r="D341" s="542"/>
      <c r="E341" s="543" t="s">
        <v>675</v>
      </c>
      <c r="F341" s="544"/>
      <c r="G341" s="544"/>
      <c r="H341" s="544"/>
      <c r="I341" s="544"/>
      <c r="J341" s="544"/>
      <c r="K341" s="544"/>
      <c r="L341" s="544"/>
      <c r="M341" s="544"/>
      <c r="N341" s="544"/>
      <c r="O341" s="544"/>
      <c r="P341" s="544"/>
      <c r="Q341" s="544"/>
      <c r="R341" s="544"/>
      <c r="S341" s="544"/>
      <c r="T341" s="545"/>
      <c r="U341" s="221" t="s">
        <v>676</v>
      </c>
      <c r="V341" s="546" t="s">
        <v>107</v>
      </c>
      <c r="W341" s="547"/>
      <c r="X341" s="547"/>
      <c r="Y341" s="547"/>
      <c r="Z341" s="548"/>
      <c r="AA341" s="623" t="s">
        <v>108</v>
      </c>
      <c r="AB341" s="624"/>
      <c r="AC341" s="625"/>
      <c r="AD341" s="415">
        <v>3</v>
      </c>
      <c r="AE341" s="415">
        <v>0</v>
      </c>
      <c r="AF341" s="646"/>
      <c r="AG341" s="647"/>
      <c r="AH341" s="549"/>
      <c r="AI341" s="550"/>
      <c r="AJ341" s="551"/>
      <c r="AK341" s="332"/>
      <c r="AL341" s="48"/>
      <c r="AM341" s="26"/>
      <c r="AN341" s="1" t="str">
        <f t="shared" si="14"/>
        <v>■</v>
      </c>
    </row>
    <row r="342" spans="1:40" s="13" customFormat="1" ht="13.4" customHeight="1">
      <c r="A342" s="20" t="str">
        <f t="shared" si="13"/>
        <v>SI</v>
      </c>
      <c r="B342" s="20"/>
      <c r="C342" s="541">
        <v>37</v>
      </c>
      <c r="D342" s="542"/>
      <c r="E342" s="543" t="s">
        <v>677</v>
      </c>
      <c r="F342" s="544"/>
      <c r="G342" s="544"/>
      <c r="H342" s="544"/>
      <c r="I342" s="544"/>
      <c r="J342" s="544"/>
      <c r="K342" s="544"/>
      <c r="L342" s="544"/>
      <c r="M342" s="544"/>
      <c r="N342" s="544"/>
      <c r="O342" s="544"/>
      <c r="P342" s="544"/>
      <c r="Q342" s="544"/>
      <c r="R342" s="544"/>
      <c r="S342" s="544"/>
      <c r="T342" s="545"/>
      <c r="U342" s="221" t="s">
        <v>678</v>
      </c>
      <c r="V342" s="546" t="s">
        <v>107</v>
      </c>
      <c r="W342" s="547"/>
      <c r="X342" s="547"/>
      <c r="Y342" s="547"/>
      <c r="Z342" s="548"/>
      <c r="AA342" s="623" t="s">
        <v>108</v>
      </c>
      <c r="AB342" s="624"/>
      <c r="AC342" s="625"/>
      <c r="AD342" s="415">
        <v>3</v>
      </c>
      <c r="AE342" s="415">
        <v>0</v>
      </c>
      <c r="AF342" s="646"/>
      <c r="AG342" s="647"/>
      <c r="AH342" s="549"/>
      <c r="AI342" s="550"/>
      <c r="AJ342" s="551"/>
      <c r="AK342" s="118"/>
      <c r="AL342" s="38"/>
      <c r="AM342" s="54"/>
      <c r="AN342" s="1" t="str">
        <f t="shared" si="14"/>
        <v>■</v>
      </c>
    </row>
    <row r="343" spans="1:40" s="13" customFormat="1" ht="13.4" customHeight="1">
      <c r="A343" s="20" t="str">
        <f t="shared" si="13"/>
        <v>SI</v>
      </c>
      <c r="B343" s="20"/>
      <c r="C343" s="541">
        <v>38</v>
      </c>
      <c r="D343" s="542"/>
      <c r="E343" s="543" t="s">
        <v>679</v>
      </c>
      <c r="F343" s="544"/>
      <c r="G343" s="544"/>
      <c r="H343" s="544"/>
      <c r="I343" s="544"/>
      <c r="J343" s="544"/>
      <c r="K343" s="544"/>
      <c r="L343" s="544"/>
      <c r="M343" s="544"/>
      <c r="N343" s="544"/>
      <c r="O343" s="544"/>
      <c r="P343" s="544"/>
      <c r="Q343" s="544"/>
      <c r="R343" s="544"/>
      <c r="S343" s="544"/>
      <c r="T343" s="545"/>
      <c r="U343" s="221" t="s">
        <v>680</v>
      </c>
      <c r="V343" s="546" t="s">
        <v>107</v>
      </c>
      <c r="W343" s="547"/>
      <c r="X343" s="547"/>
      <c r="Y343" s="547"/>
      <c r="Z343" s="548"/>
      <c r="AA343" s="623" t="s">
        <v>108</v>
      </c>
      <c r="AB343" s="624"/>
      <c r="AC343" s="625"/>
      <c r="AD343" s="415">
        <v>3</v>
      </c>
      <c r="AE343" s="415">
        <v>0</v>
      </c>
      <c r="AF343" s="646"/>
      <c r="AG343" s="647"/>
      <c r="AH343" s="549"/>
      <c r="AI343" s="550"/>
      <c r="AJ343" s="551"/>
      <c r="AK343" s="118"/>
      <c r="AL343" s="38"/>
      <c r="AM343" s="54"/>
      <c r="AN343" s="1" t="str">
        <f t="shared" si="14"/>
        <v>■</v>
      </c>
    </row>
    <row r="344" spans="1:40" s="1" customFormat="1" ht="13.4" customHeight="1">
      <c r="A344" s="20" t="str">
        <f t="shared" si="13"/>
        <v>SI</v>
      </c>
      <c r="B344" s="20"/>
      <c r="C344" s="541">
        <v>39</v>
      </c>
      <c r="D344" s="542"/>
      <c r="E344" s="543" t="s">
        <v>681</v>
      </c>
      <c r="F344" s="544"/>
      <c r="G344" s="544"/>
      <c r="H344" s="544"/>
      <c r="I344" s="544"/>
      <c r="J344" s="544"/>
      <c r="K344" s="544"/>
      <c r="L344" s="544"/>
      <c r="M344" s="544"/>
      <c r="N344" s="544"/>
      <c r="O344" s="544"/>
      <c r="P344" s="544"/>
      <c r="Q344" s="544"/>
      <c r="R344" s="544"/>
      <c r="S344" s="544"/>
      <c r="T344" s="545"/>
      <c r="U344" s="221" t="s">
        <v>682</v>
      </c>
      <c r="V344" s="546" t="s">
        <v>107</v>
      </c>
      <c r="W344" s="547"/>
      <c r="X344" s="547"/>
      <c r="Y344" s="547"/>
      <c r="Z344" s="548"/>
      <c r="AA344" s="623" t="s">
        <v>108</v>
      </c>
      <c r="AB344" s="624"/>
      <c r="AC344" s="625"/>
      <c r="AD344" s="415">
        <v>3</v>
      </c>
      <c r="AE344" s="415">
        <v>0</v>
      </c>
      <c r="AF344" s="646"/>
      <c r="AG344" s="647"/>
      <c r="AH344" s="549"/>
      <c r="AI344" s="550"/>
      <c r="AJ344" s="551"/>
      <c r="AK344" s="332"/>
      <c r="AL344" s="48"/>
      <c r="AM344" s="26"/>
      <c r="AN344" s="1" t="str">
        <f t="shared" si="14"/>
        <v>■</v>
      </c>
    </row>
    <row r="345" spans="1:40" s="13" customFormat="1" ht="13.4" customHeight="1">
      <c r="A345" s="20" t="str">
        <f t="shared" si="13"/>
        <v>SI</v>
      </c>
      <c r="B345" s="20"/>
      <c r="C345" s="541">
        <v>40</v>
      </c>
      <c r="D345" s="542"/>
      <c r="E345" s="543" t="s">
        <v>683</v>
      </c>
      <c r="F345" s="544"/>
      <c r="G345" s="544"/>
      <c r="H345" s="544"/>
      <c r="I345" s="544"/>
      <c r="J345" s="544"/>
      <c r="K345" s="544"/>
      <c r="L345" s="544"/>
      <c r="M345" s="544"/>
      <c r="N345" s="544"/>
      <c r="O345" s="544"/>
      <c r="P345" s="544"/>
      <c r="Q345" s="544"/>
      <c r="R345" s="544"/>
      <c r="S345" s="544"/>
      <c r="T345" s="545"/>
      <c r="U345" s="221" t="s">
        <v>684</v>
      </c>
      <c r="V345" s="546" t="s">
        <v>107</v>
      </c>
      <c r="W345" s="547"/>
      <c r="X345" s="547"/>
      <c r="Y345" s="547"/>
      <c r="Z345" s="548"/>
      <c r="AA345" s="623" t="s">
        <v>108</v>
      </c>
      <c r="AB345" s="624"/>
      <c r="AC345" s="625"/>
      <c r="AD345" s="415">
        <v>3</v>
      </c>
      <c r="AE345" s="415">
        <v>0</v>
      </c>
      <c r="AF345" s="646"/>
      <c r="AG345" s="647"/>
      <c r="AH345" s="549"/>
      <c r="AI345" s="550"/>
      <c r="AJ345" s="551"/>
      <c r="AK345" s="118"/>
      <c r="AL345" s="48"/>
      <c r="AM345" s="54"/>
      <c r="AN345" s="1" t="str">
        <f t="shared" si="14"/>
        <v>■</v>
      </c>
    </row>
    <row r="346" spans="1:40" s="13" customFormat="1" ht="13.4" customHeight="1">
      <c r="A346" s="20" t="str">
        <f t="shared" si="13"/>
        <v>SI</v>
      </c>
      <c r="B346" s="20"/>
      <c r="C346" s="541">
        <v>41</v>
      </c>
      <c r="D346" s="542"/>
      <c r="E346" s="543" t="s">
        <v>685</v>
      </c>
      <c r="F346" s="544"/>
      <c r="G346" s="544"/>
      <c r="H346" s="544"/>
      <c r="I346" s="544"/>
      <c r="J346" s="544"/>
      <c r="K346" s="544"/>
      <c r="L346" s="544"/>
      <c r="M346" s="544"/>
      <c r="N346" s="544"/>
      <c r="O346" s="544"/>
      <c r="P346" s="544"/>
      <c r="Q346" s="544"/>
      <c r="R346" s="544"/>
      <c r="S346" s="544"/>
      <c r="T346" s="545"/>
      <c r="U346" s="221" t="s">
        <v>686</v>
      </c>
      <c r="V346" s="546" t="s">
        <v>107</v>
      </c>
      <c r="W346" s="547"/>
      <c r="X346" s="547"/>
      <c r="Y346" s="547"/>
      <c r="Z346" s="548"/>
      <c r="AA346" s="623" t="s">
        <v>108</v>
      </c>
      <c r="AB346" s="624"/>
      <c r="AC346" s="625"/>
      <c r="AD346" s="415">
        <v>3</v>
      </c>
      <c r="AE346" s="415">
        <v>0</v>
      </c>
      <c r="AF346" s="646"/>
      <c r="AG346" s="647"/>
      <c r="AH346" s="549"/>
      <c r="AI346" s="550"/>
      <c r="AJ346" s="551"/>
      <c r="AK346" s="118"/>
      <c r="AL346" s="48"/>
      <c r="AM346" s="54"/>
      <c r="AN346" s="1" t="str">
        <f t="shared" si="14"/>
        <v>■</v>
      </c>
    </row>
    <row r="347" spans="1:40" s="1" customFormat="1" ht="13.4" customHeight="1">
      <c r="A347" s="20" t="str">
        <f t="shared" si="13"/>
        <v>SI</v>
      </c>
      <c r="B347" s="20"/>
      <c r="C347" s="541">
        <v>42</v>
      </c>
      <c r="D347" s="542"/>
      <c r="E347" s="543" t="s">
        <v>687</v>
      </c>
      <c r="F347" s="544"/>
      <c r="G347" s="544"/>
      <c r="H347" s="544"/>
      <c r="I347" s="544"/>
      <c r="J347" s="544"/>
      <c r="K347" s="544"/>
      <c r="L347" s="544"/>
      <c r="M347" s="544"/>
      <c r="N347" s="544"/>
      <c r="O347" s="544"/>
      <c r="P347" s="544"/>
      <c r="Q347" s="544"/>
      <c r="R347" s="544"/>
      <c r="S347" s="544"/>
      <c r="T347" s="545"/>
      <c r="U347" s="221" t="s">
        <v>688</v>
      </c>
      <c r="V347" s="546" t="s">
        <v>107</v>
      </c>
      <c r="W347" s="547"/>
      <c r="X347" s="547"/>
      <c r="Y347" s="547"/>
      <c r="Z347" s="548"/>
      <c r="AA347" s="623" t="s">
        <v>108</v>
      </c>
      <c r="AB347" s="624"/>
      <c r="AC347" s="625"/>
      <c r="AD347" s="415">
        <v>3</v>
      </c>
      <c r="AE347" s="415">
        <v>0</v>
      </c>
      <c r="AF347" s="646"/>
      <c r="AG347" s="647"/>
      <c r="AH347" s="549"/>
      <c r="AI347" s="550"/>
      <c r="AJ347" s="551"/>
      <c r="AK347" s="332"/>
      <c r="AL347" s="48"/>
      <c r="AM347" s="26"/>
      <c r="AN347" s="1" t="str">
        <f t="shared" si="14"/>
        <v>■</v>
      </c>
    </row>
    <row r="348" spans="1:40" s="1" customFormat="1" ht="13.4" customHeight="1">
      <c r="A348" s="20" t="str">
        <f t="shared" si="13"/>
        <v>SI</v>
      </c>
      <c r="B348" s="20"/>
      <c r="C348" s="541">
        <v>43</v>
      </c>
      <c r="D348" s="542"/>
      <c r="E348" s="543" t="s">
        <v>689</v>
      </c>
      <c r="F348" s="544"/>
      <c r="G348" s="544"/>
      <c r="H348" s="544"/>
      <c r="I348" s="544"/>
      <c r="J348" s="544"/>
      <c r="K348" s="544"/>
      <c r="L348" s="544"/>
      <c r="M348" s="544"/>
      <c r="N348" s="544"/>
      <c r="O348" s="544"/>
      <c r="P348" s="544"/>
      <c r="Q348" s="544"/>
      <c r="R348" s="544"/>
      <c r="S348" s="544"/>
      <c r="T348" s="545"/>
      <c r="U348" s="229" t="s">
        <v>690</v>
      </c>
      <c r="V348" s="546" t="s">
        <v>107</v>
      </c>
      <c r="W348" s="547"/>
      <c r="X348" s="547"/>
      <c r="Y348" s="547"/>
      <c r="Z348" s="548"/>
      <c r="AA348" s="623" t="s">
        <v>102</v>
      </c>
      <c r="AB348" s="624"/>
      <c r="AC348" s="625"/>
      <c r="AD348" s="415">
        <v>2</v>
      </c>
      <c r="AE348" s="415" t="s">
        <v>103</v>
      </c>
      <c r="AF348" s="646"/>
      <c r="AG348" s="647"/>
      <c r="AH348" s="549"/>
      <c r="AI348" s="550"/>
      <c r="AJ348" s="551"/>
      <c r="AK348" s="332"/>
      <c r="AL348" s="48"/>
      <c r="AM348" s="26"/>
      <c r="AN348" s="1" t="str">
        <f t="shared" si="14"/>
        <v>■</v>
      </c>
    </row>
    <row r="349" spans="1:40" s="1" customFormat="1" ht="13.4" customHeight="1">
      <c r="A349" s="20" t="str">
        <f t="shared" si="13"/>
        <v>SI</v>
      </c>
      <c r="B349" s="20"/>
      <c r="C349" s="541">
        <v>44</v>
      </c>
      <c r="D349" s="542"/>
      <c r="E349" s="543" t="s">
        <v>1314</v>
      </c>
      <c r="F349" s="544"/>
      <c r="G349" s="544"/>
      <c r="H349" s="544"/>
      <c r="I349" s="544"/>
      <c r="J349" s="544"/>
      <c r="K349" s="544"/>
      <c r="L349" s="544"/>
      <c r="M349" s="544"/>
      <c r="N349" s="544"/>
      <c r="O349" s="544"/>
      <c r="P349" s="544"/>
      <c r="Q349" s="544"/>
      <c r="R349" s="544"/>
      <c r="S349" s="544"/>
      <c r="T349" s="545"/>
      <c r="U349" s="229" t="s">
        <v>692</v>
      </c>
      <c r="V349" s="546" t="s">
        <v>107</v>
      </c>
      <c r="W349" s="547"/>
      <c r="X349" s="547"/>
      <c r="Y349" s="547"/>
      <c r="Z349" s="548"/>
      <c r="AA349" s="623" t="s">
        <v>108</v>
      </c>
      <c r="AB349" s="624"/>
      <c r="AC349" s="625"/>
      <c r="AD349" s="415">
        <v>5</v>
      </c>
      <c r="AE349" s="415">
        <v>0</v>
      </c>
      <c r="AF349" s="646"/>
      <c r="AG349" s="647"/>
      <c r="AH349" s="549"/>
      <c r="AI349" s="550"/>
      <c r="AJ349" s="551"/>
      <c r="AK349" s="332"/>
      <c r="AL349" s="48"/>
      <c r="AM349" s="26"/>
      <c r="AN349" s="1" t="str">
        <f t="shared" si="14"/>
        <v>■</v>
      </c>
    </row>
    <row r="350" spans="1:40" s="1" customFormat="1" ht="13.4" customHeight="1">
      <c r="A350" s="20" t="str">
        <f t="shared" si="13"/>
        <v>SI</v>
      </c>
      <c r="B350" s="20"/>
      <c r="C350" s="541">
        <v>45</v>
      </c>
      <c r="D350" s="542"/>
      <c r="E350" s="543" t="s">
        <v>1315</v>
      </c>
      <c r="F350" s="544"/>
      <c r="G350" s="544"/>
      <c r="H350" s="544"/>
      <c r="I350" s="544"/>
      <c r="J350" s="544"/>
      <c r="K350" s="544"/>
      <c r="L350" s="544"/>
      <c r="M350" s="544"/>
      <c r="N350" s="544"/>
      <c r="O350" s="544"/>
      <c r="P350" s="544"/>
      <c r="Q350" s="544"/>
      <c r="R350" s="544"/>
      <c r="S350" s="544"/>
      <c r="T350" s="545"/>
      <c r="U350" s="229" t="s">
        <v>694</v>
      </c>
      <c r="V350" s="546" t="s">
        <v>107</v>
      </c>
      <c r="W350" s="547"/>
      <c r="X350" s="547"/>
      <c r="Y350" s="547"/>
      <c r="Z350" s="548"/>
      <c r="AA350" s="623" t="s">
        <v>108</v>
      </c>
      <c r="AB350" s="624"/>
      <c r="AC350" s="625"/>
      <c r="AD350" s="415">
        <v>5</v>
      </c>
      <c r="AE350" s="415">
        <v>0</v>
      </c>
      <c r="AF350" s="646"/>
      <c r="AG350" s="647"/>
      <c r="AH350" s="549"/>
      <c r="AI350" s="550"/>
      <c r="AJ350" s="551"/>
      <c r="AK350" s="332"/>
      <c r="AL350" s="48"/>
      <c r="AM350" s="26"/>
      <c r="AN350" s="1" t="str">
        <f t="shared" si="14"/>
        <v>■</v>
      </c>
    </row>
    <row r="351" spans="1:40" s="1" customFormat="1" ht="13.4" customHeight="1">
      <c r="A351" s="20" t="str">
        <f t="shared" si="13"/>
        <v>SI</v>
      </c>
      <c r="B351" s="20"/>
      <c r="C351" s="541">
        <v>46</v>
      </c>
      <c r="D351" s="542"/>
      <c r="E351" s="543" t="s">
        <v>1316</v>
      </c>
      <c r="F351" s="544"/>
      <c r="G351" s="544"/>
      <c r="H351" s="544"/>
      <c r="I351" s="544"/>
      <c r="J351" s="544"/>
      <c r="K351" s="544"/>
      <c r="L351" s="544"/>
      <c r="M351" s="544"/>
      <c r="N351" s="544"/>
      <c r="O351" s="544"/>
      <c r="P351" s="544"/>
      <c r="Q351" s="544"/>
      <c r="R351" s="544"/>
      <c r="S351" s="544"/>
      <c r="T351" s="545"/>
      <c r="U351" s="229" t="s">
        <v>696</v>
      </c>
      <c r="V351" s="546" t="s">
        <v>107</v>
      </c>
      <c r="W351" s="547"/>
      <c r="X351" s="547"/>
      <c r="Y351" s="547"/>
      <c r="Z351" s="548"/>
      <c r="AA351" s="623" t="s">
        <v>108</v>
      </c>
      <c r="AB351" s="624"/>
      <c r="AC351" s="625"/>
      <c r="AD351" s="415">
        <v>7</v>
      </c>
      <c r="AE351" s="415">
        <v>0</v>
      </c>
      <c r="AF351" s="646"/>
      <c r="AG351" s="647"/>
      <c r="AH351" s="549"/>
      <c r="AI351" s="550"/>
      <c r="AJ351" s="551"/>
      <c r="AK351" s="332" t="s">
        <v>697</v>
      </c>
      <c r="AL351" s="48"/>
      <c r="AM351" s="26"/>
      <c r="AN351" s="1" t="str">
        <f t="shared" si="14"/>
        <v>■</v>
      </c>
    </row>
    <row r="352" spans="1:40" s="1" customFormat="1" ht="13.4" customHeight="1">
      <c r="A352" s="20" t="str">
        <f t="shared" si="13"/>
        <v>SI</v>
      </c>
      <c r="B352" s="20"/>
      <c r="C352" s="541">
        <v>47</v>
      </c>
      <c r="D352" s="542"/>
      <c r="E352" s="543" t="s">
        <v>1317</v>
      </c>
      <c r="F352" s="544"/>
      <c r="G352" s="544"/>
      <c r="H352" s="544"/>
      <c r="I352" s="544"/>
      <c r="J352" s="544"/>
      <c r="K352" s="544"/>
      <c r="L352" s="544"/>
      <c r="M352" s="544"/>
      <c r="N352" s="544"/>
      <c r="O352" s="544"/>
      <c r="P352" s="544"/>
      <c r="Q352" s="544"/>
      <c r="R352" s="544"/>
      <c r="S352" s="544"/>
      <c r="T352" s="545"/>
      <c r="U352" s="229" t="s">
        <v>699</v>
      </c>
      <c r="V352" s="546" t="s">
        <v>101</v>
      </c>
      <c r="W352" s="547"/>
      <c r="X352" s="547"/>
      <c r="Y352" s="547"/>
      <c r="Z352" s="548"/>
      <c r="AA352" s="623" t="s">
        <v>102</v>
      </c>
      <c r="AB352" s="624"/>
      <c r="AC352" s="625"/>
      <c r="AD352" s="415">
        <v>6</v>
      </c>
      <c r="AE352" s="415" t="s">
        <v>103</v>
      </c>
      <c r="AF352" s="646"/>
      <c r="AG352" s="647"/>
      <c r="AH352" s="549"/>
      <c r="AI352" s="550"/>
      <c r="AJ352" s="551"/>
      <c r="AK352" s="332" t="s">
        <v>697</v>
      </c>
      <c r="AL352" s="48"/>
      <c r="AM352" s="26"/>
      <c r="AN352" s="1" t="str">
        <f t="shared" si="14"/>
        <v>■</v>
      </c>
    </row>
    <row r="353" spans="1:40" s="1" customFormat="1" ht="13.4" customHeight="1">
      <c r="A353" s="20" t="str">
        <f t="shared" si="13"/>
        <v>SI</v>
      </c>
      <c r="B353" s="20"/>
      <c r="C353" s="541">
        <v>48</v>
      </c>
      <c r="D353" s="542"/>
      <c r="E353" s="543" t="s">
        <v>1311</v>
      </c>
      <c r="F353" s="544"/>
      <c r="G353" s="544"/>
      <c r="H353" s="544"/>
      <c r="I353" s="544"/>
      <c r="J353" s="544"/>
      <c r="K353" s="544"/>
      <c r="L353" s="544"/>
      <c r="M353" s="544"/>
      <c r="N353" s="544"/>
      <c r="O353" s="544"/>
      <c r="P353" s="544"/>
      <c r="Q353" s="544"/>
      <c r="R353" s="544"/>
      <c r="S353" s="544"/>
      <c r="T353" s="545"/>
      <c r="U353" s="229" t="s">
        <v>701</v>
      </c>
      <c r="V353" s="546" t="s">
        <v>107</v>
      </c>
      <c r="W353" s="547"/>
      <c r="X353" s="547"/>
      <c r="Y353" s="547"/>
      <c r="Z353" s="548"/>
      <c r="AA353" s="623" t="s">
        <v>108</v>
      </c>
      <c r="AB353" s="624"/>
      <c r="AC353" s="625"/>
      <c r="AD353" s="415">
        <v>3</v>
      </c>
      <c r="AE353" s="415">
        <v>0</v>
      </c>
      <c r="AF353" s="646"/>
      <c r="AG353" s="647"/>
      <c r="AH353" s="549"/>
      <c r="AI353" s="550"/>
      <c r="AJ353" s="551"/>
      <c r="AK353" s="332"/>
      <c r="AL353" s="48"/>
      <c r="AM353" s="26"/>
      <c r="AN353" s="1" t="str">
        <f t="shared" si="14"/>
        <v>■</v>
      </c>
    </row>
    <row r="354" spans="1:40" s="1" customFormat="1" ht="13.4" customHeight="1">
      <c r="A354" s="20" t="str">
        <f t="shared" si="13"/>
        <v>SI</v>
      </c>
      <c r="B354" s="20"/>
      <c r="C354" s="541">
        <v>49</v>
      </c>
      <c r="D354" s="542"/>
      <c r="E354" s="543" t="s">
        <v>1312</v>
      </c>
      <c r="F354" s="544"/>
      <c r="G354" s="544"/>
      <c r="H354" s="544"/>
      <c r="I354" s="544"/>
      <c r="J354" s="544"/>
      <c r="K354" s="544"/>
      <c r="L354" s="544"/>
      <c r="M354" s="544"/>
      <c r="N354" s="544"/>
      <c r="O354" s="544"/>
      <c r="P354" s="544"/>
      <c r="Q354" s="544"/>
      <c r="R354" s="544"/>
      <c r="S354" s="544"/>
      <c r="T354" s="545"/>
      <c r="U354" s="229" t="s">
        <v>703</v>
      </c>
      <c r="V354" s="546" t="s">
        <v>101</v>
      </c>
      <c r="W354" s="547"/>
      <c r="X354" s="547"/>
      <c r="Y354" s="547"/>
      <c r="Z354" s="548"/>
      <c r="AA354" s="623" t="s">
        <v>102</v>
      </c>
      <c r="AB354" s="624"/>
      <c r="AC354" s="625"/>
      <c r="AD354" s="415">
        <v>6</v>
      </c>
      <c r="AE354" s="415" t="s">
        <v>103</v>
      </c>
      <c r="AF354" s="646"/>
      <c r="AG354" s="647"/>
      <c r="AH354" s="549"/>
      <c r="AI354" s="550"/>
      <c r="AJ354" s="551"/>
      <c r="AK354" s="332"/>
      <c r="AL354" s="29"/>
      <c r="AM354" s="26"/>
      <c r="AN354" s="1" t="str">
        <f t="shared" si="14"/>
        <v>■</v>
      </c>
    </row>
    <row r="355" spans="1:40" s="1" customFormat="1" ht="13.4" customHeight="1">
      <c r="A355" s="20" t="str">
        <f t="shared" si="13"/>
        <v>SI</v>
      </c>
      <c r="B355" s="20"/>
      <c r="C355" s="541">
        <v>50</v>
      </c>
      <c r="D355" s="542"/>
      <c r="E355" s="543" t="s">
        <v>409</v>
      </c>
      <c r="F355" s="544"/>
      <c r="G355" s="544"/>
      <c r="H355" s="544"/>
      <c r="I355" s="544"/>
      <c r="J355" s="544"/>
      <c r="K355" s="544"/>
      <c r="L355" s="544"/>
      <c r="M355" s="544"/>
      <c r="N355" s="544"/>
      <c r="O355" s="544"/>
      <c r="P355" s="544"/>
      <c r="Q355" s="544"/>
      <c r="R355" s="544"/>
      <c r="S355" s="544"/>
      <c r="T355" s="545"/>
      <c r="U355" s="229" t="s">
        <v>453</v>
      </c>
      <c r="V355" s="546" t="s">
        <v>107</v>
      </c>
      <c r="W355" s="547"/>
      <c r="X355" s="547"/>
      <c r="Y355" s="547"/>
      <c r="Z355" s="548"/>
      <c r="AA355" s="623" t="s">
        <v>102</v>
      </c>
      <c r="AB355" s="624"/>
      <c r="AC355" s="625"/>
      <c r="AD355" s="415">
        <v>6</v>
      </c>
      <c r="AE355" s="415" t="s">
        <v>103</v>
      </c>
      <c r="AF355" s="646"/>
      <c r="AG355" s="647"/>
      <c r="AH355" s="549"/>
      <c r="AI355" s="550"/>
      <c r="AJ355" s="551"/>
      <c r="AK355" s="332"/>
      <c r="AL355" s="48"/>
      <c r="AM355" s="26"/>
      <c r="AN355" s="1" t="str">
        <f t="shared" si="14"/>
        <v>■</v>
      </c>
    </row>
    <row r="356" spans="1:40" s="1" customFormat="1" ht="13.4" customHeight="1">
      <c r="A356" s="20" t="str">
        <f t="shared" si="13"/>
        <v>SI</v>
      </c>
      <c r="B356" s="20"/>
      <c r="C356" s="541">
        <v>51</v>
      </c>
      <c r="D356" s="542"/>
      <c r="E356" s="543" t="s">
        <v>411</v>
      </c>
      <c r="F356" s="544"/>
      <c r="G356" s="544"/>
      <c r="H356" s="544"/>
      <c r="I356" s="544"/>
      <c r="J356" s="544"/>
      <c r="K356" s="544"/>
      <c r="L356" s="544"/>
      <c r="M356" s="544"/>
      <c r="N356" s="544"/>
      <c r="O356" s="544"/>
      <c r="P356" s="544"/>
      <c r="Q356" s="544"/>
      <c r="R356" s="544"/>
      <c r="S356" s="544"/>
      <c r="T356" s="545"/>
      <c r="U356" s="229" t="s">
        <v>516</v>
      </c>
      <c r="V356" s="546" t="s">
        <v>107</v>
      </c>
      <c r="W356" s="547"/>
      <c r="X356" s="547"/>
      <c r="Y356" s="547"/>
      <c r="Z356" s="548"/>
      <c r="AA356" s="623" t="s">
        <v>102</v>
      </c>
      <c r="AB356" s="624"/>
      <c r="AC356" s="625"/>
      <c r="AD356" s="415">
        <v>6</v>
      </c>
      <c r="AE356" s="415" t="s">
        <v>103</v>
      </c>
      <c r="AF356" s="646"/>
      <c r="AG356" s="647"/>
      <c r="AH356" s="549"/>
      <c r="AI356" s="550"/>
      <c r="AJ356" s="551"/>
      <c r="AK356" s="332"/>
      <c r="AL356" s="48"/>
      <c r="AM356" s="26"/>
      <c r="AN356" s="1" t="str">
        <f t="shared" si="14"/>
        <v>■</v>
      </c>
    </row>
    <row r="357" spans="1:40" ht="13.4" customHeight="1">
      <c r="A357" s="20" t="str">
        <f t="shared" si="13"/>
        <v>SI</v>
      </c>
      <c r="B357" s="25"/>
      <c r="N357" s="50"/>
      <c r="V357" s="238"/>
      <c r="W357" s="238"/>
      <c r="X357" s="238"/>
      <c r="Y357" s="238"/>
      <c r="Z357" s="238"/>
      <c r="AA357" s="629"/>
      <c r="AB357" s="629"/>
      <c r="AC357" s="629"/>
      <c r="AF357" s="238"/>
      <c r="AG357" s="238"/>
      <c r="AH357" s="238"/>
      <c r="AI357" s="238"/>
      <c r="AJ357" s="238"/>
      <c r="AK357" s="55"/>
      <c r="AL357" s="48"/>
      <c r="AM357" s="16"/>
    </row>
    <row r="358" spans="1:40" s="1" customFormat="1" ht="13.4" customHeight="1">
      <c r="A358" s="20" t="str">
        <f t="shared" si="13"/>
        <v>IY</v>
      </c>
      <c r="B358" s="20"/>
      <c r="C358" s="52" t="s">
        <v>380</v>
      </c>
      <c r="D358" s="53"/>
      <c r="E358" s="26"/>
      <c r="F358" s="26"/>
      <c r="G358" s="26"/>
      <c r="H358" s="26"/>
      <c r="I358" s="26"/>
      <c r="J358" s="26" t="s">
        <v>704</v>
      </c>
      <c r="K358" s="71"/>
      <c r="L358" s="26"/>
      <c r="M358" s="71"/>
      <c r="N358" s="26"/>
      <c r="O358" s="26"/>
      <c r="P358" s="26"/>
      <c r="Q358" s="26"/>
      <c r="R358" s="26"/>
      <c r="S358" s="26"/>
      <c r="T358" s="26"/>
      <c r="U358" s="26" t="s">
        <v>1318</v>
      </c>
      <c r="V358" s="122"/>
      <c r="W358" s="122"/>
      <c r="X358" s="122"/>
      <c r="Y358" s="122"/>
      <c r="Z358" s="122"/>
      <c r="AA358" s="630"/>
      <c r="AB358" s="630"/>
      <c r="AC358" s="630"/>
      <c r="AD358" s="122"/>
      <c r="AE358" s="122"/>
      <c r="AF358" s="122"/>
      <c r="AG358" s="122"/>
      <c r="AH358" s="122"/>
      <c r="AI358" s="122"/>
      <c r="AJ358" s="122"/>
      <c r="AK358" s="26"/>
      <c r="AL358" s="48"/>
      <c r="AM358" s="26"/>
    </row>
    <row r="359" spans="1:40" s="1" customFormat="1" ht="13.5" customHeight="1">
      <c r="A359" s="20" t="str">
        <f t="shared" si="13"/>
        <v>IY</v>
      </c>
      <c r="B359" s="20"/>
      <c r="C359" s="583" t="s">
        <v>73</v>
      </c>
      <c r="D359" s="573"/>
      <c r="E359" s="583" t="s">
        <v>94</v>
      </c>
      <c r="F359" s="583"/>
      <c r="G359" s="583"/>
      <c r="H359" s="583"/>
      <c r="I359" s="583"/>
      <c r="J359" s="583"/>
      <c r="K359" s="583"/>
      <c r="L359" s="583"/>
      <c r="M359" s="583"/>
      <c r="N359" s="583"/>
      <c r="O359" s="583"/>
      <c r="P359" s="583"/>
      <c r="Q359" s="583"/>
      <c r="R359" s="583"/>
      <c r="S359" s="583"/>
      <c r="T359" s="583"/>
      <c r="U359" s="226" t="s">
        <v>383</v>
      </c>
      <c r="V359" s="572" t="s">
        <v>138</v>
      </c>
      <c r="W359" s="572"/>
      <c r="X359" s="572"/>
      <c r="Y359" s="572"/>
      <c r="Z359" s="572"/>
      <c r="AA359" s="652" t="s">
        <v>959</v>
      </c>
      <c r="AB359" s="653"/>
      <c r="AC359" s="654"/>
      <c r="AD359" s="572" t="s">
        <v>97</v>
      </c>
      <c r="AE359" s="572"/>
      <c r="AF359" s="572" t="s">
        <v>98</v>
      </c>
      <c r="AG359" s="572"/>
      <c r="AH359" s="583" t="s">
        <v>75</v>
      </c>
      <c r="AI359" s="583"/>
      <c r="AJ359" s="583"/>
      <c r="AK359" s="572" t="s">
        <v>159</v>
      </c>
      <c r="AL359" s="48"/>
      <c r="AM359" s="26"/>
    </row>
    <row r="360" spans="1:40" s="1" customFormat="1" ht="13.4" customHeight="1">
      <c r="A360" s="20" t="str">
        <f t="shared" si="13"/>
        <v>IY</v>
      </c>
      <c r="B360" s="20"/>
      <c r="C360" s="573"/>
      <c r="D360" s="573"/>
      <c r="E360" s="583"/>
      <c r="F360" s="583"/>
      <c r="G360" s="583"/>
      <c r="H360" s="583"/>
      <c r="I360" s="583"/>
      <c r="J360" s="583"/>
      <c r="K360" s="583"/>
      <c r="L360" s="583"/>
      <c r="M360" s="583"/>
      <c r="N360" s="583"/>
      <c r="O360" s="583"/>
      <c r="P360" s="583"/>
      <c r="Q360" s="583"/>
      <c r="R360" s="583"/>
      <c r="S360" s="583"/>
      <c r="T360" s="583"/>
      <c r="U360" s="227"/>
      <c r="V360" s="572"/>
      <c r="W360" s="572"/>
      <c r="X360" s="572"/>
      <c r="Y360" s="572"/>
      <c r="Z360" s="572"/>
      <c r="AA360" s="655"/>
      <c r="AB360" s="656"/>
      <c r="AC360" s="657"/>
      <c r="AD360" s="572"/>
      <c r="AE360" s="572"/>
      <c r="AF360" s="572"/>
      <c r="AG360" s="572"/>
      <c r="AH360" s="583"/>
      <c r="AI360" s="583"/>
      <c r="AJ360" s="583"/>
      <c r="AK360" s="572"/>
      <c r="AL360" s="38"/>
      <c r="AM360" s="26"/>
    </row>
    <row r="361" spans="1:40" s="1" customFormat="1" ht="13.4" customHeight="1">
      <c r="A361" s="20" t="str">
        <f t="shared" si="13"/>
        <v>IY</v>
      </c>
      <c r="B361" s="20"/>
      <c r="C361" s="541">
        <v>1</v>
      </c>
      <c r="D361" s="542"/>
      <c r="E361" s="563" t="s">
        <v>440</v>
      </c>
      <c r="F361" s="564"/>
      <c r="G361" s="564"/>
      <c r="H361" s="564"/>
      <c r="I361" s="564"/>
      <c r="J361" s="564"/>
      <c r="K361" s="564"/>
      <c r="L361" s="564"/>
      <c r="M361" s="564"/>
      <c r="N361" s="564"/>
      <c r="O361" s="564"/>
      <c r="P361" s="564"/>
      <c r="Q361" s="564"/>
      <c r="R361" s="564"/>
      <c r="S361" s="564"/>
      <c r="T361" s="565"/>
      <c r="U361" s="219" t="s">
        <v>441</v>
      </c>
      <c r="V361" s="546" t="s">
        <v>101</v>
      </c>
      <c r="W361" s="547"/>
      <c r="X361" s="547"/>
      <c r="Y361" s="547"/>
      <c r="Z361" s="548"/>
      <c r="AA361" s="623" t="s">
        <v>102</v>
      </c>
      <c r="AB361" s="624"/>
      <c r="AC361" s="625"/>
      <c r="AD361" s="415">
        <v>10</v>
      </c>
      <c r="AE361" s="415" t="s">
        <v>103</v>
      </c>
      <c r="AF361" s="646"/>
      <c r="AG361" s="647"/>
      <c r="AH361" s="549"/>
      <c r="AI361" s="550"/>
      <c r="AJ361" s="551"/>
      <c r="AK361" s="332"/>
      <c r="AL361" s="38"/>
      <c r="AM361" s="26"/>
      <c r="AN361" s="1" t="str">
        <f>$P$20</f>
        <v>■</v>
      </c>
    </row>
    <row r="362" spans="1:40" s="1" customFormat="1" ht="13.4" customHeight="1">
      <c r="A362" s="20" t="str">
        <f t="shared" si="13"/>
        <v>IY</v>
      </c>
      <c r="B362" s="20"/>
      <c r="C362" s="541">
        <v>2</v>
      </c>
      <c r="D362" s="542"/>
      <c r="E362" s="563" t="s">
        <v>442</v>
      </c>
      <c r="F362" s="564"/>
      <c r="G362" s="564"/>
      <c r="H362" s="564"/>
      <c r="I362" s="564"/>
      <c r="J362" s="564"/>
      <c r="K362" s="564"/>
      <c r="L362" s="564"/>
      <c r="M362" s="564"/>
      <c r="N362" s="564"/>
      <c r="O362" s="564"/>
      <c r="P362" s="564"/>
      <c r="Q362" s="564"/>
      <c r="R362" s="564"/>
      <c r="S362" s="564"/>
      <c r="T362" s="565"/>
      <c r="U362" s="219" t="s">
        <v>443</v>
      </c>
      <c r="V362" s="546" t="s">
        <v>101</v>
      </c>
      <c r="W362" s="547"/>
      <c r="X362" s="547"/>
      <c r="Y362" s="547"/>
      <c r="Z362" s="548"/>
      <c r="AA362" s="623" t="s">
        <v>102</v>
      </c>
      <c r="AB362" s="624"/>
      <c r="AC362" s="625"/>
      <c r="AD362" s="415">
        <v>51</v>
      </c>
      <c r="AE362" s="415" t="s">
        <v>103</v>
      </c>
      <c r="AF362" s="646"/>
      <c r="AG362" s="647"/>
      <c r="AH362" s="549"/>
      <c r="AI362" s="550"/>
      <c r="AJ362" s="551"/>
      <c r="AK362" s="332"/>
      <c r="AL362" s="48"/>
      <c r="AM362" s="26"/>
      <c r="AN362" s="1" t="str">
        <f t="shared" ref="AN362:AN412" si="15">$P$20</f>
        <v>■</v>
      </c>
    </row>
    <row r="363" spans="1:40" s="13" customFormat="1" ht="13.4" customHeight="1">
      <c r="A363" s="20" t="str">
        <f t="shared" si="13"/>
        <v>IY</v>
      </c>
      <c r="B363" s="20"/>
      <c r="C363" s="552">
        <v>3</v>
      </c>
      <c r="D363" s="553"/>
      <c r="E363" s="566" t="s">
        <v>106</v>
      </c>
      <c r="F363" s="567"/>
      <c r="G363" s="567"/>
      <c r="H363" s="567"/>
      <c r="I363" s="567"/>
      <c r="J363" s="567"/>
      <c r="K363" s="567"/>
      <c r="L363" s="567"/>
      <c r="M363" s="567"/>
      <c r="N363" s="567"/>
      <c r="O363" s="567"/>
      <c r="P363" s="567"/>
      <c r="Q363" s="567"/>
      <c r="R363" s="567"/>
      <c r="S363" s="567"/>
      <c r="T363" s="568"/>
      <c r="U363" s="230" t="s">
        <v>444</v>
      </c>
      <c r="V363" s="557" t="s">
        <v>107</v>
      </c>
      <c r="W363" s="558"/>
      <c r="X363" s="558"/>
      <c r="Y363" s="558"/>
      <c r="Z363" s="559"/>
      <c r="AA363" s="626" t="s">
        <v>108</v>
      </c>
      <c r="AB363" s="627"/>
      <c r="AC363" s="628"/>
      <c r="AD363" s="419">
        <v>1</v>
      </c>
      <c r="AE363" s="419">
        <v>0</v>
      </c>
      <c r="AF363" s="648" t="s">
        <v>109</v>
      </c>
      <c r="AG363" s="649"/>
      <c r="AH363" s="560"/>
      <c r="AI363" s="561"/>
      <c r="AJ363" s="562"/>
      <c r="AK363" s="333" t="s">
        <v>416</v>
      </c>
      <c r="AL363" s="38"/>
      <c r="AM363" s="54"/>
      <c r="AN363" s="1" t="str">
        <f t="shared" si="15"/>
        <v>■</v>
      </c>
    </row>
    <row r="364" spans="1:40" s="13" customFormat="1" ht="13.4" customHeight="1">
      <c r="A364" s="20" t="str">
        <f t="shared" ref="A364:A427" si="16">IF(LEN(J364)&gt;0,MID(J364,FIND("（",J364,1)+1,2),A363)</f>
        <v>IY</v>
      </c>
      <c r="B364" s="20"/>
      <c r="C364" s="541">
        <v>4</v>
      </c>
      <c r="D364" s="542"/>
      <c r="E364" s="563" t="s">
        <v>110</v>
      </c>
      <c r="F364" s="564"/>
      <c r="G364" s="564"/>
      <c r="H364" s="564"/>
      <c r="I364" s="564"/>
      <c r="J364" s="564"/>
      <c r="K364" s="564"/>
      <c r="L364" s="564"/>
      <c r="M364" s="564"/>
      <c r="N364" s="564"/>
      <c r="O364" s="564"/>
      <c r="P364" s="564"/>
      <c r="Q364" s="564"/>
      <c r="R364" s="564"/>
      <c r="S364" s="564"/>
      <c r="T364" s="565"/>
      <c r="U364" s="229" t="s">
        <v>445</v>
      </c>
      <c r="V364" s="546" t="s">
        <v>107</v>
      </c>
      <c r="W364" s="547"/>
      <c r="X364" s="547"/>
      <c r="Y364" s="547"/>
      <c r="Z364" s="548"/>
      <c r="AA364" s="623" t="s">
        <v>108</v>
      </c>
      <c r="AB364" s="624"/>
      <c r="AC364" s="625"/>
      <c r="AD364" s="415">
        <v>1</v>
      </c>
      <c r="AE364" s="415">
        <v>0</v>
      </c>
      <c r="AF364" s="646"/>
      <c r="AG364" s="647"/>
      <c r="AH364" s="549"/>
      <c r="AI364" s="550"/>
      <c r="AJ364" s="551"/>
      <c r="AK364" s="332"/>
      <c r="AL364" s="38"/>
      <c r="AM364" s="54"/>
      <c r="AN364" s="1" t="str">
        <f t="shared" si="15"/>
        <v>■</v>
      </c>
    </row>
    <row r="365" spans="1:40" s="1" customFormat="1" ht="13.4" customHeight="1">
      <c r="A365" s="20" t="str">
        <f t="shared" si="16"/>
        <v>IY</v>
      </c>
      <c r="B365" s="20"/>
      <c r="C365" s="541">
        <v>5</v>
      </c>
      <c r="D365" s="542"/>
      <c r="E365" s="543" t="s">
        <v>80</v>
      </c>
      <c r="F365" s="544"/>
      <c r="G365" s="544"/>
      <c r="H365" s="544"/>
      <c r="I365" s="544"/>
      <c r="J365" s="544"/>
      <c r="K365" s="544"/>
      <c r="L365" s="544"/>
      <c r="M365" s="544"/>
      <c r="N365" s="544"/>
      <c r="O365" s="544"/>
      <c r="P365" s="544"/>
      <c r="Q365" s="544"/>
      <c r="R365" s="544"/>
      <c r="S365" s="544"/>
      <c r="T365" s="545"/>
      <c r="U365" s="229" t="s">
        <v>446</v>
      </c>
      <c r="V365" s="546" t="s">
        <v>101</v>
      </c>
      <c r="W365" s="547"/>
      <c r="X365" s="547"/>
      <c r="Y365" s="547"/>
      <c r="Z365" s="548"/>
      <c r="AA365" s="623" t="s">
        <v>102</v>
      </c>
      <c r="AB365" s="624"/>
      <c r="AC365" s="625"/>
      <c r="AD365" s="415">
        <v>2</v>
      </c>
      <c r="AE365" s="415" t="s">
        <v>103</v>
      </c>
      <c r="AF365" s="646"/>
      <c r="AG365" s="647"/>
      <c r="AH365" s="549"/>
      <c r="AI365" s="550"/>
      <c r="AJ365" s="551"/>
      <c r="AK365" s="332"/>
      <c r="AL365" s="48"/>
      <c r="AM365" s="26"/>
      <c r="AN365" s="1" t="str">
        <f t="shared" si="15"/>
        <v>■</v>
      </c>
    </row>
    <row r="366" spans="1:40" s="13" customFormat="1" ht="13.4" customHeight="1">
      <c r="A366" s="20" t="str">
        <f t="shared" si="16"/>
        <v>IY</v>
      </c>
      <c r="B366" s="20"/>
      <c r="C366" s="541">
        <v>6</v>
      </c>
      <c r="D366" s="542"/>
      <c r="E366" s="670" t="s">
        <v>172</v>
      </c>
      <c r="F366" s="671"/>
      <c r="G366" s="671"/>
      <c r="H366" s="671"/>
      <c r="I366" s="671"/>
      <c r="J366" s="671"/>
      <c r="K366" s="671"/>
      <c r="L366" s="671"/>
      <c r="M366" s="671"/>
      <c r="N366" s="671"/>
      <c r="O366" s="671"/>
      <c r="P366" s="671"/>
      <c r="Q366" s="671"/>
      <c r="R366" s="671"/>
      <c r="S366" s="671"/>
      <c r="T366" s="672"/>
      <c r="U366" s="229" t="s">
        <v>605</v>
      </c>
      <c r="V366" s="546" t="s">
        <v>107</v>
      </c>
      <c r="W366" s="547"/>
      <c r="X366" s="547"/>
      <c r="Y366" s="547"/>
      <c r="Z366" s="548"/>
      <c r="AA366" s="623" t="s">
        <v>102</v>
      </c>
      <c r="AB366" s="624"/>
      <c r="AC366" s="625"/>
      <c r="AD366" s="415">
        <v>2</v>
      </c>
      <c r="AE366" s="415" t="s">
        <v>103</v>
      </c>
      <c r="AF366" s="646"/>
      <c r="AG366" s="647"/>
      <c r="AH366" s="549"/>
      <c r="AI366" s="550"/>
      <c r="AJ366" s="551"/>
      <c r="AK366" s="118"/>
      <c r="AL366" s="48"/>
      <c r="AM366" s="54"/>
      <c r="AN366" s="1" t="str">
        <f t="shared" si="15"/>
        <v>■</v>
      </c>
    </row>
    <row r="367" spans="1:40" s="13" customFormat="1" ht="13.4" customHeight="1">
      <c r="A367" s="20" t="str">
        <f t="shared" si="16"/>
        <v>IY</v>
      </c>
      <c r="B367" s="20"/>
      <c r="C367" s="541">
        <v>7</v>
      </c>
      <c r="D367" s="542"/>
      <c r="E367" s="543" t="s">
        <v>606</v>
      </c>
      <c r="F367" s="544"/>
      <c r="G367" s="544"/>
      <c r="H367" s="544"/>
      <c r="I367" s="544"/>
      <c r="J367" s="544"/>
      <c r="K367" s="544"/>
      <c r="L367" s="544"/>
      <c r="M367" s="544"/>
      <c r="N367" s="544"/>
      <c r="O367" s="544"/>
      <c r="P367" s="544"/>
      <c r="Q367" s="544"/>
      <c r="R367" s="544"/>
      <c r="S367" s="544"/>
      <c r="T367" s="545"/>
      <c r="U367" s="229" t="s">
        <v>607</v>
      </c>
      <c r="V367" s="546" t="s">
        <v>101</v>
      </c>
      <c r="W367" s="547"/>
      <c r="X367" s="547"/>
      <c r="Y367" s="547"/>
      <c r="Z367" s="548"/>
      <c r="AA367" s="623" t="s">
        <v>102</v>
      </c>
      <c r="AB367" s="624"/>
      <c r="AC367" s="625"/>
      <c r="AD367" s="415">
        <v>1</v>
      </c>
      <c r="AE367" s="415" t="s">
        <v>103</v>
      </c>
      <c r="AF367" s="646"/>
      <c r="AG367" s="647"/>
      <c r="AH367" s="549"/>
      <c r="AI367" s="550"/>
      <c r="AJ367" s="551"/>
      <c r="AK367" s="118"/>
      <c r="AL367" s="48"/>
      <c r="AM367" s="54"/>
      <c r="AN367" s="1" t="str">
        <f t="shared" si="15"/>
        <v>■</v>
      </c>
    </row>
    <row r="368" spans="1:40" s="1" customFormat="1" ht="13.4" customHeight="1">
      <c r="A368" s="20" t="str">
        <f t="shared" si="16"/>
        <v>IY</v>
      </c>
      <c r="B368" s="20"/>
      <c r="C368" s="541">
        <v>8</v>
      </c>
      <c r="D368" s="542"/>
      <c r="E368" s="543" t="s">
        <v>706</v>
      </c>
      <c r="F368" s="544"/>
      <c r="G368" s="544"/>
      <c r="H368" s="544"/>
      <c r="I368" s="544"/>
      <c r="J368" s="544"/>
      <c r="K368" s="544"/>
      <c r="L368" s="544"/>
      <c r="M368" s="544"/>
      <c r="N368" s="544"/>
      <c r="O368" s="544"/>
      <c r="P368" s="544"/>
      <c r="Q368" s="544"/>
      <c r="R368" s="544"/>
      <c r="S368" s="544"/>
      <c r="T368" s="545"/>
      <c r="U368" s="229" t="s">
        <v>707</v>
      </c>
      <c r="V368" s="546" t="s">
        <v>107</v>
      </c>
      <c r="W368" s="547"/>
      <c r="X368" s="547"/>
      <c r="Y368" s="547"/>
      <c r="Z368" s="548"/>
      <c r="AA368" s="623" t="s">
        <v>102</v>
      </c>
      <c r="AB368" s="624"/>
      <c r="AC368" s="625"/>
      <c r="AD368" s="415">
        <v>9</v>
      </c>
      <c r="AE368" s="415" t="s">
        <v>103</v>
      </c>
      <c r="AF368" s="646"/>
      <c r="AG368" s="647"/>
      <c r="AH368" s="549"/>
      <c r="AI368" s="550"/>
      <c r="AJ368" s="551"/>
      <c r="AK368" s="332"/>
      <c r="AL368" s="48"/>
      <c r="AM368" s="26"/>
      <c r="AN368" s="1" t="str">
        <f t="shared" si="15"/>
        <v>■</v>
      </c>
    </row>
    <row r="369" spans="1:40" s="1" customFormat="1" ht="13.4" customHeight="1">
      <c r="A369" s="20" t="str">
        <f t="shared" si="16"/>
        <v>IY</v>
      </c>
      <c r="B369" s="20"/>
      <c r="C369" s="541">
        <v>9</v>
      </c>
      <c r="D369" s="542"/>
      <c r="E369" s="543" t="s">
        <v>708</v>
      </c>
      <c r="F369" s="544"/>
      <c r="G369" s="544"/>
      <c r="H369" s="544"/>
      <c r="I369" s="544"/>
      <c r="J369" s="544"/>
      <c r="K369" s="544"/>
      <c r="L369" s="544"/>
      <c r="M369" s="544"/>
      <c r="N369" s="544"/>
      <c r="O369" s="544"/>
      <c r="P369" s="544"/>
      <c r="Q369" s="544"/>
      <c r="R369" s="544"/>
      <c r="S369" s="544"/>
      <c r="T369" s="545"/>
      <c r="U369" s="229" t="s">
        <v>709</v>
      </c>
      <c r="V369" s="546" t="s">
        <v>107</v>
      </c>
      <c r="W369" s="547"/>
      <c r="X369" s="547"/>
      <c r="Y369" s="547"/>
      <c r="Z369" s="548"/>
      <c r="AA369" s="623" t="s">
        <v>710</v>
      </c>
      <c r="AB369" s="624"/>
      <c r="AC369" s="625"/>
      <c r="AD369" s="415">
        <v>5</v>
      </c>
      <c r="AE369" s="415">
        <v>5</v>
      </c>
      <c r="AF369" s="646"/>
      <c r="AG369" s="647"/>
      <c r="AH369" s="549"/>
      <c r="AI369" s="550"/>
      <c r="AJ369" s="551"/>
      <c r="AK369" s="332"/>
      <c r="AL369" s="48"/>
      <c r="AM369" s="26"/>
      <c r="AN369" s="1" t="str">
        <f t="shared" si="15"/>
        <v>■</v>
      </c>
    </row>
    <row r="370" spans="1:40" s="1" customFormat="1" ht="13.4" customHeight="1">
      <c r="A370" s="20" t="str">
        <f t="shared" si="16"/>
        <v>IY</v>
      </c>
      <c r="B370" s="20"/>
      <c r="C370" s="541">
        <v>10</v>
      </c>
      <c r="D370" s="542"/>
      <c r="E370" s="543" t="s">
        <v>612</v>
      </c>
      <c r="F370" s="544"/>
      <c r="G370" s="544"/>
      <c r="H370" s="544"/>
      <c r="I370" s="544"/>
      <c r="J370" s="544"/>
      <c r="K370" s="544"/>
      <c r="L370" s="544"/>
      <c r="M370" s="544"/>
      <c r="N370" s="544"/>
      <c r="O370" s="544"/>
      <c r="P370" s="544"/>
      <c r="Q370" s="544"/>
      <c r="R370" s="544"/>
      <c r="S370" s="544"/>
      <c r="T370" s="545"/>
      <c r="U370" s="229" t="s">
        <v>613</v>
      </c>
      <c r="V370" s="546" t="s">
        <v>107</v>
      </c>
      <c r="W370" s="547"/>
      <c r="X370" s="547"/>
      <c r="Y370" s="547"/>
      <c r="Z370" s="548"/>
      <c r="AA370" s="623" t="s">
        <v>108</v>
      </c>
      <c r="AB370" s="624"/>
      <c r="AC370" s="625"/>
      <c r="AD370" s="415">
        <v>7</v>
      </c>
      <c r="AE370" s="415">
        <v>0</v>
      </c>
      <c r="AF370" s="646"/>
      <c r="AG370" s="647"/>
      <c r="AH370" s="549"/>
      <c r="AI370" s="550"/>
      <c r="AJ370" s="551"/>
      <c r="AK370" s="332"/>
      <c r="AL370" s="48"/>
      <c r="AM370" s="26"/>
      <c r="AN370" s="1" t="str">
        <f t="shared" si="15"/>
        <v>■</v>
      </c>
    </row>
    <row r="371" spans="1:40" s="1" customFormat="1" ht="13.4" customHeight="1">
      <c r="A371" s="20" t="str">
        <f t="shared" si="16"/>
        <v>IY</v>
      </c>
      <c r="B371" s="20"/>
      <c r="C371" s="541">
        <v>11</v>
      </c>
      <c r="D371" s="542"/>
      <c r="E371" s="543" t="s">
        <v>614</v>
      </c>
      <c r="F371" s="544"/>
      <c r="G371" s="544"/>
      <c r="H371" s="544"/>
      <c r="I371" s="544"/>
      <c r="J371" s="544"/>
      <c r="K371" s="544"/>
      <c r="L371" s="544"/>
      <c r="M371" s="544"/>
      <c r="N371" s="544"/>
      <c r="O371" s="544"/>
      <c r="P371" s="544"/>
      <c r="Q371" s="544"/>
      <c r="R371" s="544"/>
      <c r="S371" s="544"/>
      <c r="T371" s="545"/>
      <c r="U371" s="229" t="s">
        <v>557</v>
      </c>
      <c r="V371" s="546" t="s">
        <v>107</v>
      </c>
      <c r="W371" s="547"/>
      <c r="X371" s="547"/>
      <c r="Y371" s="547"/>
      <c r="Z371" s="548"/>
      <c r="AA371" s="623" t="s">
        <v>108</v>
      </c>
      <c r="AB371" s="624"/>
      <c r="AC371" s="625"/>
      <c r="AD371" s="415">
        <v>3</v>
      </c>
      <c r="AE371" s="415">
        <v>0</v>
      </c>
      <c r="AF371" s="646"/>
      <c r="AG371" s="647"/>
      <c r="AH371" s="549"/>
      <c r="AI371" s="550"/>
      <c r="AJ371" s="551"/>
      <c r="AK371" s="332"/>
      <c r="AL371" s="48"/>
      <c r="AM371" s="26"/>
      <c r="AN371" s="1" t="str">
        <f t="shared" si="15"/>
        <v>■</v>
      </c>
    </row>
    <row r="372" spans="1:40" s="1" customFormat="1" ht="13.4" customHeight="1">
      <c r="A372" s="20" t="str">
        <f t="shared" si="16"/>
        <v>IY</v>
      </c>
      <c r="B372" s="20"/>
      <c r="C372" s="541">
        <v>12</v>
      </c>
      <c r="D372" s="542"/>
      <c r="E372" s="543" t="s">
        <v>1319</v>
      </c>
      <c r="F372" s="544"/>
      <c r="G372" s="544"/>
      <c r="H372" s="544"/>
      <c r="I372" s="544"/>
      <c r="J372" s="544"/>
      <c r="K372" s="544"/>
      <c r="L372" s="544"/>
      <c r="M372" s="544"/>
      <c r="N372" s="544"/>
      <c r="O372" s="544"/>
      <c r="P372" s="544"/>
      <c r="Q372" s="544"/>
      <c r="R372" s="544"/>
      <c r="S372" s="544"/>
      <c r="T372" s="545"/>
      <c r="U372" s="229" t="s">
        <v>1320</v>
      </c>
      <c r="V372" s="546" t="s">
        <v>101</v>
      </c>
      <c r="W372" s="547"/>
      <c r="X372" s="547"/>
      <c r="Y372" s="547"/>
      <c r="Z372" s="548"/>
      <c r="AA372" s="623" t="s">
        <v>102</v>
      </c>
      <c r="AB372" s="624"/>
      <c r="AC372" s="625"/>
      <c r="AD372" s="415">
        <v>1</v>
      </c>
      <c r="AE372" s="415" t="s">
        <v>103</v>
      </c>
      <c r="AF372" s="646"/>
      <c r="AG372" s="647"/>
      <c r="AH372" s="549"/>
      <c r="AI372" s="550"/>
      <c r="AJ372" s="551"/>
      <c r="AK372" s="332"/>
      <c r="AL372" s="48"/>
      <c r="AM372" s="26"/>
      <c r="AN372" s="1" t="str">
        <f t="shared" si="15"/>
        <v>■</v>
      </c>
    </row>
    <row r="373" spans="1:40" s="1" customFormat="1" ht="13.4" customHeight="1">
      <c r="A373" s="20" t="str">
        <f t="shared" si="16"/>
        <v>IY</v>
      </c>
      <c r="B373" s="20"/>
      <c r="C373" s="541">
        <v>13</v>
      </c>
      <c r="D373" s="542"/>
      <c r="E373" s="543" t="s">
        <v>627</v>
      </c>
      <c r="F373" s="544"/>
      <c r="G373" s="544"/>
      <c r="H373" s="544"/>
      <c r="I373" s="544"/>
      <c r="J373" s="544"/>
      <c r="K373" s="544"/>
      <c r="L373" s="544"/>
      <c r="M373" s="544"/>
      <c r="N373" s="544"/>
      <c r="O373" s="544"/>
      <c r="P373" s="544"/>
      <c r="Q373" s="544"/>
      <c r="R373" s="544"/>
      <c r="S373" s="544"/>
      <c r="T373" s="545"/>
      <c r="U373" s="221" t="s">
        <v>628</v>
      </c>
      <c r="V373" s="546" t="s">
        <v>107</v>
      </c>
      <c r="W373" s="547"/>
      <c r="X373" s="547"/>
      <c r="Y373" s="547"/>
      <c r="Z373" s="548"/>
      <c r="AA373" s="623" t="s">
        <v>108</v>
      </c>
      <c r="AB373" s="624"/>
      <c r="AC373" s="625"/>
      <c r="AD373" s="415">
        <v>3</v>
      </c>
      <c r="AE373" s="415">
        <v>0</v>
      </c>
      <c r="AF373" s="646"/>
      <c r="AG373" s="647"/>
      <c r="AH373" s="549"/>
      <c r="AI373" s="550"/>
      <c r="AJ373" s="551"/>
      <c r="AK373" s="332"/>
      <c r="AL373" s="48"/>
      <c r="AM373" s="26"/>
      <c r="AN373" s="1" t="str">
        <f t="shared" si="15"/>
        <v>■</v>
      </c>
    </row>
    <row r="374" spans="1:40" s="1" customFormat="1" ht="13.4" customHeight="1">
      <c r="A374" s="20" t="str">
        <f t="shared" si="16"/>
        <v>IY</v>
      </c>
      <c r="B374" s="20"/>
      <c r="C374" s="541">
        <v>14</v>
      </c>
      <c r="D374" s="542"/>
      <c r="E374" s="543" t="s">
        <v>629</v>
      </c>
      <c r="F374" s="544"/>
      <c r="G374" s="544"/>
      <c r="H374" s="544"/>
      <c r="I374" s="544"/>
      <c r="J374" s="544"/>
      <c r="K374" s="544"/>
      <c r="L374" s="544"/>
      <c r="M374" s="544"/>
      <c r="N374" s="544"/>
      <c r="O374" s="544"/>
      <c r="P374" s="544"/>
      <c r="Q374" s="544"/>
      <c r="R374" s="544"/>
      <c r="S374" s="544"/>
      <c r="T374" s="545"/>
      <c r="U374" s="221" t="s">
        <v>630</v>
      </c>
      <c r="V374" s="546" t="s">
        <v>107</v>
      </c>
      <c r="W374" s="547"/>
      <c r="X374" s="547"/>
      <c r="Y374" s="547"/>
      <c r="Z374" s="548"/>
      <c r="AA374" s="623" t="s">
        <v>108</v>
      </c>
      <c r="AB374" s="624"/>
      <c r="AC374" s="625"/>
      <c r="AD374" s="415">
        <v>3</v>
      </c>
      <c r="AE374" s="415">
        <v>0</v>
      </c>
      <c r="AF374" s="646"/>
      <c r="AG374" s="647"/>
      <c r="AH374" s="549"/>
      <c r="AI374" s="550"/>
      <c r="AJ374" s="551"/>
      <c r="AK374" s="332"/>
      <c r="AL374" s="48"/>
      <c r="AM374" s="26"/>
      <c r="AN374" s="1" t="str">
        <f t="shared" si="15"/>
        <v>■</v>
      </c>
    </row>
    <row r="375" spans="1:40" s="1" customFormat="1" ht="13.4" customHeight="1">
      <c r="A375" s="20" t="str">
        <f t="shared" si="16"/>
        <v>IY</v>
      </c>
      <c r="B375" s="20"/>
      <c r="C375" s="541">
        <v>15</v>
      </c>
      <c r="D375" s="542"/>
      <c r="E375" s="543" t="s">
        <v>631</v>
      </c>
      <c r="F375" s="544"/>
      <c r="G375" s="544"/>
      <c r="H375" s="544"/>
      <c r="I375" s="544"/>
      <c r="J375" s="544"/>
      <c r="K375" s="544"/>
      <c r="L375" s="544"/>
      <c r="M375" s="544"/>
      <c r="N375" s="544"/>
      <c r="O375" s="544"/>
      <c r="P375" s="544"/>
      <c r="Q375" s="544"/>
      <c r="R375" s="544"/>
      <c r="S375" s="544"/>
      <c r="T375" s="545"/>
      <c r="U375" s="221" t="s">
        <v>632</v>
      </c>
      <c r="V375" s="546" t="s">
        <v>107</v>
      </c>
      <c r="W375" s="547"/>
      <c r="X375" s="547"/>
      <c r="Y375" s="547"/>
      <c r="Z375" s="548"/>
      <c r="AA375" s="623" t="s">
        <v>108</v>
      </c>
      <c r="AB375" s="624"/>
      <c r="AC375" s="625"/>
      <c r="AD375" s="415">
        <v>3</v>
      </c>
      <c r="AE375" s="415">
        <v>0</v>
      </c>
      <c r="AF375" s="646"/>
      <c r="AG375" s="647"/>
      <c r="AH375" s="549"/>
      <c r="AI375" s="550"/>
      <c r="AJ375" s="551"/>
      <c r="AK375" s="332"/>
      <c r="AL375" s="48"/>
      <c r="AM375" s="26"/>
      <c r="AN375" s="1" t="str">
        <f t="shared" si="15"/>
        <v>■</v>
      </c>
    </row>
    <row r="376" spans="1:40" s="1" customFormat="1" ht="13.4" customHeight="1">
      <c r="A376" s="20" t="str">
        <f t="shared" si="16"/>
        <v>IY</v>
      </c>
      <c r="B376" s="20"/>
      <c r="C376" s="541">
        <v>16</v>
      </c>
      <c r="D376" s="542"/>
      <c r="E376" s="543" t="s">
        <v>633</v>
      </c>
      <c r="F376" s="544"/>
      <c r="G376" s="544"/>
      <c r="H376" s="544"/>
      <c r="I376" s="544"/>
      <c r="J376" s="544"/>
      <c r="K376" s="544"/>
      <c r="L376" s="544"/>
      <c r="M376" s="544"/>
      <c r="N376" s="544"/>
      <c r="O376" s="544"/>
      <c r="P376" s="544"/>
      <c r="Q376" s="544"/>
      <c r="R376" s="544"/>
      <c r="S376" s="544"/>
      <c r="T376" s="545"/>
      <c r="U376" s="221" t="s">
        <v>634</v>
      </c>
      <c r="V376" s="546" t="s">
        <v>107</v>
      </c>
      <c r="W376" s="547"/>
      <c r="X376" s="547"/>
      <c r="Y376" s="547"/>
      <c r="Z376" s="548"/>
      <c r="AA376" s="623" t="s">
        <v>108</v>
      </c>
      <c r="AB376" s="624"/>
      <c r="AC376" s="625"/>
      <c r="AD376" s="415">
        <v>3</v>
      </c>
      <c r="AE376" s="415">
        <v>0</v>
      </c>
      <c r="AF376" s="646"/>
      <c r="AG376" s="647"/>
      <c r="AH376" s="549"/>
      <c r="AI376" s="550"/>
      <c r="AJ376" s="551"/>
      <c r="AK376" s="332"/>
      <c r="AL376" s="48"/>
      <c r="AM376" s="26"/>
      <c r="AN376" s="1" t="str">
        <f t="shared" si="15"/>
        <v>■</v>
      </c>
    </row>
    <row r="377" spans="1:40" s="1" customFormat="1" ht="13.4" customHeight="1">
      <c r="A377" s="20" t="str">
        <f t="shared" si="16"/>
        <v>IY</v>
      </c>
      <c r="B377" s="20"/>
      <c r="C377" s="541">
        <v>17</v>
      </c>
      <c r="D377" s="542"/>
      <c r="E377" s="543" t="s">
        <v>635</v>
      </c>
      <c r="F377" s="544"/>
      <c r="G377" s="544"/>
      <c r="H377" s="544"/>
      <c r="I377" s="544"/>
      <c r="J377" s="544"/>
      <c r="K377" s="544"/>
      <c r="L377" s="544"/>
      <c r="M377" s="544"/>
      <c r="N377" s="544"/>
      <c r="O377" s="544"/>
      <c r="P377" s="544"/>
      <c r="Q377" s="544"/>
      <c r="R377" s="544"/>
      <c r="S377" s="544"/>
      <c r="T377" s="545"/>
      <c r="U377" s="221" t="s">
        <v>636</v>
      </c>
      <c r="V377" s="546" t="s">
        <v>107</v>
      </c>
      <c r="W377" s="547"/>
      <c r="X377" s="547"/>
      <c r="Y377" s="547"/>
      <c r="Z377" s="548"/>
      <c r="AA377" s="623" t="s">
        <v>108</v>
      </c>
      <c r="AB377" s="624"/>
      <c r="AC377" s="625"/>
      <c r="AD377" s="415">
        <v>3</v>
      </c>
      <c r="AE377" s="415">
        <v>0</v>
      </c>
      <c r="AF377" s="646"/>
      <c r="AG377" s="647"/>
      <c r="AH377" s="549"/>
      <c r="AI377" s="550"/>
      <c r="AJ377" s="551"/>
      <c r="AK377" s="332"/>
      <c r="AL377" s="48"/>
      <c r="AM377" s="26"/>
      <c r="AN377" s="1" t="str">
        <f t="shared" si="15"/>
        <v>■</v>
      </c>
    </row>
    <row r="378" spans="1:40" s="1" customFormat="1" ht="13.4" customHeight="1">
      <c r="A378" s="20" t="str">
        <f t="shared" si="16"/>
        <v>IY</v>
      </c>
      <c r="B378" s="20"/>
      <c r="C378" s="541">
        <v>18</v>
      </c>
      <c r="D378" s="542"/>
      <c r="E378" s="543" t="s">
        <v>637</v>
      </c>
      <c r="F378" s="544"/>
      <c r="G378" s="544"/>
      <c r="H378" s="544"/>
      <c r="I378" s="544"/>
      <c r="J378" s="544"/>
      <c r="K378" s="544"/>
      <c r="L378" s="544"/>
      <c r="M378" s="544"/>
      <c r="N378" s="544"/>
      <c r="O378" s="544"/>
      <c r="P378" s="544"/>
      <c r="Q378" s="544"/>
      <c r="R378" s="544"/>
      <c r="S378" s="544"/>
      <c r="T378" s="545"/>
      <c r="U378" s="221" t="s">
        <v>638</v>
      </c>
      <c r="V378" s="546" t="s">
        <v>107</v>
      </c>
      <c r="W378" s="547"/>
      <c r="X378" s="547"/>
      <c r="Y378" s="547"/>
      <c r="Z378" s="548"/>
      <c r="AA378" s="623" t="s">
        <v>108</v>
      </c>
      <c r="AB378" s="624"/>
      <c r="AC378" s="625"/>
      <c r="AD378" s="415">
        <v>3</v>
      </c>
      <c r="AE378" s="415">
        <v>0</v>
      </c>
      <c r="AF378" s="646"/>
      <c r="AG378" s="647"/>
      <c r="AH378" s="549"/>
      <c r="AI378" s="550"/>
      <c r="AJ378" s="551"/>
      <c r="AK378" s="332"/>
      <c r="AL378" s="48"/>
      <c r="AM378" s="26"/>
      <c r="AN378" s="1" t="str">
        <f t="shared" si="15"/>
        <v>■</v>
      </c>
    </row>
    <row r="379" spans="1:40" s="1" customFormat="1" ht="13.4" customHeight="1">
      <c r="A379" s="20" t="str">
        <f t="shared" si="16"/>
        <v>IY</v>
      </c>
      <c r="B379" s="20"/>
      <c r="C379" s="541">
        <v>19</v>
      </c>
      <c r="D379" s="542"/>
      <c r="E379" s="543" t="s">
        <v>639</v>
      </c>
      <c r="F379" s="544"/>
      <c r="G379" s="544"/>
      <c r="H379" s="544"/>
      <c r="I379" s="544"/>
      <c r="J379" s="544"/>
      <c r="K379" s="544"/>
      <c r="L379" s="544"/>
      <c r="M379" s="544"/>
      <c r="N379" s="544"/>
      <c r="O379" s="544"/>
      <c r="P379" s="544"/>
      <c r="Q379" s="544"/>
      <c r="R379" s="544"/>
      <c r="S379" s="544"/>
      <c r="T379" s="545"/>
      <c r="U379" s="221" t="s">
        <v>640</v>
      </c>
      <c r="V379" s="546" t="s">
        <v>107</v>
      </c>
      <c r="W379" s="547"/>
      <c r="X379" s="547"/>
      <c r="Y379" s="547"/>
      <c r="Z379" s="548"/>
      <c r="AA379" s="623" t="s">
        <v>108</v>
      </c>
      <c r="AB379" s="624"/>
      <c r="AC379" s="625"/>
      <c r="AD379" s="415">
        <v>3</v>
      </c>
      <c r="AE379" s="415">
        <v>0</v>
      </c>
      <c r="AF379" s="646"/>
      <c r="AG379" s="647"/>
      <c r="AH379" s="549"/>
      <c r="AI379" s="550"/>
      <c r="AJ379" s="551"/>
      <c r="AK379" s="332"/>
      <c r="AL379" s="38"/>
      <c r="AM379" s="26"/>
      <c r="AN379" s="1" t="str">
        <f t="shared" si="15"/>
        <v>■</v>
      </c>
    </row>
    <row r="380" spans="1:40" s="1" customFormat="1" ht="13.4" customHeight="1">
      <c r="A380" s="20" t="str">
        <f t="shared" si="16"/>
        <v>IY</v>
      </c>
      <c r="B380" s="20"/>
      <c r="C380" s="541">
        <v>20</v>
      </c>
      <c r="D380" s="542"/>
      <c r="E380" s="543" t="s">
        <v>641</v>
      </c>
      <c r="F380" s="544"/>
      <c r="G380" s="544"/>
      <c r="H380" s="544"/>
      <c r="I380" s="544"/>
      <c r="J380" s="544"/>
      <c r="K380" s="544"/>
      <c r="L380" s="544"/>
      <c r="M380" s="544"/>
      <c r="N380" s="544"/>
      <c r="O380" s="544"/>
      <c r="P380" s="544"/>
      <c r="Q380" s="544"/>
      <c r="R380" s="544"/>
      <c r="S380" s="544"/>
      <c r="T380" s="545"/>
      <c r="U380" s="221" t="s">
        <v>642</v>
      </c>
      <c r="V380" s="546" t="s">
        <v>107</v>
      </c>
      <c r="W380" s="547"/>
      <c r="X380" s="547"/>
      <c r="Y380" s="547"/>
      <c r="Z380" s="548"/>
      <c r="AA380" s="623" t="s">
        <v>108</v>
      </c>
      <c r="AB380" s="624"/>
      <c r="AC380" s="625"/>
      <c r="AD380" s="415">
        <v>3</v>
      </c>
      <c r="AE380" s="415">
        <v>0</v>
      </c>
      <c r="AF380" s="646"/>
      <c r="AG380" s="647"/>
      <c r="AH380" s="549"/>
      <c r="AI380" s="550"/>
      <c r="AJ380" s="551"/>
      <c r="AK380" s="332"/>
      <c r="AL380" s="38"/>
      <c r="AM380" s="26"/>
      <c r="AN380" s="1" t="str">
        <f t="shared" si="15"/>
        <v>■</v>
      </c>
    </row>
    <row r="381" spans="1:40" s="1" customFormat="1" ht="13.4" customHeight="1">
      <c r="A381" s="20" t="str">
        <f t="shared" si="16"/>
        <v>IY</v>
      </c>
      <c r="B381" s="20"/>
      <c r="C381" s="541">
        <v>21</v>
      </c>
      <c r="D381" s="542"/>
      <c r="E381" s="543" t="s">
        <v>643</v>
      </c>
      <c r="F381" s="544"/>
      <c r="G381" s="544"/>
      <c r="H381" s="544"/>
      <c r="I381" s="544"/>
      <c r="J381" s="544"/>
      <c r="K381" s="544"/>
      <c r="L381" s="544"/>
      <c r="M381" s="544"/>
      <c r="N381" s="544"/>
      <c r="O381" s="544"/>
      <c r="P381" s="544"/>
      <c r="Q381" s="544"/>
      <c r="R381" s="544"/>
      <c r="S381" s="544"/>
      <c r="T381" s="545"/>
      <c r="U381" s="221" t="s">
        <v>644</v>
      </c>
      <c r="V381" s="546" t="s">
        <v>107</v>
      </c>
      <c r="W381" s="547"/>
      <c r="X381" s="547"/>
      <c r="Y381" s="547"/>
      <c r="Z381" s="548"/>
      <c r="AA381" s="623" t="s">
        <v>108</v>
      </c>
      <c r="AB381" s="624"/>
      <c r="AC381" s="625"/>
      <c r="AD381" s="415">
        <v>3</v>
      </c>
      <c r="AE381" s="415">
        <v>0</v>
      </c>
      <c r="AF381" s="646"/>
      <c r="AG381" s="647"/>
      <c r="AH381" s="549"/>
      <c r="AI381" s="550"/>
      <c r="AJ381" s="551"/>
      <c r="AK381" s="332"/>
      <c r="AL381" s="48"/>
      <c r="AM381" s="26"/>
      <c r="AN381" s="1" t="str">
        <f t="shared" si="15"/>
        <v>■</v>
      </c>
    </row>
    <row r="382" spans="1:40" s="13" customFormat="1" ht="13.4" customHeight="1">
      <c r="A382" s="20" t="str">
        <f t="shared" si="16"/>
        <v>IY</v>
      </c>
      <c r="B382" s="20"/>
      <c r="C382" s="541">
        <v>22</v>
      </c>
      <c r="D382" s="542"/>
      <c r="E382" s="543" t="s">
        <v>645</v>
      </c>
      <c r="F382" s="544"/>
      <c r="G382" s="544"/>
      <c r="H382" s="544"/>
      <c r="I382" s="544"/>
      <c r="J382" s="544"/>
      <c r="K382" s="544"/>
      <c r="L382" s="544"/>
      <c r="M382" s="544"/>
      <c r="N382" s="544"/>
      <c r="O382" s="544"/>
      <c r="P382" s="544"/>
      <c r="Q382" s="544"/>
      <c r="R382" s="544"/>
      <c r="S382" s="544"/>
      <c r="T382" s="545"/>
      <c r="U382" s="221" t="s">
        <v>646</v>
      </c>
      <c r="V382" s="546" t="s">
        <v>107</v>
      </c>
      <c r="W382" s="547"/>
      <c r="X382" s="547"/>
      <c r="Y382" s="547"/>
      <c r="Z382" s="548"/>
      <c r="AA382" s="623" t="s">
        <v>108</v>
      </c>
      <c r="AB382" s="624"/>
      <c r="AC382" s="625"/>
      <c r="AD382" s="415">
        <v>3</v>
      </c>
      <c r="AE382" s="415">
        <v>0</v>
      </c>
      <c r="AF382" s="646"/>
      <c r="AG382" s="647"/>
      <c r="AH382" s="549"/>
      <c r="AI382" s="550"/>
      <c r="AJ382" s="551"/>
      <c r="AK382" s="118"/>
      <c r="AL382" s="38"/>
      <c r="AM382" s="54"/>
      <c r="AN382" s="1" t="str">
        <f t="shared" si="15"/>
        <v>■</v>
      </c>
    </row>
    <row r="383" spans="1:40" s="13" customFormat="1" ht="13.4" customHeight="1">
      <c r="A383" s="20" t="str">
        <f t="shared" si="16"/>
        <v>IY</v>
      </c>
      <c r="B383" s="20"/>
      <c r="C383" s="541">
        <v>23</v>
      </c>
      <c r="D383" s="542"/>
      <c r="E383" s="543" t="s">
        <v>647</v>
      </c>
      <c r="F383" s="544"/>
      <c r="G383" s="544"/>
      <c r="H383" s="544"/>
      <c r="I383" s="544"/>
      <c r="J383" s="544"/>
      <c r="K383" s="544"/>
      <c r="L383" s="544"/>
      <c r="M383" s="544"/>
      <c r="N383" s="544"/>
      <c r="O383" s="544"/>
      <c r="P383" s="544"/>
      <c r="Q383" s="544"/>
      <c r="R383" s="544"/>
      <c r="S383" s="544"/>
      <c r="T383" s="545"/>
      <c r="U383" s="221" t="s">
        <v>648</v>
      </c>
      <c r="V383" s="546" t="s">
        <v>107</v>
      </c>
      <c r="W383" s="547"/>
      <c r="X383" s="547"/>
      <c r="Y383" s="547"/>
      <c r="Z383" s="548"/>
      <c r="AA383" s="623" t="s">
        <v>108</v>
      </c>
      <c r="AB383" s="624"/>
      <c r="AC383" s="625"/>
      <c r="AD383" s="415">
        <v>3</v>
      </c>
      <c r="AE383" s="415">
        <v>0</v>
      </c>
      <c r="AF383" s="646"/>
      <c r="AG383" s="647"/>
      <c r="AH383" s="549"/>
      <c r="AI383" s="550"/>
      <c r="AJ383" s="551"/>
      <c r="AK383" s="118"/>
      <c r="AL383" s="38"/>
      <c r="AM383" s="54"/>
      <c r="AN383" s="1" t="str">
        <f t="shared" si="15"/>
        <v>■</v>
      </c>
    </row>
    <row r="384" spans="1:40" s="1" customFormat="1" ht="13.4" customHeight="1">
      <c r="A384" s="20" t="str">
        <f t="shared" si="16"/>
        <v>IY</v>
      </c>
      <c r="B384" s="20"/>
      <c r="C384" s="541">
        <v>24</v>
      </c>
      <c r="D384" s="542"/>
      <c r="E384" s="543" t="s">
        <v>649</v>
      </c>
      <c r="F384" s="544"/>
      <c r="G384" s="544"/>
      <c r="H384" s="544"/>
      <c r="I384" s="544"/>
      <c r="J384" s="544"/>
      <c r="K384" s="544"/>
      <c r="L384" s="544"/>
      <c r="M384" s="544"/>
      <c r="N384" s="544"/>
      <c r="O384" s="544"/>
      <c r="P384" s="544"/>
      <c r="Q384" s="544"/>
      <c r="R384" s="544"/>
      <c r="S384" s="544"/>
      <c r="T384" s="545"/>
      <c r="U384" s="221" t="s">
        <v>650</v>
      </c>
      <c r="V384" s="546" t="s">
        <v>107</v>
      </c>
      <c r="W384" s="547"/>
      <c r="X384" s="547"/>
      <c r="Y384" s="547"/>
      <c r="Z384" s="548"/>
      <c r="AA384" s="623" t="s">
        <v>108</v>
      </c>
      <c r="AB384" s="624"/>
      <c r="AC384" s="625"/>
      <c r="AD384" s="415">
        <v>3</v>
      </c>
      <c r="AE384" s="415">
        <v>0</v>
      </c>
      <c r="AF384" s="646"/>
      <c r="AG384" s="647"/>
      <c r="AH384" s="549"/>
      <c r="AI384" s="550"/>
      <c r="AJ384" s="551"/>
      <c r="AK384" s="332"/>
      <c r="AL384" s="48"/>
      <c r="AM384" s="26"/>
      <c r="AN384" s="1" t="str">
        <f t="shared" si="15"/>
        <v>■</v>
      </c>
    </row>
    <row r="385" spans="1:40" s="13" customFormat="1" ht="13.4" customHeight="1">
      <c r="A385" s="20" t="str">
        <f t="shared" si="16"/>
        <v>IY</v>
      </c>
      <c r="B385" s="20"/>
      <c r="C385" s="541">
        <v>25</v>
      </c>
      <c r="D385" s="542"/>
      <c r="E385" s="543" t="s">
        <v>651</v>
      </c>
      <c r="F385" s="544"/>
      <c r="G385" s="544"/>
      <c r="H385" s="544"/>
      <c r="I385" s="544"/>
      <c r="J385" s="544"/>
      <c r="K385" s="544"/>
      <c r="L385" s="544"/>
      <c r="M385" s="544"/>
      <c r="N385" s="544"/>
      <c r="O385" s="544"/>
      <c r="P385" s="544"/>
      <c r="Q385" s="544"/>
      <c r="R385" s="544"/>
      <c r="S385" s="544"/>
      <c r="T385" s="545"/>
      <c r="U385" s="221" t="s">
        <v>652</v>
      </c>
      <c r="V385" s="546" t="s">
        <v>107</v>
      </c>
      <c r="W385" s="547"/>
      <c r="X385" s="547"/>
      <c r="Y385" s="547"/>
      <c r="Z385" s="548"/>
      <c r="AA385" s="623" t="s">
        <v>108</v>
      </c>
      <c r="AB385" s="624"/>
      <c r="AC385" s="625"/>
      <c r="AD385" s="415">
        <v>3</v>
      </c>
      <c r="AE385" s="415">
        <v>0</v>
      </c>
      <c r="AF385" s="646"/>
      <c r="AG385" s="647"/>
      <c r="AH385" s="549"/>
      <c r="AI385" s="550"/>
      <c r="AJ385" s="551"/>
      <c r="AK385" s="118"/>
      <c r="AL385" s="48"/>
      <c r="AM385" s="54"/>
      <c r="AN385" s="1" t="str">
        <f t="shared" si="15"/>
        <v>■</v>
      </c>
    </row>
    <row r="386" spans="1:40" s="13" customFormat="1" ht="13.4" customHeight="1">
      <c r="A386" s="20" t="str">
        <f t="shared" si="16"/>
        <v>IY</v>
      </c>
      <c r="B386" s="20"/>
      <c r="C386" s="541">
        <v>26</v>
      </c>
      <c r="D386" s="542"/>
      <c r="E386" s="543" t="s">
        <v>653</v>
      </c>
      <c r="F386" s="544"/>
      <c r="G386" s="544"/>
      <c r="H386" s="544"/>
      <c r="I386" s="544"/>
      <c r="J386" s="544"/>
      <c r="K386" s="544"/>
      <c r="L386" s="544"/>
      <c r="M386" s="544"/>
      <c r="N386" s="544"/>
      <c r="O386" s="544"/>
      <c r="P386" s="544"/>
      <c r="Q386" s="544"/>
      <c r="R386" s="544"/>
      <c r="S386" s="544"/>
      <c r="T386" s="545"/>
      <c r="U386" s="221" t="s">
        <v>654</v>
      </c>
      <c r="V386" s="546" t="s">
        <v>107</v>
      </c>
      <c r="W386" s="547"/>
      <c r="X386" s="547"/>
      <c r="Y386" s="547"/>
      <c r="Z386" s="548"/>
      <c r="AA386" s="623" t="s">
        <v>108</v>
      </c>
      <c r="AB386" s="624"/>
      <c r="AC386" s="625"/>
      <c r="AD386" s="415">
        <v>3</v>
      </c>
      <c r="AE386" s="415">
        <v>0</v>
      </c>
      <c r="AF386" s="646"/>
      <c r="AG386" s="647"/>
      <c r="AH386" s="549"/>
      <c r="AI386" s="550"/>
      <c r="AJ386" s="551"/>
      <c r="AK386" s="118"/>
      <c r="AL386" s="48"/>
      <c r="AM386" s="54"/>
      <c r="AN386" s="1" t="str">
        <f t="shared" si="15"/>
        <v>■</v>
      </c>
    </row>
    <row r="387" spans="1:40" s="1" customFormat="1" ht="13.4" customHeight="1">
      <c r="A387" s="20" t="str">
        <f t="shared" si="16"/>
        <v>IY</v>
      </c>
      <c r="B387" s="20"/>
      <c r="C387" s="541">
        <v>27</v>
      </c>
      <c r="D387" s="542"/>
      <c r="E387" s="543" t="s">
        <v>655</v>
      </c>
      <c r="F387" s="544"/>
      <c r="G387" s="544"/>
      <c r="H387" s="544"/>
      <c r="I387" s="544"/>
      <c r="J387" s="544"/>
      <c r="K387" s="544"/>
      <c r="L387" s="544"/>
      <c r="M387" s="544"/>
      <c r="N387" s="544"/>
      <c r="O387" s="544"/>
      <c r="P387" s="544"/>
      <c r="Q387" s="544"/>
      <c r="R387" s="544"/>
      <c r="S387" s="544"/>
      <c r="T387" s="545"/>
      <c r="U387" s="221" t="s">
        <v>656</v>
      </c>
      <c r="V387" s="546" t="s">
        <v>107</v>
      </c>
      <c r="W387" s="547"/>
      <c r="X387" s="547"/>
      <c r="Y387" s="547"/>
      <c r="Z387" s="548"/>
      <c r="AA387" s="623" t="s">
        <v>108</v>
      </c>
      <c r="AB387" s="624"/>
      <c r="AC387" s="625"/>
      <c r="AD387" s="415">
        <v>3</v>
      </c>
      <c r="AE387" s="415">
        <v>0</v>
      </c>
      <c r="AF387" s="646"/>
      <c r="AG387" s="647"/>
      <c r="AH387" s="549"/>
      <c r="AI387" s="550"/>
      <c r="AJ387" s="551"/>
      <c r="AK387" s="332"/>
      <c r="AL387" s="48"/>
      <c r="AM387" s="26"/>
      <c r="AN387" s="1" t="str">
        <f t="shared" si="15"/>
        <v>■</v>
      </c>
    </row>
    <row r="388" spans="1:40" s="1" customFormat="1" ht="13.4" customHeight="1">
      <c r="A388" s="20" t="str">
        <f t="shared" si="16"/>
        <v>IY</v>
      </c>
      <c r="B388" s="20"/>
      <c r="C388" s="541">
        <v>28</v>
      </c>
      <c r="D388" s="542"/>
      <c r="E388" s="543" t="s">
        <v>657</v>
      </c>
      <c r="F388" s="544"/>
      <c r="G388" s="544"/>
      <c r="H388" s="544"/>
      <c r="I388" s="544"/>
      <c r="J388" s="544"/>
      <c r="K388" s="544"/>
      <c r="L388" s="544"/>
      <c r="M388" s="544"/>
      <c r="N388" s="544"/>
      <c r="O388" s="544"/>
      <c r="P388" s="544"/>
      <c r="Q388" s="544"/>
      <c r="R388" s="544"/>
      <c r="S388" s="544"/>
      <c r="T388" s="545"/>
      <c r="U388" s="221" t="s">
        <v>658</v>
      </c>
      <c r="V388" s="546" t="s">
        <v>107</v>
      </c>
      <c r="W388" s="547"/>
      <c r="X388" s="547"/>
      <c r="Y388" s="547"/>
      <c r="Z388" s="548"/>
      <c r="AA388" s="623" t="s">
        <v>108</v>
      </c>
      <c r="AB388" s="624"/>
      <c r="AC388" s="625"/>
      <c r="AD388" s="415">
        <v>3</v>
      </c>
      <c r="AE388" s="415">
        <v>0</v>
      </c>
      <c r="AF388" s="646"/>
      <c r="AG388" s="647"/>
      <c r="AH388" s="549"/>
      <c r="AI388" s="550"/>
      <c r="AJ388" s="551"/>
      <c r="AK388" s="332"/>
      <c r="AL388" s="48"/>
      <c r="AM388" s="26"/>
      <c r="AN388" s="1" t="str">
        <f t="shared" si="15"/>
        <v>■</v>
      </c>
    </row>
    <row r="389" spans="1:40" s="1" customFormat="1" ht="13.4" customHeight="1">
      <c r="A389" s="20" t="str">
        <f t="shared" si="16"/>
        <v>IY</v>
      </c>
      <c r="B389" s="20"/>
      <c r="C389" s="541">
        <v>29</v>
      </c>
      <c r="D389" s="542"/>
      <c r="E389" s="543" t="s">
        <v>659</v>
      </c>
      <c r="F389" s="544"/>
      <c r="G389" s="544"/>
      <c r="H389" s="544"/>
      <c r="I389" s="544"/>
      <c r="J389" s="544"/>
      <c r="K389" s="544"/>
      <c r="L389" s="544"/>
      <c r="M389" s="544"/>
      <c r="N389" s="544"/>
      <c r="O389" s="544"/>
      <c r="P389" s="544"/>
      <c r="Q389" s="544"/>
      <c r="R389" s="544"/>
      <c r="S389" s="544"/>
      <c r="T389" s="545"/>
      <c r="U389" s="221" t="s">
        <v>660</v>
      </c>
      <c r="V389" s="546" t="s">
        <v>107</v>
      </c>
      <c r="W389" s="547"/>
      <c r="X389" s="547"/>
      <c r="Y389" s="547"/>
      <c r="Z389" s="548"/>
      <c r="AA389" s="623" t="s">
        <v>108</v>
      </c>
      <c r="AB389" s="624"/>
      <c r="AC389" s="625"/>
      <c r="AD389" s="415">
        <v>3</v>
      </c>
      <c r="AE389" s="415">
        <v>0</v>
      </c>
      <c r="AF389" s="646"/>
      <c r="AG389" s="647"/>
      <c r="AH389" s="549"/>
      <c r="AI389" s="550"/>
      <c r="AJ389" s="551"/>
      <c r="AK389" s="332"/>
      <c r="AL389" s="48"/>
      <c r="AM389" s="26"/>
      <c r="AN389" s="1" t="str">
        <f t="shared" si="15"/>
        <v>■</v>
      </c>
    </row>
    <row r="390" spans="1:40" s="1" customFormat="1" ht="13.4" customHeight="1">
      <c r="A390" s="20" t="str">
        <f t="shared" si="16"/>
        <v>IY</v>
      </c>
      <c r="B390" s="20"/>
      <c r="C390" s="541">
        <v>30</v>
      </c>
      <c r="D390" s="542"/>
      <c r="E390" s="543" t="s">
        <v>661</v>
      </c>
      <c r="F390" s="544"/>
      <c r="G390" s="544"/>
      <c r="H390" s="544"/>
      <c r="I390" s="544"/>
      <c r="J390" s="544"/>
      <c r="K390" s="544"/>
      <c r="L390" s="544"/>
      <c r="M390" s="544"/>
      <c r="N390" s="544"/>
      <c r="O390" s="544"/>
      <c r="P390" s="544"/>
      <c r="Q390" s="544"/>
      <c r="R390" s="544"/>
      <c r="S390" s="544"/>
      <c r="T390" s="545"/>
      <c r="U390" s="221" t="s">
        <v>662</v>
      </c>
      <c r="V390" s="546" t="s">
        <v>107</v>
      </c>
      <c r="W390" s="547"/>
      <c r="X390" s="547"/>
      <c r="Y390" s="547"/>
      <c r="Z390" s="548"/>
      <c r="AA390" s="623" t="s">
        <v>108</v>
      </c>
      <c r="AB390" s="624"/>
      <c r="AC390" s="625"/>
      <c r="AD390" s="415">
        <v>3</v>
      </c>
      <c r="AE390" s="415">
        <v>0</v>
      </c>
      <c r="AF390" s="646"/>
      <c r="AG390" s="647"/>
      <c r="AH390" s="549"/>
      <c r="AI390" s="550"/>
      <c r="AJ390" s="551"/>
      <c r="AK390" s="332"/>
      <c r="AL390" s="48"/>
      <c r="AM390" s="26"/>
      <c r="AN390" s="1" t="str">
        <f t="shared" si="15"/>
        <v>■</v>
      </c>
    </row>
    <row r="391" spans="1:40" s="1" customFormat="1" ht="13.4" customHeight="1">
      <c r="A391" s="20" t="str">
        <f t="shared" si="16"/>
        <v>IY</v>
      </c>
      <c r="B391" s="20"/>
      <c r="C391" s="541">
        <v>31</v>
      </c>
      <c r="D391" s="542"/>
      <c r="E391" s="543" t="s">
        <v>663</v>
      </c>
      <c r="F391" s="544"/>
      <c r="G391" s="544"/>
      <c r="H391" s="544"/>
      <c r="I391" s="544"/>
      <c r="J391" s="544"/>
      <c r="K391" s="544"/>
      <c r="L391" s="544"/>
      <c r="M391" s="544"/>
      <c r="N391" s="544"/>
      <c r="O391" s="544"/>
      <c r="P391" s="544"/>
      <c r="Q391" s="544"/>
      <c r="R391" s="544"/>
      <c r="S391" s="544"/>
      <c r="T391" s="545"/>
      <c r="U391" s="221" t="s">
        <v>664</v>
      </c>
      <c r="V391" s="546" t="s">
        <v>107</v>
      </c>
      <c r="W391" s="547"/>
      <c r="X391" s="547"/>
      <c r="Y391" s="547"/>
      <c r="Z391" s="548"/>
      <c r="AA391" s="623" t="s">
        <v>108</v>
      </c>
      <c r="AB391" s="624"/>
      <c r="AC391" s="625"/>
      <c r="AD391" s="415">
        <v>3</v>
      </c>
      <c r="AE391" s="415">
        <v>0</v>
      </c>
      <c r="AF391" s="646"/>
      <c r="AG391" s="647"/>
      <c r="AH391" s="549"/>
      <c r="AI391" s="550"/>
      <c r="AJ391" s="551"/>
      <c r="AK391" s="332"/>
      <c r="AL391" s="48"/>
      <c r="AM391" s="26"/>
      <c r="AN391" s="1" t="str">
        <f t="shared" si="15"/>
        <v>■</v>
      </c>
    </row>
    <row r="392" spans="1:40" s="1" customFormat="1" ht="13.4" customHeight="1">
      <c r="A392" s="20" t="str">
        <f t="shared" si="16"/>
        <v>IY</v>
      </c>
      <c r="B392" s="20"/>
      <c r="C392" s="541">
        <v>32</v>
      </c>
      <c r="D392" s="542"/>
      <c r="E392" s="543" t="s">
        <v>665</v>
      </c>
      <c r="F392" s="544"/>
      <c r="G392" s="544"/>
      <c r="H392" s="544"/>
      <c r="I392" s="544"/>
      <c r="J392" s="544"/>
      <c r="K392" s="544"/>
      <c r="L392" s="544"/>
      <c r="M392" s="544"/>
      <c r="N392" s="544"/>
      <c r="O392" s="544"/>
      <c r="P392" s="544"/>
      <c r="Q392" s="544"/>
      <c r="R392" s="544"/>
      <c r="S392" s="544"/>
      <c r="T392" s="545"/>
      <c r="U392" s="221" t="s">
        <v>666</v>
      </c>
      <c r="V392" s="546" t="s">
        <v>107</v>
      </c>
      <c r="W392" s="547"/>
      <c r="X392" s="547"/>
      <c r="Y392" s="547"/>
      <c r="Z392" s="548"/>
      <c r="AA392" s="623" t="s">
        <v>108</v>
      </c>
      <c r="AB392" s="624"/>
      <c r="AC392" s="625"/>
      <c r="AD392" s="415">
        <v>3</v>
      </c>
      <c r="AE392" s="415">
        <v>0</v>
      </c>
      <c r="AF392" s="646"/>
      <c r="AG392" s="647"/>
      <c r="AH392" s="549"/>
      <c r="AI392" s="550"/>
      <c r="AJ392" s="551"/>
      <c r="AK392" s="332"/>
      <c r="AL392" s="48"/>
      <c r="AM392" s="26"/>
      <c r="AN392" s="1" t="str">
        <f t="shared" si="15"/>
        <v>■</v>
      </c>
    </row>
    <row r="393" spans="1:40" s="1" customFormat="1" ht="13.4" customHeight="1">
      <c r="A393" s="20" t="str">
        <f t="shared" si="16"/>
        <v>IY</v>
      </c>
      <c r="B393" s="20"/>
      <c r="C393" s="541">
        <v>33</v>
      </c>
      <c r="D393" s="542"/>
      <c r="E393" s="543" t="s">
        <v>667</v>
      </c>
      <c r="F393" s="544"/>
      <c r="G393" s="544"/>
      <c r="H393" s="544"/>
      <c r="I393" s="544"/>
      <c r="J393" s="544"/>
      <c r="K393" s="544"/>
      <c r="L393" s="544"/>
      <c r="M393" s="544"/>
      <c r="N393" s="544"/>
      <c r="O393" s="544"/>
      <c r="P393" s="544"/>
      <c r="Q393" s="544"/>
      <c r="R393" s="544"/>
      <c r="S393" s="544"/>
      <c r="T393" s="545"/>
      <c r="U393" s="221" t="s">
        <v>668</v>
      </c>
      <c r="V393" s="546" t="s">
        <v>107</v>
      </c>
      <c r="W393" s="547"/>
      <c r="X393" s="547"/>
      <c r="Y393" s="547"/>
      <c r="Z393" s="548"/>
      <c r="AA393" s="623" t="s">
        <v>108</v>
      </c>
      <c r="AB393" s="624"/>
      <c r="AC393" s="625"/>
      <c r="AD393" s="415">
        <v>3</v>
      </c>
      <c r="AE393" s="415">
        <v>0</v>
      </c>
      <c r="AF393" s="646"/>
      <c r="AG393" s="647"/>
      <c r="AH393" s="549"/>
      <c r="AI393" s="550"/>
      <c r="AJ393" s="551"/>
      <c r="AK393" s="332"/>
      <c r="AL393" s="48"/>
      <c r="AM393" s="26"/>
      <c r="AN393" s="1" t="str">
        <f t="shared" si="15"/>
        <v>■</v>
      </c>
    </row>
    <row r="394" spans="1:40" s="1" customFormat="1" ht="13.4" customHeight="1">
      <c r="A394" s="20" t="str">
        <f t="shared" si="16"/>
        <v>IY</v>
      </c>
      <c r="B394" s="20"/>
      <c r="C394" s="541">
        <v>34</v>
      </c>
      <c r="D394" s="542"/>
      <c r="E394" s="543" t="s">
        <v>669</v>
      </c>
      <c r="F394" s="544"/>
      <c r="G394" s="544"/>
      <c r="H394" s="544"/>
      <c r="I394" s="544"/>
      <c r="J394" s="544"/>
      <c r="K394" s="544"/>
      <c r="L394" s="544"/>
      <c r="M394" s="544"/>
      <c r="N394" s="544"/>
      <c r="O394" s="544"/>
      <c r="P394" s="544"/>
      <c r="Q394" s="544"/>
      <c r="R394" s="544"/>
      <c r="S394" s="544"/>
      <c r="T394" s="545"/>
      <c r="U394" s="221" t="s">
        <v>670</v>
      </c>
      <c r="V394" s="546" t="s">
        <v>107</v>
      </c>
      <c r="W394" s="547"/>
      <c r="X394" s="547"/>
      <c r="Y394" s="547"/>
      <c r="Z394" s="548"/>
      <c r="AA394" s="623" t="s">
        <v>108</v>
      </c>
      <c r="AB394" s="624"/>
      <c r="AC394" s="625"/>
      <c r="AD394" s="415">
        <v>3</v>
      </c>
      <c r="AE394" s="415">
        <v>0</v>
      </c>
      <c r="AF394" s="646"/>
      <c r="AG394" s="647"/>
      <c r="AH394" s="549"/>
      <c r="AI394" s="550"/>
      <c r="AJ394" s="551"/>
      <c r="AK394" s="332"/>
      <c r="AL394" s="48"/>
      <c r="AM394" s="26"/>
      <c r="AN394" s="1" t="str">
        <f t="shared" si="15"/>
        <v>■</v>
      </c>
    </row>
    <row r="395" spans="1:40" s="1" customFormat="1" ht="13.4" customHeight="1">
      <c r="A395" s="20" t="str">
        <f t="shared" si="16"/>
        <v>IY</v>
      </c>
      <c r="B395" s="20"/>
      <c r="C395" s="541">
        <v>35</v>
      </c>
      <c r="D395" s="542"/>
      <c r="E395" s="543" t="s">
        <v>671</v>
      </c>
      <c r="F395" s="544"/>
      <c r="G395" s="544"/>
      <c r="H395" s="544"/>
      <c r="I395" s="544"/>
      <c r="J395" s="544"/>
      <c r="K395" s="544"/>
      <c r="L395" s="544"/>
      <c r="M395" s="544"/>
      <c r="N395" s="544"/>
      <c r="O395" s="544"/>
      <c r="P395" s="544"/>
      <c r="Q395" s="544"/>
      <c r="R395" s="544"/>
      <c r="S395" s="544"/>
      <c r="T395" s="545"/>
      <c r="U395" s="221" t="s">
        <v>672</v>
      </c>
      <c r="V395" s="546" t="s">
        <v>107</v>
      </c>
      <c r="W395" s="547"/>
      <c r="X395" s="547"/>
      <c r="Y395" s="547"/>
      <c r="Z395" s="548"/>
      <c r="AA395" s="623" t="s">
        <v>108</v>
      </c>
      <c r="AB395" s="624"/>
      <c r="AC395" s="625"/>
      <c r="AD395" s="415">
        <v>3</v>
      </c>
      <c r="AE395" s="415">
        <v>0</v>
      </c>
      <c r="AF395" s="646"/>
      <c r="AG395" s="647"/>
      <c r="AH395" s="549"/>
      <c r="AI395" s="550"/>
      <c r="AJ395" s="551"/>
      <c r="AK395" s="332"/>
      <c r="AL395" s="48"/>
      <c r="AM395" s="26"/>
      <c r="AN395" s="1" t="str">
        <f t="shared" si="15"/>
        <v>■</v>
      </c>
    </row>
    <row r="396" spans="1:40" s="1" customFormat="1" ht="13.4" customHeight="1">
      <c r="A396" s="20" t="str">
        <f t="shared" si="16"/>
        <v>IY</v>
      </c>
      <c r="B396" s="20"/>
      <c r="C396" s="541">
        <v>36</v>
      </c>
      <c r="D396" s="542"/>
      <c r="E396" s="543" t="s">
        <v>673</v>
      </c>
      <c r="F396" s="544"/>
      <c r="G396" s="544"/>
      <c r="H396" s="544"/>
      <c r="I396" s="544"/>
      <c r="J396" s="544"/>
      <c r="K396" s="544"/>
      <c r="L396" s="544"/>
      <c r="M396" s="544"/>
      <c r="N396" s="544"/>
      <c r="O396" s="544"/>
      <c r="P396" s="544"/>
      <c r="Q396" s="544"/>
      <c r="R396" s="544"/>
      <c r="S396" s="544"/>
      <c r="T396" s="545"/>
      <c r="U396" s="221" t="s">
        <v>674</v>
      </c>
      <c r="V396" s="546" t="s">
        <v>107</v>
      </c>
      <c r="W396" s="547"/>
      <c r="X396" s="547"/>
      <c r="Y396" s="547"/>
      <c r="Z396" s="548"/>
      <c r="AA396" s="623" t="s">
        <v>108</v>
      </c>
      <c r="AB396" s="624"/>
      <c r="AC396" s="625"/>
      <c r="AD396" s="415">
        <v>3</v>
      </c>
      <c r="AE396" s="415">
        <v>0</v>
      </c>
      <c r="AF396" s="646"/>
      <c r="AG396" s="647"/>
      <c r="AH396" s="549"/>
      <c r="AI396" s="550"/>
      <c r="AJ396" s="551"/>
      <c r="AK396" s="332"/>
      <c r="AL396" s="48"/>
      <c r="AM396" s="26"/>
      <c r="AN396" s="1" t="str">
        <f t="shared" si="15"/>
        <v>■</v>
      </c>
    </row>
    <row r="397" spans="1:40" s="1" customFormat="1" ht="13.4" customHeight="1">
      <c r="A397" s="20" t="str">
        <f t="shared" si="16"/>
        <v>IY</v>
      </c>
      <c r="B397" s="20"/>
      <c r="C397" s="541">
        <v>37</v>
      </c>
      <c r="D397" s="542"/>
      <c r="E397" s="543" t="s">
        <v>675</v>
      </c>
      <c r="F397" s="544"/>
      <c r="G397" s="544"/>
      <c r="H397" s="544"/>
      <c r="I397" s="544"/>
      <c r="J397" s="544"/>
      <c r="K397" s="544"/>
      <c r="L397" s="544"/>
      <c r="M397" s="544"/>
      <c r="N397" s="544"/>
      <c r="O397" s="544"/>
      <c r="P397" s="544"/>
      <c r="Q397" s="544"/>
      <c r="R397" s="544"/>
      <c r="S397" s="544"/>
      <c r="T397" s="545"/>
      <c r="U397" s="221" t="s">
        <v>676</v>
      </c>
      <c r="V397" s="546" t="s">
        <v>107</v>
      </c>
      <c r="W397" s="547"/>
      <c r="X397" s="547"/>
      <c r="Y397" s="547"/>
      <c r="Z397" s="548"/>
      <c r="AA397" s="623" t="s">
        <v>108</v>
      </c>
      <c r="AB397" s="624"/>
      <c r="AC397" s="625"/>
      <c r="AD397" s="415">
        <v>3</v>
      </c>
      <c r="AE397" s="415">
        <v>0</v>
      </c>
      <c r="AF397" s="646"/>
      <c r="AG397" s="647"/>
      <c r="AH397" s="549"/>
      <c r="AI397" s="550"/>
      <c r="AJ397" s="551"/>
      <c r="AK397" s="332"/>
      <c r="AL397" s="48"/>
      <c r="AM397" s="26"/>
      <c r="AN397" s="1" t="str">
        <f t="shared" si="15"/>
        <v>■</v>
      </c>
    </row>
    <row r="398" spans="1:40" s="1" customFormat="1" ht="13.4" customHeight="1">
      <c r="A398" s="20" t="str">
        <f t="shared" si="16"/>
        <v>IY</v>
      </c>
      <c r="B398" s="20"/>
      <c r="C398" s="541">
        <v>38</v>
      </c>
      <c r="D398" s="542"/>
      <c r="E398" s="543" t="s">
        <v>677</v>
      </c>
      <c r="F398" s="544"/>
      <c r="G398" s="544"/>
      <c r="H398" s="544"/>
      <c r="I398" s="544"/>
      <c r="J398" s="544"/>
      <c r="K398" s="544"/>
      <c r="L398" s="544"/>
      <c r="M398" s="544"/>
      <c r="N398" s="544"/>
      <c r="O398" s="544"/>
      <c r="P398" s="544"/>
      <c r="Q398" s="544"/>
      <c r="R398" s="544"/>
      <c r="S398" s="544"/>
      <c r="T398" s="545"/>
      <c r="U398" s="221" t="s">
        <v>678</v>
      </c>
      <c r="V398" s="546" t="s">
        <v>107</v>
      </c>
      <c r="W398" s="547"/>
      <c r="X398" s="547"/>
      <c r="Y398" s="547"/>
      <c r="Z398" s="548"/>
      <c r="AA398" s="623" t="s">
        <v>108</v>
      </c>
      <c r="AB398" s="624"/>
      <c r="AC398" s="625"/>
      <c r="AD398" s="415">
        <v>3</v>
      </c>
      <c r="AE398" s="415">
        <v>0</v>
      </c>
      <c r="AF398" s="646"/>
      <c r="AG398" s="647"/>
      <c r="AH398" s="549"/>
      <c r="AI398" s="550"/>
      <c r="AJ398" s="551"/>
      <c r="AK398" s="332"/>
      <c r="AL398" s="38"/>
      <c r="AM398" s="26"/>
      <c r="AN398" s="1" t="str">
        <f t="shared" si="15"/>
        <v>■</v>
      </c>
    </row>
    <row r="399" spans="1:40" s="1" customFormat="1" ht="13.4" customHeight="1">
      <c r="A399" s="20" t="str">
        <f t="shared" si="16"/>
        <v>IY</v>
      </c>
      <c r="B399" s="20"/>
      <c r="C399" s="541">
        <v>39</v>
      </c>
      <c r="D399" s="542"/>
      <c r="E399" s="543" t="s">
        <v>679</v>
      </c>
      <c r="F399" s="544"/>
      <c r="G399" s="544"/>
      <c r="H399" s="544"/>
      <c r="I399" s="544"/>
      <c r="J399" s="544"/>
      <c r="K399" s="544"/>
      <c r="L399" s="544"/>
      <c r="M399" s="544"/>
      <c r="N399" s="544"/>
      <c r="O399" s="544"/>
      <c r="P399" s="544"/>
      <c r="Q399" s="544"/>
      <c r="R399" s="544"/>
      <c r="S399" s="544"/>
      <c r="T399" s="545"/>
      <c r="U399" s="221" t="s">
        <v>680</v>
      </c>
      <c r="V399" s="546" t="s">
        <v>107</v>
      </c>
      <c r="W399" s="547"/>
      <c r="X399" s="547"/>
      <c r="Y399" s="547"/>
      <c r="Z399" s="548"/>
      <c r="AA399" s="623" t="s">
        <v>108</v>
      </c>
      <c r="AB399" s="624"/>
      <c r="AC399" s="625"/>
      <c r="AD399" s="415">
        <v>3</v>
      </c>
      <c r="AE399" s="415">
        <v>0</v>
      </c>
      <c r="AF399" s="646"/>
      <c r="AG399" s="647"/>
      <c r="AH399" s="549"/>
      <c r="AI399" s="550"/>
      <c r="AJ399" s="551"/>
      <c r="AK399" s="332"/>
      <c r="AL399" s="38"/>
      <c r="AM399" s="26"/>
      <c r="AN399" s="1" t="str">
        <f t="shared" si="15"/>
        <v>■</v>
      </c>
    </row>
    <row r="400" spans="1:40" s="1" customFormat="1" ht="13.4" customHeight="1">
      <c r="A400" s="20" t="str">
        <f t="shared" si="16"/>
        <v>IY</v>
      </c>
      <c r="B400" s="20"/>
      <c r="C400" s="541">
        <v>40</v>
      </c>
      <c r="D400" s="542"/>
      <c r="E400" s="543" t="s">
        <v>681</v>
      </c>
      <c r="F400" s="544"/>
      <c r="G400" s="544"/>
      <c r="H400" s="544"/>
      <c r="I400" s="544"/>
      <c r="J400" s="544"/>
      <c r="K400" s="544"/>
      <c r="L400" s="544"/>
      <c r="M400" s="544"/>
      <c r="N400" s="544"/>
      <c r="O400" s="544"/>
      <c r="P400" s="544"/>
      <c r="Q400" s="544"/>
      <c r="R400" s="544"/>
      <c r="S400" s="544"/>
      <c r="T400" s="545"/>
      <c r="U400" s="221" t="s">
        <v>682</v>
      </c>
      <c r="V400" s="546" t="s">
        <v>107</v>
      </c>
      <c r="W400" s="547"/>
      <c r="X400" s="547"/>
      <c r="Y400" s="547"/>
      <c r="Z400" s="548"/>
      <c r="AA400" s="623" t="s">
        <v>108</v>
      </c>
      <c r="AB400" s="624"/>
      <c r="AC400" s="625"/>
      <c r="AD400" s="415">
        <v>3</v>
      </c>
      <c r="AE400" s="415">
        <v>0</v>
      </c>
      <c r="AF400" s="646"/>
      <c r="AG400" s="647"/>
      <c r="AH400" s="549"/>
      <c r="AI400" s="550"/>
      <c r="AJ400" s="551"/>
      <c r="AK400" s="332"/>
      <c r="AL400" s="48"/>
      <c r="AM400" s="26"/>
      <c r="AN400" s="1" t="str">
        <f t="shared" si="15"/>
        <v>■</v>
      </c>
    </row>
    <row r="401" spans="1:40" s="13" customFormat="1" ht="13.4" customHeight="1">
      <c r="A401" s="20" t="str">
        <f t="shared" si="16"/>
        <v>IY</v>
      </c>
      <c r="B401" s="20"/>
      <c r="C401" s="541">
        <v>41</v>
      </c>
      <c r="D401" s="542"/>
      <c r="E401" s="543" t="s">
        <v>683</v>
      </c>
      <c r="F401" s="544"/>
      <c r="G401" s="544"/>
      <c r="H401" s="544"/>
      <c r="I401" s="544"/>
      <c r="J401" s="544"/>
      <c r="K401" s="544"/>
      <c r="L401" s="544"/>
      <c r="M401" s="544"/>
      <c r="N401" s="544"/>
      <c r="O401" s="544"/>
      <c r="P401" s="544"/>
      <c r="Q401" s="544"/>
      <c r="R401" s="544"/>
      <c r="S401" s="544"/>
      <c r="T401" s="545"/>
      <c r="U401" s="221" t="s">
        <v>684</v>
      </c>
      <c r="V401" s="546" t="s">
        <v>107</v>
      </c>
      <c r="W401" s="547"/>
      <c r="X401" s="547"/>
      <c r="Y401" s="547"/>
      <c r="Z401" s="548"/>
      <c r="AA401" s="623" t="s">
        <v>108</v>
      </c>
      <c r="AB401" s="624"/>
      <c r="AC401" s="625"/>
      <c r="AD401" s="415">
        <v>3</v>
      </c>
      <c r="AE401" s="415">
        <v>0</v>
      </c>
      <c r="AF401" s="646"/>
      <c r="AG401" s="647"/>
      <c r="AH401" s="549"/>
      <c r="AI401" s="550"/>
      <c r="AJ401" s="551"/>
      <c r="AK401" s="118"/>
      <c r="AL401" s="38"/>
      <c r="AM401" s="54"/>
      <c r="AN401" s="1" t="str">
        <f t="shared" si="15"/>
        <v>■</v>
      </c>
    </row>
    <row r="402" spans="1:40" s="13" customFormat="1" ht="13.4" customHeight="1">
      <c r="A402" s="20" t="str">
        <f t="shared" si="16"/>
        <v>IY</v>
      </c>
      <c r="B402" s="20"/>
      <c r="C402" s="541">
        <v>42</v>
      </c>
      <c r="D402" s="542"/>
      <c r="E402" s="543" t="s">
        <v>685</v>
      </c>
      <c r="F402" s="544"/>
      <c r="G402" s="544"/>
      <c r="H402" s="544"/>
      <c r="I402" s="544"/>
      <c r="J402" s="544"/>
      <c r="K402" s="544"/>
      <c r="L402" s="544"/>
      <c r="M402" s="544"/>
      <c r="N402" s="544"/>
      <c r="O402" s="544"/>
      <c r="P402" s="544"/>
      <c r="Q402" s="544"/>
      <c r="R402" s="544"/>
      <c r="S402" s="544"/>
      <c r="T402" s="545"/>
      <c r="U402" s="221" t="s">
        <v>686</v>
      </c>
      <c r="V402" s="546" t="s">
        <v>107</v>
      </c>
      <c r="W402" s="547"/>
      <c r="X402" s="547"/>
      <c r="Y402" s="547"/>
      <c r="Z402" s="548"/>
      <c r="AA402" s="623" t="s">
        <v>108</v>
      </c>
      <c r="AB402" s="624"/>
      <c r="AC402" s="625"/>
      <c r="AD402" s="415">
        <v>3</v>
      </c>
      <c r="AE402" s="415">
        <v>0</v>
      </c>
      <c r="AF402" s="646"/>
      <c r="AG402" s="647"/>
      <c r="AH402" s="549"/>
      <c r="AI402" s="550"/>
      <c r="AJ402" s="551"/>
      <c r="AK402" s="118"/>
      <c r="AL402" s="38"/>
      <c r="AM402" s="54"/>
      <c r="AN402" s="1" t="str">
        <f t="shared" si="15"/>
        <v>■</v>
      </c>
    </row>
    <row r="403" spans="1:40" s="1" customFormat="1" ht="13.4" customHeight="1">
      <c r="A403" s="20" t="str">
        <f t="shared" si="16"/>
        <v>IY</v>
      </c>
      <c r="B403" s="20"/>
      <c r="C403" s="541">
        <v>43</v>
      </c>
      <c r="D403" s="542"/>
      <c r="E403" s="543" t="s">
        <v>687</v>
      </c>
      <c r="F403" s="544"/>
      <c r="G403" s="544"/>
      <c r="H403" s="544"/>
      <c r="I403" s="544"/>
      <c r="J403" s="544"/>
      <c r="K403" s="544"/>
      <c r="L403" s="544"/>
      <c r="M403" s="544"/>
      <c r="N403" s="544"/>
      <c r="O403" s="544"/>
      <c r="P403" s="544"/>
      <c r="Q403" s="544"/>
      <c r="R403" s="544"/>
      <c r="S403" s="544"/>
      <c r="T403" s="545"/>
      <c r="U403" s="221" t="s">
        <v>688</v>
      </c>
      <c r="V403" s="546" t="s">
        <v>107</v>
      </c>
      <c r="W403" s="547"/>
      <c r="X403" s="547"/>
      <c r="Y403" s="547"/>
      <c r="Z403" s="548"/>
      <c r="AA403" s="623" t="s">
        <v>108</v>
      </c>
      <c r="AB403" s="624"/>
      <c r="AC403" s="625"/>
      <c r="AD403" s="415">
        <v>3</v>
      </c>
      <c r="AE403" s="415">
        <v>0</v>
      </c>
      <c r="AF403" s="646"/>
      <c r="AG403" s="647"/>
      <c r="AH403" s="549"/>
      <c r="AI403" s="550"/>
      <c r="AJ403" s="551"/>
      <c r="AK403" s="332"/>
      <c r="AL403" s="38"/>
      <c r="AM403" s="26"/>
      <c r="AN403" s="1" t="str">
        <f t="shared" si="15"/>
        <v>■</v>
      </c>
    </row>
    <row r="404" spans="1:40" s="13" customFormat="1" ht="13.4" customHeight="1">
      <c r="A404" s="20" t="str">
        <f t="shared" si="16"/>
        <v>IY</v>
      </c>
      <c r="B404" s="20"/>
      <c r="C404" s="541">
        <v>44</v>
      </c>
      <c r="D404" s="542"/>
      <c r="E404" s="543" t="s">
        <v>689</v>
      </c>
      <c r="F404" s="544"/>
      <c r="G404" s="544"/>
      <c r="H404" s="544"/>
      <c r="I404" s="544"/>
      <c r="J404" s="544"/>
      <c r="K404" s="544"/>
      <c r="L404" s="544"/>
      <c r="M404" s="544"/>
      <c r="N404" s="544"/>
      <c r="O404" s="544"/>
      <c r="P404" s="544"/>
      <c r="Q404" s="544"/>
      <c r="R404" s="544"/>
      <c r="S404" s="544"/>
      <c r="T404" s="545"/>
      <c r="U404" s="229" t="s">
        <v>690</v>
      </c>
      <c r="V404" s="546" t="s">
        <v>107</v>
      </c>
      <c r="W404" s="547"/>
      <c r="X404" s="547"/>
      <c r="Y404" s="547"/>
      <c r="Z404" s="548"/>
      <c r="AA404" s="623" t="s">
        <v>102</v>
      </c>
      <c r="AB404" s="624"/>
      <c r="AC404" s="625"/>
      <c r="AD404" s="415">
        <v>2</v>
      </c>
      <c r="AE404" s="415" t="s">
        <v>103</v>
      </c>
      <c r="AF404" s="646"/>
      <c r="AG404" s="647"/>
      <c r="AH404" s="549"/>
      <c r="AI404" s="550"/>
      <c r="AJ404" s="551"/>
      <c r="AK404" s="118"/>
      <c r="AL404" s="38"/>
      <c r="AM404" s="54"/>
      <c r="AN404" s="1" t="str">
        <f t="shared" si="15"/>
        <v>■</v>
      </c>
    </row>
    <row r="405" spans="1:40" s="13" customFormat="1" ht="13.4" customHeight="1">
      <c r="A405" s="20" t="str">
        <f t="shared" si="16"/>
        <v>IY</v>
      </c>
      <c r="B405" s="20"/>
      <c r="C405" s="541">
        <v>45</v>
      </c>
      <c r="D405" s="542"/>
      <c r="E405" s="543" t="s">
        <v>1314</v>
      </c>
      <c r="F405" s="544"/>
      <c r="G405" s="544"/>
      <c r="H405" s="544"/>
      <c r="I405" s="544"/>
      <c r="J405" s="544"/>
      <c r="K405" s="544"/>
      <c r="L405" s="544"/>
      <c r="M405" s="544"/>
      <c r="N405" s="544"/>
      <c r="O405" s="544"/>
      <c r="P405" s="544"/>
      <c r="Q405" s="544"/>
      <c r="R405" s="544"/>
      <c r="S405" s="544"/>
      <c r="T405" s="545"/>
      <c r="U405" s="229" t="s">
        <v>692</v>
      </c>
      <c r="V405" s="546" t="s">
        <v>107</v>
      </c>
      <c r="W405" s="547"/>
      <c r="X405" s="547"/>
      <c r="Y405" s="547"/>
      <c r="Z405" s="548"/>
      <c r="AA405" s="623" t="s">
        <v>108</v>
      </c>
      <c r="AB405" s="624"/>
      <c r="AC405" s="625"/>
      <c r="AD405" s="415">
        <v>5</v>
      </c>
      <c r="AE405" s="415">
        <v>0</v>
      </c>
      <c r="AF405" s="646"/>
      <c r="AG405" s="647"/>
      <c r="AH405" s="549"/>
      <c r="AI405" s="550"/>
      <c r="AJ405" s="551"/>
      <c r="AK405" s="118"/>
      <c r="AL405" s="38"/>
      <c r="AM405" s="54"/>
      <c r="AN405" s="1" t="str">
        <f t="shared" si="15"/>
        <v>■</v>
      </c>
    </row>
    <row r="406" spans="1:40" s="13" customFormat="1" ht="13.4" customHeight="1">
      <c r="A406" s="20" t="str">
        <f t="shared" si="16"/>
        <v>IY</v>
      </c>
      <c r="B406" s="20"/>
      <c r="C406" s="541">
        <v>46</v>
      </c>
      <c r="D406" s="542"/>
      <c r="E406" s="543" t="s">
        <v>1315</v>
      </c>
      <c r="F406" s="544"/>
      <c r="G406" s="544"/>
      <c r="H406" s="544"/>
      <c r="I406" s="544"/>
      <c r="J406" s="544"/>
      <c r="K406" s="544"/>
      <c r="L406" s="544"/>
      <c r="M406" s="544"/>
      <c r="N406" s="544"/>
      <c r="O406" s="544"/>
      <c r="P406" s="544"/>
      <c r="Q406" s="544"/>
      <c r="R406" s="544"/>
      <c r="S406" s="544"/>
      <c r="T406" s="545"/>
      <c r="U406" s="229" t="s">
        <v>694</v>
      </c>
      <c r="V406" s="546" t="s">
        <v>107</v>
      </c>
      <c r="W406" s="547"/>
      <c r="X406" s="547"/>
      <c r="Y406" s="547"/>
      <c r="Z406" s="548"/>
      <c r="AA406" s="623" t="s">
        <v>108</v>
      </c>
      <c r="AB406" s="624"/>
      <c r="AC406" s="625"/>
      <c r="AD406" s="415">
        <v>5</v>
      </c>
      <c r="AE406" s="415">
        <v>0</v>
      </c>
      <c r="AF406" s="646"/>
      <c r="AG406" s="647"/>
      <c r="AH406" s="549"/>
      <c r="AI406" s="550"/>
      <c r="AJ406" s="551"/>
      <c r="AK406" s="118"/>
      <c r="AL406" s="38"/>
      <c r="AM406" s="54"/>
      <c r="AN406" s="1" t="str">
        <f t="shared" si="15"/>
        <v>■</v>
      </c>
    </row>
    <row r="407" spans="1:40" s="13" customFormat="1" ht="13.4" customHeight="1">
      <c r="A407" s="20" t="str">
        <f t="shared" si="16"/>
        <v>IY</v>
      </c>
      <c r="B407" s="20"/>
      <c r="C407" s="541">
        <v>47</v>
      </c>
      <c r="D407" s="542"/>
      <c r="E407" s="543" t="s">
        <v>1316</v>
      </c>
      <c r="F407" s="544"/>
      <c r="G407" s="544"/>
      <c r="H407" s="544"/>
      <c r="I407" s="544"/>
      <c r="J407" s="544"/>
      <c r="K407" s="544"/>
      <c r="L407" s="544"/>
      <c r="M407" s="544"/>
      <c r="N407" s="544"/>
      <c r="O407" s="544"/>
      <c r="P407" s="544"/>
      <c r="Q407" s="544"/>
      <c r="R407" s="544"/>
      <c r="S407" s="544"/>
      <c r="T407" s="545"/>
      <c r="U407" s="229" t="s">
        <v>696</v>
      </c>
      <c r="V407" s="546" t="s">
        <v>107</v>
      </c>
      <c r="W407" s="547"/>
      <c r="X407" s="547"/>
      <c r="Y407" s="547"/>
      <c r="Z407" s="548"/>
      <c r="AA407" s="623" t="s">
        <v>108</v>
      </c>
      <c r="AB407" s="624"/>
      <c r="AC407" s="625"/>
      <c r="AD407" s="415">
        <v>7</v>
      </c>
      <c r="AE407" s="415">
        <v>0</v>
      </c>
      <c r="AF407" s="646"/>
      <c r="AG407" s="647"/>
      <c r="AH407" s="549"/>
      <c r="AI407" s="550"/>
      <c r="AJ407" s="551"/>
      <c r="AK407" s="332" t="s">
        <v>1321</v>
      </c>
      <c r="AL407" s="48"/>
      <c r="AM407" s="54"/>
      <c r="AN407" s="1" t="str">
        <f t="shared" si="15"/>
        <v>■</v>
      </c>
    </row>
    <row r="408" spans="1:40" s="13" customFormat="1" ht="13.4" customHeight="1">
      <c r="A408" s="20" t="str">
        <f t="shared" si="16"/>
        <v>IY</v>
      </c>
      <c r="B408" s="20"/>
      <c r="C408" s="541">
        <v>48</v>
      </c>
      <c r="D408" s="542"/>
      <c r="E408" s="543" t="s">
        <v>1317</v>
      </c>
      <c r="F408" s="544"/>
      <c r="G408" s="544"/>
      <c r="H408" s="544"/>
      <c r="I408" s="544"/>
      <c r="J408" s="544"/>
      <c r="K408" s="544"/>
      <c r="L408" s="544"/>
      <c r="M408" s="544"/>
      <c r="N408" s="544"/>
      <c r="O408" s="544"/>
      <c r="P408" s="544"/>
      <c r="Q408" s="544"/>
      <c r="R408" s="544"/>
      <c r="S408" s="544"/>
      <c r="T408" s="545"/>
      <c r="U408" s="229" t="s">
        <v>699</v>
      </c>
      <c r="V408" s="546" t="s">
        <v>101</v>
      </c>
      <c r="W408" s="547"/>
      <c r="X408" s="547"/>
      <c r="Y408" s="547"/>
      <c r="Z408" s="548"/>
      <c r="AA408" s="623" t="s">
        <v>102</v>
      </c>
      <c r="AB408" s="624"/>
      <c r="AC408" s="625"/>
      <c r="AD408" s="415">
        <v>6</v>
      </c>
      <c r="AE408" s="415" t="s">
        <v>103</v>
      </c>
      <c r="AF408" s="646"/>
      <c r="AG408" s="647"/>
      <c r="AH408" s="549"/>
      <c r="AI408" s="550"/>
      <c r="AJ408" s="551"/>
      <c r="AK408" s="332" t="s">
        <v>1321</v>
      </c>
      <c r="AL408" s="48"/>
      <c r="AM408" s="54"/>
      <c r="AN408" s="1" t="str">
        <f t="shared" si="15"/>
        <v>■</v>
      </c>
    </row>
    <row r="409" spans="1:40" s="13" customFormat="1" ht="13.4" customHeight="1">
      <c r="A409" s="20" t="str">
        <f t="shared" si="16"/>
        <v>IY</v>
      </c>
      <c r="B409" s="20"/>
      <c r="C409" s="541">
        <v>49</v>
      </c>
      <c r="D409" s="542"/>
      <c r="E409" s="543" t="s">
        <v>1311</v>
      </c>
      <c r="F409" s="544"/>
      <c r="G409" s="544"/>
      <c r="H409" s="544"/>
      <c r="I409" s="544"/>
      <c r="J409" s="544"/>
      <c r="K409" s="544"/>
      <c r="L409" s="544"/>
      <c r="M409" s="544"/>
      <c r="N409" s="544"/>
      <c r="O409" s="544"/>
      <c r="P409" s="544"/>
      <c r="Q409" s="544"/>
      <c r="R409" s="544"/>
      <c r="S409" s="544"/>
      <c r="T409" s="545"/>
      <c r="U409" s="229" t="s">
        <v>701</v>
      </c>
      <c r="V409" s="546" t="s">
        <v>107</v>
      </c>
      <c r="W409" s="547"/>
      <c r="X409" s="547"/>
      <c r="Y409" s="547"/>
      <c r="Z409" s="548"/>
      <c r="AA409" s="623" t="s">
        <v>108</v>
      </c>
      <c r="AB409" s="624"/>
      <c r="AC409" s="625"/>
      <c r="AD409" s="415">
        <v>3</v>
      </c>
      <c r="AE409" s="415">
        <v>0</v>
      </c>
      <c r="AF409" s="646"/>
      <c r="AG409" s="647"/>
      <c r="AH409" s="549"/>
      <c r="AI409" s="550"/>
      <c r="AJ409" s="551"/>
      <c r="AK409" s="118"/>
      <c r="AL409" s="48"/>
      <c r="AM409" s="54"/>
      <c r="AN409" s="1" t="str">
        <f t="shared" si="15"/>
        <v>■</v>
      </c>
    </row>
    <row r="410" spans="1:40" s="1" customFormat="1" ht="13.4" customHeight="1">
      <c r="A410" s="20" t="str">
        <f t="shared" si="16"/>
        <v>IY</v>
      </c>
      <c r="B410" s="20"/>
      <c r="C410" s="541">
        <v>50</v>
      </c>
      <c r="D410" s="542"/>
      <c r="E410" s="543" t="s">
        <v>1312</v>
      </c>
      <c r="F410" s="544"/>
      <c r="G410" s="544"/>
      <c r="H410" s="544"/>
      <c r="I410" s="544"/>
      <c r="J410" s="544"/>
      <c r="K410" s="544"/>
      <c r="L410" s="544"/>
      <c r="M410" s="544"/>
      <c r="N410" s="544"/>
      <c r="O410" s="544"/>
      <c r="P410" s="544"/>
      <c r="Q410" s="544"/>
      <c r="R410" s="544"/>
      <c r="S410" s="544"/>
      <c r="T410" s="545"/>
      <c r="U410" s="229" t="s">
        <v>703</v>
      </c>
      <c r="V410" s="546" t="s">
        <v>101</v>
      </c>
      <c r="W410" s="547"/>
      <c r="X410" s="547"/>
      <c r="Y410" s="547"/>
      <c r="Z410" s="548"/>
      <c r="AA410" s="623" t="s">
        <v>102</v>
      </c>
      <c r="AB410" s="624"/>
      <c r="AC410" s="625"/>
      <c r="AD410" s="415">
        <v>6</v>
      </c>
      <c r="AE410" s="415" t="s">
        <v>103</v>
      </c>
      <c r="AF410" s="646"/>
      <c r="AG410" s="647"/>
      <c r="AH410" s="549"/>
      <c r="AI410" s="550"/>
      <c r="AJ410" s="551"/>
      <c r="AK410" s="332"/>
      <c r="AL410" s="48"/>
      <c r="AM410" s="26"/>
      <c r="AN410" s="1" t="str">
        <f t="shared" si="15"/>
        <v>■</v>
      </c>
    </row>
    <row r="411" spans="1:40" s="1" customFormat="1" ht="13.4" customHeight="1">
      <c r="A411" s="20" t="str">
        <f t="shared" si="16"/>
        <v>IY</v>
      </c>
      <c r="B411" s="20"/>
      <c r="C411" s="541">
        <v>51</v>
      </c>
      <c r="D411" s="542"/>
      <c r="E411" s="543" t="s">
        <v>409</v>
      </c>
      <c r="F411" s="544"/>
      <c r="G411" s="544"/>
      <c r="H411" s="544"/>
      <c r="I411" s="544"/>
      <c r="J411" s="544"/>
      <c r="K411" s="544"/>
      <c r="L411" s="544"/>
      <c r="M411" s="544"/>
      <c r="N411" s="544"/>
      <c r="O411" s="544"/>
      <c r="P411" s="544"/>
      <c r="Q411" s="544"/>
      <c r="R411" s="544"/>
      <c r="S411" s="544"/>
      <c r="T411" s="545"/>
      <c r="U411" s="229" t="s">
        <v>453</v>
      </c>
      <c r="V411" s="546" t="s">
        <v>107</v>
      </c>
      <c r="W411" s="547"/>
      <c r="X411" s="547"/>
      <c r="Y411" s="547"/>
      <c r="Z411" s="548"/>
      <c r="AA411" s="623" t="s">
        <v>102</v>
      </c>
      <c r="AB411" s="624"/>
      <c r="AC411" s="625"/>
      <c r="AD411" s="415">
        <v>6</v>
      </c>
      <c r="AE411" s="415" t="s">
        <v>103</v>
      </c>
      <c r="AF411" s="646"/>
      <c r="AG411" s="647"/>
      <c r="AH411" s="549"/>
      <c r="AI411" s="550"/>
      <c r="AJ411" s="551"/>
      <c r="AK411" s="332"/>
      <c r="AL411" s="48"/>
      <c r="AM411" s="26"/>
      <c r="AN411" s="1" t="str">
        <f t="shared" si="15"/>
        <v>■</v>
      </c>
    </row>
    <row r="412" spans="1:40" s="1" customFormat="1" ht="13.4" customHeight="1">
      <c r="A412" s="20" t="str">
        <f t="shared" si="16"/>
        <v>IY</v>
      </c>
      <c r="B412" s="20"/>
      <c r="C412" s="541">
        <v>52</v>
      </c>
      <c r="D412" s="542"/>
      <c r="E412" s="543" t="s">
        <v>411</v>
      </c>
      <c r="F412" s="544"/>
      <c r="G412" s="544"/>
      <c r="H412" s="544"/>
      <c r="I412" s="544"/>
      <c r="J412" s="544"/>
      <c r="K412" s="544"/>
      <c r="L412" s="544"/>
      <c r="M412" s="544"/>
      <c r="N412" s="544"/>
      <c r="O412" s="544"/>
      <c r="P412" s="544"/>
      <c r="Q412" s="544"/>
      <c r="R412" s="544"/>
      <c r="S412" s="544"/>
      <c r="T412" s="545"/>
      <c r="U412" s="229" t="s">
        <v>516</v>
      </c>
      <c r="V412" s="546" t="s">
        <v>107</v>
      </c>
      <c r="W412" s="547"/>
      <c r="X412" s="547"/>
      <c r="Y412" s="547"/>
      <c r="Z412" s="548"/>
      <c r="AA412" s="623" t="s">
        <v>102</v>
      </c>
      <c r="AB412" s="624"/>
      <c r="AC412" s="625"/>
      <c r="AD412" s="415">
        <v>6</v>
      </c>
      <c r="AE412" s="415" t="s">
        <v>103</v>
      </c>
      <c r="AF412" s="646"/>
      <c r="AG412" s="647"/>
      <c r="AH412" s="549"/>
      <c r="AI412" s="550"/>
      <c r="AJ412" s="551"/>
      <c r="AK412" s="332"/>
      <c r="AL412" s="48"/>
      <c r="AM412" s="26"/>
      <c r="AN412" s="1" t="str">
        <f t="shared" si="15"/>
        <v>■</v>
      </c>
    </row>
    <row r="413" spans="1:40" s="1" customFormat="1" ht="13.4" customHeight="1">
      <c r="A413" s="20" t="str">
        <f t="shared" si="16"/>
        <v>IY</v>
      </c>
      <c r="B413" s="70"/>
      <c r="C413" s="26"/>
      <c r="D413" s="26"/>
      <c r="E413" s="26"/>
      <c r="F413" s="26"/>
      <c r="G413" s="26"/>
      <c r="H413" s="26"/>
      <c r="I413" s="26"/>
      <c r="J413" s="26"/>
      <c r="K413" s="26"/>
      <c r="L413" s="26"/>
      <c r="M413" s="26"/>
      <c r="N413" s="26"/>
      <c r="O413" s="26"/>
      <c r="P413" s="26"/>
      <c r="Q413" s="26"/>
      <c r="R413" s="26"/>
      <c r="S413" s="26"/>
      <c r="T413" s="26"/>
      <c r="U413" s="26"/>
      <c r="V413" s="122"/>
      <c r="W413" s="122"/>
      <c r="X413" s="122"/>
      <c r="Y413" s="122"/>
      <c r="Z413" s="122"/>
      <c r="AA413" s="634"/>
      <c r="AB413" s="634"/>
      <c r="AC413" s="634"/>
      <c r="AD413" s="122"/>
      <c r="AE413" s="122"/>
      <c r="AF413" s="122"/>
      <c r="AG413" s="122"/>
      <c r="AH413" s="122"/>
      <c r="AI413" s="122"/>
      <c r="AJ413" s="122"/>
      <c r="AK413" s="26"/>
      <c r="AL413" s="48"/>
      <c r="AM413" s="26"/>
    </row>
    <row r="414" spans="1:40" s="1" customFormat="1" ht="13.4" customHeight="1">
      <c r="A414" s="20" t="str">
        <f t="shared" si="16"/>
        <v>TO</v>
      </c>
      <c r="B414" s="20"/>
      <c r="C414" s="52" t="s">
        <v>380</v>
      </c>
      <c r="D414" s="53"/>
      <c r="E414" s="26"/>
      <c r="F414" s="26"/>
      <c r="G414" s="26"/>
      <c r="H414" s="26"/>
      <c r="I414" s="26"/>
      <c r="J414" s="26" t="s">
        <v>713</v>
      </c>
      <c r="K414" s="71"/>
      <c r="L414" s="26"/>
      <c r="M414" s="71"/>
      <c r="N414" s="26"/>
      <c r="O414" s="26"/>
      <c r="P414" s="26"/>
      <c r="Q414" s="26"/>
      <c r="R414" s="26"/>
      <c r="S414" s="26"/>
      <c r="T414" s="26"/>
      <c r="U414" s="26" t="s">
        <v>1322</v>
      </c>
      <c r="V414" s="122"/>
      <c r="W414" s="122"/>
      <c r="X414" s="122"/>
      <c r="Y414" s="122"/>
      <c r="Z414" s="122"/>
      <c r="AA414" s="630"/>
      <c r="AB414" s="630"/>
      <c r="AC414" s="630"/>
      <c r="AD414" s="122"/>
      <c r="AE414" s="122"/>
      <c r="AF414" s="122"/>
      <c r="AG414" s="122"/>
      <c r="AH414" s="122"/>
      <c r="AI414" s="122"/>
      <c r="AJ414" s="122"/>
      <c r="AK414" s="26"/>
      <c r="AL414" s="48"/>
      <c r="AM414" s="26"/>
    </row>
    <row r="415" spans="1:40" s="1" customFormat="1" ht="13.5" customHeight="1">
      <c r="A415" s="20" t="str">
        <f t="shared" si="16"/>
        <v>TO</v>
      </c>
      <c r="B415" s="20"/>
      <c r="C415" s="583" t="s">
        <v>73</v>
      </c>
      <c r="D415" s="573"/>
      <c r="E415" s="583" t="s">
        <v>94</v>
      </c>
      <c r="F415" s="583"/>
      <c r="G415" s="583"/>
      <c r="H415" s="583"/>
      <c r="I415" s="583"/>
      <c r="J415" s="583"/>
      <c r="K415" s="583"/>
      <c r="L415" s="583"/>
      <c r="M415" s="583"/>
      <c r="N415" s="583"/>
      <c r="O415" s="583"/>
      <c r="P415" s="583"/>
      <c r="Q415" s="583"/>
      <c r="R415" s="583"/>
      <c r="S415" s="583"/>
      <c r="T415" s="583"/>
      <c r="U415" s="226" t="s">
        <v>383</v>
      </c>
      <c r="V415" s="572" t="s">
        <v>138</v>
      </c>
      <c r="W415" s="572"/>
      <c r="X415" s="572"/>
      <c r="Y415" s="572"/>
      <c r="Z415" s="572"/>
      <c r="AA415" s="652" t="s">
        <v>959</v>
      </c>
      <c r="AB415" s="653"/>
      <c r="AC415" s="654"/>
      <c r="AD415" s="572" t="s">
        <v>97</v>
      </c>
      <c r="AE415" s="572"/>
      <c r="AF415" s="572" t="s">
        <v>98</v>
      </c>
      <c r="AG415" s="572"/>
      <c r="AH415" s="583" t="s">
        <v>75</v>
      </c>
      <c r="AI415" s="583"/>
      <c r="AJ415" s="583"/>
      <c r="AK415" s="581" t="s">
        <v>159</v>
      </c>
      <c r="AL415" s="48"/>
      <c r="AM415" s="26"/>
    </row>
    <row r="416" spans="1:40" s="1" customFormat="1" ht="13.4" customHeight="1">
      <c r="A416" s="20" t="str">
        <f t="shared" si="16"/>
        <v>TO</v>
      </c>
      <c r="B416" s="20"/>
      <c r="C416" s="573"/>
      <c r="D416" s="573"/>
      <c r="E416" s="583"/>
      <c r="F416" s="583"/>
      <c r="G416" s="583"/>
      <c r="H416" s="583"/>
      <c r="I416" s="583"/>
      <c r="J416" s="583"/>
      <c r="K416" s="583"/>
      <c r="L416" s="583"/>
      <c r="M416" s="583"/>
      <c r="N416" s="583"/>
      <c r="O416" s="583"/>
      <c r="P416" s="583"/>
      <c r="Q416" s="583"/>
      <c r="R416" s="583"/>
      <c r="S416" s="583"/>
      <c r="T416" s="583"/>
      <c r="U416" s="227"/>
      <c r="V416" s="572"/>
      <c r="W416" s="572"/>
      <c r="X416" s="572"/>
      <c r="Y416" s="572"/>
      <c r="Z416" s="572"/>
      <c r="AA416" s="655"/>
      <c r="AB416" s="656"/>
      <c r="AC416" s="657"/>
      <c r="AD416" s="572"/>
      <c r="AE416" s="572"/>
      <c r="AF416" s="572"/>
      <c r="AG416" s="572"/>
      <c r="AH416" s="583"/>
      <c r="AI416" s="583"/>
      <c r="AJ416" s="583"/>
      <c r="AK416" s="582"/>
      <c r="AL416" s="38"/>
      <c r="AM416" s="26"/>
    </row>
    <row r="417" spans="1:40" s="1" customFormat="1" ht="13.4" customHeight="1">
      <c r="A417" s="20" t="str">
        <f t="shared" si="16"/>
        <v>TO</v>
      </c>
      <c r="B417" s="20"/>
      <c r="C417" s="541">
        <v>1</v>
      </c>
      <c r="D417" s="542"/>
      <c r="E417" s="563" t="s">
        <v>440</v>
      </c>
      <c r="F417" s="564"/>
      <c r="G417" s="564"/>
      <c r="H417" s="564"/>
      <c r="I417" s="564"/>
      <c r="J417" s="564"/>
      <c r="K417" s="564"/>
      <c r="L417" s="564"/>
      <c r="M417" s="564"/>
      <c r="N417" s="564"/>
      <c r="O417" s="564"/>
      <c r="P417" s="564"/>
      <c r="Q417" s="564"/>
      <c r="R417" s="564"/>
      <c r="S417" s="564"/>
      <c r="T417" s="565"/>
      <c r="U417" s="219" t="s">
        <v>441</v>
      </c>
      <c r="V417" s="546" t="s">
        <v>101</v>
      </c>
      <c r="W417" s="547"/>
      <c r="X417" s="547"/>
      <c r="Y417" s="547"/>
      <c r="Z417" s="548"/>
      <c r="AA417" s="623" t="s">
        <v>102</v>
      </c>
      <c r="AB417" s="624"/>
      <c r="AC417" s="625"/>
      <c r="AD417" s="415">
        <v>10</v>
      </c>
      <c r="AE417" s="415" t="s">
        <v>103</v>
      </c>
      <c r="AF417" s="646"/>
      <c r="AG417" s="647"/>
      <c r="AH417" s="549"/>
      <c r="AI417" s="550"/>
      <c r="AJ417" s="551"/>
      <c r="AK417" s="265"/>
      <c r="AL417" s="38"/>
      <c r="AM417" s="26"/>
      <c r="AN417" s="1" t="str">
        <f>$S$20</f>
        <v>■</v>
      </c>
    </row>
    <row r="418" spans="1:40" s="1" customFormat="1" ht="13.4" customHeight="1">
      <c r="A418" s="20" t="str">
        <f t="shared" si="16"/>
        <v>TO</v>
      </c>
      <c r="B418" s="20"/>
      <c r="C418" s="541">
        <v>2</v>
      </c>
      <c r="D418" s="542"/>
      <c r="E418" s="563" t="s">
        <v>442</v>
      </c>
      <c r="F418" s="564"/>
      <c r="G418" s="564"/>
      <c r="H418" s="564"/>
      <c r="I418" s="564"/>
      <c r="J418" s="564"/>
      <c r="K418" s="564"/>
      <c r="L418" s="564"/>
      <c r="M418" s="564"/>
      <c r="N418" s="564"/>
      <c r="O418" s="564"/>
      <c r="P418" s="564"/>
      <c r="Q418" s="564"/>
      <c r="R418" s="564"/>
      <c r="S418" s="564"/>
      <c r="T418" s="565"/>
      <c r="U418" s="219" t="s">
        <v>443</v>
      </c>
      <c r="V418" s="546" t="s">
        <v>101</v>
      </c>
      <c r="W418" s="547"/>
      <c r="X418" s="547"/>
      <c r="Y418" s="547"/>
      <c r="Z418" s="548"/>
      <c r="AA418" s="623" t="s">
        <v>102</v>
      </c>
      <c r="AB418" s="624"/>
      <c r="AC418" s="625"/>
      <c r="AD418" s="415">
        <v>51</v>
      </c>
      <c r="AE418" s="415" t="s">
        <v>103</v>
      </c>
      <c r="AF418" s="646"/>
      <c r="AG418" s="647"/>
      <c r="AH418" s="549"/>
      <c r="AI418" s="550"/>
      <c r="AJ418" s="551"/>
      <c r="AK418" s="265"/>
      <c r="AL418" s="48"/>
      <c r="AM418" s="26"/>
      <c r="AN418" s="1" t="str">
        <f t="shared" ref="AN418:AN474" si="17">$S$20</f>
        <v>■</v>
      </c>
    </row>
    <row r="419" spans="1:40" s="13" customFormat="1" ht="13.4" customHeight="1">
      <c r="A419" s="20" t="str">
        <f t="shared" si="16"/>
        <v>TO</v>
      </c>
      <c r="B419" s="20"/>
      <c r="C419" s="552">
        <v>3</v>
      </c>
      <c r="D419" s="553"/>
      <c r="E419" s="566" t="s">
        <v>106</v>
      </c>
      <c r="F419" s="567"/>
      <c r="G419" s="567"/>
      <c r="H419" s="567"/>
      <c r="I419" s="567"/>
      <c r="J419" s="567"/>
      <c r="K419" s="567"/>
      <c r="L419" s="567"/>
      <c r="M419" s="567"/>
      <c r="N419" s="567"/>
      <c r="O419" s="567"/>
      <c r="P419" s="567"/>
      <c r="Q419" s="567"/>
      <c r="R419" s="567"/>
      <c r="S419" s="567"/>
      <c r="T419" s="568"/>
      <c r="U419" s="230" t="s">
        <v>444</v>
      </c>
      <c r="V419" s="557" t="s">
        <v>107</v>
      </c>
      <c r="W419" s="558"/>
      <c r="X419" s="558"/>
      <c r="Y419" s="558"/>
      <c r="Z419" s="559"/>
      <c r="AA419" s="626" t="s">
        <v>108</v>
      </c>
      <c r="AB419" s="627"/>
      <c r="AC419" s="628"/>
      <c r="AD419" s="419">
        <v>1</v>
      </c>
      <c r="AE419" s="419">
        <v>0</v>
      </c>
      <c r="AF419" s="648" t="s">
        <v>109</v>
      </c>
      <c r="AG419" s="649"/>
      <c r="AH419" s="560"/>
      <c r="AI419" s="561"/>
      <c r="AJ419" s="562"/>
      <c r="AK419" s="346" t="s">
        <v>391</v>
      </c>
      <c r="AL419" s="38"/>
      <c r="AM419" s="54"/>
      <c r="AN419" s="1" t="str">
        <f t="shared" si="17"/>
        <v>■</v>
      </c>
    </row>
    <row r="420" spans="1:40" s="13" customFormat="1" ht="13.4" customHeight="1">
      <c r="A420" s="20" t="str">
        <f t="shared" si="16"/>
        <v>TO</v>
      </c>
      <c r="B420" s="20"/>
      <c r="C420" s="541">
        <v>4</v>
      </c>
      <c r="D420" s="542"/>
      <c r="E420" s="563" t="s">
        <v>110</v>
      </c>
      <c r="F420" s="564"/>
      <c r="G420" s="564"/>
      <c r="H420" s="564"/>
      <c r="I420" s="564"/>
      <c r="J420" s="564"/>
      <c r="K420" s="564"/>
      <c r="L420" s="564"/>
      <c r="M420" s="564"/>
      <c r="N420" s="564"/>
      <c r="O420" s="564"/>
      <c r="P420" s="564"/>
      <c r="Q420" s="564"/>
      <c r="R420" s="564"/>
      <c r="S420" s="564"/>
      <c r="T420" s="565"/>
      <c r="U420" s="229" t="s">
        <v>445</v>
      </c>
      <c r="V420" s="546" t="s">
        <v>107</v>
      </c>
      <c r="W420" s="547"/>
      <c r="X420" s="547"/>
      <c r="Y420" s="547"/>
      <c r="Z420" s="548"/>
      <c r="AA420" s="623" t="s">
        <v>108</v>
      </c>
      <c r="AB420" s="624"/>
      <c r="AC420" s="625"/>
      <c r="AD420" s="415">
        <v>1</v>
      </c>
      <c r="AE420" s="415">
        <v>0</v>
      </c>
      <c r="AF420" s="646"/>
      <c r="AG420" s="647"/>
      <c r="AH420" s="549"/>
      <c r="AI420" s="550"/>
      <c r="AJ420" s="551"/>
      <c r="AK420" s="265"/>
      <c r="AL420" s="38"/>
      <c r="AM420" s="54"/>
      <c r="AN420" s="1" t="str">
        <f t="shared" si="17"/>
        <v>■</v>
      </c>
    </row>
    <row r="421" spans="1:40" s="1" customFormat="1" ht="13.4" customHeight="1">
      <c r="A421" s="20" t="str">
        <f t="shared" si="16"/>
        <v>TO</v>
      </c>
      <c r="B421" s="20"/>
      <c r="C421" s="541">
        <v>5</v>
      </c>
      <c r="D421" s="542"/>
      <c r="E421" s="543" t="s">
        <v>80</v>
      </c>
      <c r="F421" s="544"/>
      <c r="G421" s="544"/>
      <c r="H421" s="544"/>
      <c r="I421" s="544"/>
      <c r="J421" s="544"/>
      <c r="K421" s="544"/>
      <c r="L421" s="544"/>
      <c r="M421" s="544"/>
      <c r="N421" s="544"/>
      <c r="O421" s="544"/>
      <c r="P421" s="544"/>
      <c r="Q421" s="544"/>
      <c r="R421" s="544"/>
      <c r="S421" s="544"/>
      <c r="T421" s="545"/>
      <c r="U421" s="229" t="s">
        <v>446</v>
      </c>
      <c r="V421" s="546" t="s">
        <v>101</v>
      </c>
      <c r="W421" s="547"/>
      <c r="X421" s="547"/>
      <c r="Y421" s="547"/>
      <c r="Z421" s="548"/>
      <c r="AA421" s="623" t="s">
        <v>102</v>
      </c>
      <c r="AB421" s="624"/>
      <c r="AC421" s="625"/>
      <c r="AD421" s="415">
        <v>2</v>
      </c>
      <c r="AE421" s="415" t="s">
        <v>103</v>
      </c>
      <c r="AF421" s="646"/>
      <c r="AG421" s="647"/>
      <c r="AH421" s="549"/>
      <c r="AI421" s="550"/>
      <c r="AJ421" s="551"/>
      <c r="AK421" s="265"/>
      <c r="AL421" s="48"/>
      <c r="AM421" s="26"/>
      <c r="AN421" s="1" t="str">
        <f t="shared" si="17"/>
        <v>■</v>
      </c>
    </row>
    <row r="422" spans="1:40" s="13" customFormat="1" ht="13.4" customHeight="1">
      <c r="A422" s="20" t="str">
        <f t="shared" si="16"/>
        <v>TO</v>
      </c>
      <c r="B422" s="20"/>
      <c r="C422" s="541">
        <v>6</v>
      </c>
      <c r="D422" s="542"/>
      <c r="E422" s="670" t="s">
        <v>172</v>
      </c>
      <c r="F422" s="671"/>
      <c r="G422" s="671"/>
      <c r="H422" s="671"/>
      <c r="I422" s="671"/>
      <c r="J422" s="671"/>
      <c r="K422" s="671"/>
      <c r="L422" s="671"/>
      <c r="M422" s="671"/>
      <c r="N422" s="671"/>
      <c r="O422" s="671"/>
      <c r="P422" s="671"/>
      <c r="Q422" s="671"/>
      <c r="R422" s="671"/>
      <c r="S422" s="671"/>
      <c r="T422" s="672"/>
      <c r="U422" s="229" t="s">
        <v>605</v>
      </c>
      <c r="V422" s="546" t="s">
        <v>107</v>
      </c>
      <c r="W422" s="547"/>
      <c r="X422" s="547"/>
      <c r="Y422" s="547"/>
      <c r="Z422" s="548"/>
      <c r="AA422" s="623" t="s">
        <v>102</v>
      </c>
      <c r="AB422" s="624"/>
      <c r="AC422" s="625"/>
      <c r="AD422" s="415">
        <v>2</v>
      </c>
      <c r="AE422" s="415" t="s">
        <v>103</v>
      </c>
      <c r="AF422" s="646"/>
      <c r="AG422" s="647"/>
      <c r="AH422" s="549"/>
      <c r="AI422" s="550"/>
      <c r="AJ422" s="551"/>
      <c r="AK422" s="265"/>
      <c r="AL422" s="48"/>
      <c r="AM422" s="54"/>
      <c r="AN422" s="1" t="str">
        <f t="shared" si="17"/>
        <v>■</v>
      </c>
    </row>
    <row r="423" spans="1:40" s="13" customFormat="1" ht="13.4" customHeight="1">
      <c r="A423" s="20" t="str">
        <f t="shared" si="16"/>
        <v>TO</v>
      </c>
      <c r="B423" s="20"/>
      <c r="C423" s="541">
        <v>7</v>
      </c>
      <c r="D423" s="542"/>
      <c r="E423" s="543" t="s">
        <v>606</v>
      </c>
      <c r="F423" s="544"/>
      <c r="G423" s="544"/>
      <c r="H423" s="544"/>
      <c r="I423" s="544"/>
      <c r="J423" s="544"/>
      <c r="K423" s="544"/>
      <c r="L423" s="544"/>
      <c r="M423" s="544"/>
      <c r="N423" s="544"/>
      <c r="O423" s="544"/>
      <c r="P423" s="544"/>
      <c r="Q423" s="544"/>
      <c r="R423" s="544"/>
      <c r="S423" s="544"/>
      <c r="T423" s="545"/>
      <c r="U423" s="229" t="s">
        <v>607</v>
      </c>
      <c r="V423" s="546" t="s">
        <v>101</v>
      </c>
      <c r="W423" s="547"/>
      <c r="X423" s="547"/>
      <c r="Y423" s="547"/>
      <c r="Z423" s="548"/>
      <c r="AA423" s="623" t="s">
        <v>102</v>
      </c>
      <c r="AB423" s="624"/>
      <c r="AC423" s="625"/>
      <c r="AD423" s="415">
        <v>1</v>
      </c>
      <c r="AE423" s="415" t="s">
        <v>103</v>
      </c>
      <c r="AF423" s="646"/>
      <c r="AG423" s="647"/>
      <c r="AH423" s="549"/>
      <c r="AI423" s="550"/>
      <c r="AJ423" s="551"/>
      <c r="AK423" s="265"/>
      <c r="AL423" s="48"/>
      <c r="AM423" s="54"/>
      <c r="AN423" s="1" t="str">
        <f t="shared" si="17"/>
        <v>■</v>
      </c>
    </row>
    <row r="424" spans="1:40" s="1" customFormat="1" ht="13.4" customHeight="1">
      <c r="A424" s="20" t="str">
        <f t="shared" si="16"/>
        <v>TO</v>
      </c>
      <c r="B424" s="20"/>
      <c r="C424" s="541">
        <v>8</v>
      </c>
      <c r="D424" s="542"/>
      <c r="E424" s="543" t="s">
        <v>715</v>
      </c>
      <c r="F424" s="544"/>
      <c r="G424" s="544"/>
      <c r="H424" s="544"/>
      <c r="I424" s="544"/>
      <c r="J424" s="544"/>
      <c r="K424" s="544"/>
      <c r="L424" s="544"/>
      <c r="M424" s="544"/>
      <c r="N424" s="544"/>
      <c r="O424" s="544"/>
      <c r="P424" s="544"/>
      <c r="Q424" s="544"/>
      <c r="R424" s="544"/>
      <c r="S424" s="544"/>
      <c r="T424" s="545"/>
      <c r="U424" s="229" t="s">
        <v>716</v>
      </c>
      <c r="V424" s="546" t="s">
        <v>107</v>
      </c>
      <c r="W424" s="547"/>
      <c r="X424" s="547"/>
      <c r="Y424" s="547"/>
      <c r="Z424" s="548"/>
      <c r="AA424" s="623" t="s">
        <v>102</v>
      </c>
      <c r="AB424" s="624"/>
      <c r="AC424" s="625"/>
      <c r="AD424" s="415">
        <v>9</v>
      </c>
      <c r="AE424" s="415" t="s">
        <v>103</v>
      </c>
      <c r="AF424" s="646"/>
      <c r="AG424" s="647"/>
      <c r="AH424" s="549"/>
      <c r="AI424" s="550"/>
      <c r="AJ424" s="551"/>
      <c r="AK424" s="265"/>
      <c r="AL424" s="38"/>
      <c r="AM424" s="26"/>
      <c r="AN424" s="1" t="str">
        <f t="shared" si="17"/>
        <v>■</v>
      </c>
    </row>
    <row r="425" spans="1:40" s="1" customFormat="1" ht="13.4" customHeight="1">
      <c r="A425" s="20" t="str">
        <f t="shared" si="16"/>
        <v>TO</v>
      </c>
      <c r="B425" s="20"/>
      <c r="C425" s="541">
        <v>9</v>
      </c>
      <c r="D425" s="542"/>
      <c r="E425" s="543" t="s">
        <v>708</v>
      </c>
      <c r="F425" s="544"/>
      <c r="G425" s="544"/>
      <c r="H425" s="544"/>
      <c r="I425" s="544"/>
      <c r="J425" s="544"/>
      <c r="K425" s="544"/>
      <c r="L425" s="544"/>
      <c r="M425" s="544"/>
      <c r="N425" s="544"/>
      <c r="O425" s="544"/>
      <c r="P425" s="544"/>
      <c r="Q425" s="544"/>
      <c r="R425" s="544"/>
      <c r="S425" s="544"/>
      <c r="T425" s="545"/>
      <c r="U425" s="229" t="s">
        <v>709</v>
      </c>
      <c r="V425" s="546" t="s">
        <v>107</v>
      </c>
      <c r="W425" s="547"/>
      <c r="X425" s="547"/>
      <c r="Y425" s="547"/>
      <c r="Z425" s="548"/>
      <c r="AA425" s="623" t="s">
        <v>710</v>
      </c>
      <c r="AB425" s="624"/>
      <c r="AC425" s="625"/>
      <c r="AD425" s="415">
        <v>5</v>
      </c>
      <c r="AE425" s="415">
        <v>3</v>
      </c>
      <c r="AF425" s="646"/>
      <c r="AG425" s="647"/>
      <c r="AH425" s="549"/>
      <c r="AI425" s="550"/>
      <c r="AJ425" s="551"/>
      <c r="AK425" s="265"/>
      <c r="AL425" s="38"/>
      <c r="AM425" s="26"/>
      <c r="AN425" s="1" t="str">
        <f t="shared" si="17"/>
        <v>■</v>
      </c>
    </row>
    <row r="426" spans="1:40" s="1" customFormat="1" ht="13.4" customHeight="1">
      <c r="A426" s="20" t="str">
        <f t="shared" si="16"/>
        <v>TO</v>
      </c>
      <c r="B426" s="20"/>
      <c r="C426" s="541">
        <v>10</v>
      </c>
      <c r="D426" s="542"/>
      <c r="E426" s="543" t="s">
        <v>718</v>
      </c>
      <c r="F426" s="544"/>
      <c r="G426" s="544"/>
      <c r="H426" s="544"/>
      <c r="I426" s="544"/>
      <c r="J426" s="544"/>
      <c r="K426" s="544"/>
      <c r="L426" s="544"/>
      <c r="M426" s="544"/>
      <c r="N426" s="544"/>
      <c r="O426" s="544"/>
      <c r="P426" s="544"/>
      <c r="Q426" s="544"/>
      <c r="R426" s="544"/>
      <c r="S426" s="544"/>
      <c r="T426" s="545"/>
      <c r="U426" s="229" t="s">
        <v>719</v>
      </c>
      <c r="V426" s="546" t="s">
        <v>107</v>
      </c>
      <c r="W426" s="547"/>
      <c r="X426" s="547"/>
      <c r="Y426" s="547"/>
      <c r="Z426" s="548"/>
      <c r="AA426" s="623" t="s">
        <v>102</v>
      </c>
      <c r="AB426" s="624"/>
      <c r="AC426" s="625"/>
      <c r="AD426" s="415">
        <v>3</v>
      </c>
      <c r="AE426" s="415" t="s">
        <v>103</v>
      </c>
      <c r="AF426" s="646"/>
      <c r="AG426" s="647"/>
      <c r="AH426" s="549"/>
      <c r="AI426" s="550"/>
      <c r="AJ426" s="551"/>
      <c r="AK426" s="265"/>
      <c r="AL426" s="48"/>
      <c r="AM426" s="26"/>
      <c r="AN426" s="1" t="str">
        <f t="shared" si="17"/>
        <v>■</v>
      </c>
    </row>
    <row r="427" spans="1:40" s="13" customFormat="1" ht="13.4" customHeight="1">
      <c r="A427" s="20" t="str">
        <f t="shared" si="16"/>
        <v>TO</v>
      </c>
      <c r="B427" s="20"/>
      <c r="C427" s="541">
        <v>11</v>
      </c>
      <c r="D427" s="542"/>
      <c r="E427" s="543" t="s">
        <v>720</v>
      </c>
      <c r="F427" s="544"/>
      <c r="G427" s="544"/>
      <c r="H427" s="544"/>
      <c r="I427" s="544"/>
      <c r="J427" s="544"/>
      <c r="K427" s="544"/>
      <c r="L427" s="544"/>
      <c r="M427" s="544"/>
      <c r="N427" s="544"/>
      <c r="O427" s="544"/>
      <c r="P427" s="544"/>
      <c r="Q427" s="544"/>
      <c r="R427" s="544"/>
      <c r="S427" s="544"/>
      <c r="T427" s="545"/>
      <c r="U427" s="229" t="s">
        <v>721</v>
      </c>
      <c r="V427" s="546" t="s">
        <v>107</v>
      </c>
      <c r="W427" s="547"/>
      <c r="X427" s="547"/>
      <c r="Y427" s="547"/>
      <c r="Z427" s="548"/>
      <c r="AA427" s="623" t="s">
        <v>710</v>
      </c>
      <c r="AB427" s="624"/>
      <c r="AC427" s="625"/>
      <c r="AD427" s="415">
        <v>8</v>
      </c>
      <c r="AE427" s="415">
        <v>2</v>
      </c>
      <c r="AF427" s="646"/>
      <c r="AG427" s="647"/>
      <c r="AH427" s="549"/>
      <c r="AI427" s="550"/>
      <c r="AJ427" s="551"/>
      <c r="AK427" s="265"/>
      <c r="AL427" s="38"/>
      <c r="AM427" s="54"/>
      <c r="AN427" s="1" t="str">
        <f t="shared" si="17"/>
        <v>■</v>
      </c>
    </row>
    <row r="428" spans="1:40" s="13" customFormat="1" ht="13.4" customHeight="1">
      <c r="A428" s="20" t="str">
        <f t="shared" ref="A428:A491" si="18">IF(LEN(J428)&gt;0,MID(J428,FIND("（",J428,1)+1,2),A427)</f>
        <v>TO</v>
      </c>
      <c r="B428" s="20"/>
      <c r="C428" s="541">
        <v>12</v>
      </c>
      <c r="D428" s="542"/>
      <c r="E428" s="543" t="s">
        <v>1323</v>
      </c>
      <c r="F428" s="544"/>
      <c r="G428" s="544"/>
      <c r="H428" s="544"/>
      <c r="I428" s="544"/>
      <c r="J428" s="544"/>
      <c r="K428" s="544"/>
      <c r="L428" s="544"/>
      <c r="M428" s="544"/>
      <c r="N428" s="544"/>
      <c r="O428" s="544"/>
      <c r="P428" s="544"/>
      <c r="Q428" s="544"/>
      <c r="R428" s="544"/>
      <c r="S428" s="544"/>
      <c r="T428" s="545"/>
      <c r="U428" s="229" t="s">
        <v>1324</v>
      </c>
      <c r="V428" s="546" t="s">
        <v>107</v>
      </c>
      <c r="W428" s="547"/>
      <c r="X428" s="547"/>
      <c r="Y428" s="547"/>
      <c r="Z428" s="548"/>
      <c r="AA428" s="623" t="s">
        <v>102</v>
      </c>
      <c r="AB428" s="624"/>
      <c r="AC428" s="625"/>
      <c r="AD428" s="415">
        <v>9</v>
      </c>
      <c r="AE428" s="415" t="s">
        <v>103</v>
      </c>
      <c r="AF428" s="646"/>
      <c r="AG428" s="647"/>
      <c r="AH428" s="549"/>
      <c r="AI428" s="550"/>
      <c r="AJ428" s="551"/>
      <c r="AK428" s="265"/>
      <c r="AL428" s="38"/>
      <c r="AM428" s="54"/>
      <c r="AN428" s="1" t="str">
        <f t="shared" si="17"/>
        <v>■</v>
      </c>
    </row>
    <row r="429" spans="1:40" s="1" customFormat="1" ht="13.4" customHeight="1">
      <c r="A429" s="20" t="str">
        <f t="shared" si="18"/>
        <v>TO</v>
      </c>
      <c r="B429" s="20"/>
      <c r="C429" s="541">
        <v>13</v>
      </c>
      <c r="D429" s="542"/>
      <c r="E429" s="543" t="s">
        <v>1325</v>
      </c>
      <c r="F429" s="544"/>
      <c r="G429" s="544"/>
      <c r="H429" s="544"/>
      <c r="I429" s="544"/>
      <c r="J429" s="544"/>
      <c r="K429" s="544"/>
      <c r="L429" s="544"/>
      <c r="M429" s="544"/>
      <c r="N429" s="544"/>
      <c r="O429" s="544"/>
      <c r="P429" s="544"/>
      <c r="Q429" s="544"/>
      <c r="R429" s="544"/>
      <c r="S429" s="544"/>
      <c r="T429" s="545"/>
      <c r="U429" s="229" t="s">
        <v>1326</v>
      </c>
      <c r="V429" s="546" t="s">
        <v>107</v>
      </c>
      <c r="W429" s="547"/>
      <c r="X429" s="547"/>
      <c r="Y429" s="547"/>
      <c r="Z429" s="548"/>
      <c r="AA429" s="623" t="s">
        <v>710</v>
      </c>
      <c r="AB429" s="624"/>
      <c r="AC429" s="625"/>
      <c r="AD429" s="415">
        <v>5</v>
      </c>
      <c r="AE429" s="415">
        <v>3</v>
      </c>
      <c r="AF429" s="646"/>
      <c r="AG429" s="647"/>
      <c r="AH429" s="549"/>
      <c r="AI429" s="550"/>
      <c r="AJ429" s="551"/>
      <c r="AK429" s="265"/>
      <c r="AL429" s="48"/>
      <c r="AM429" s="26"/>
      <c r="AN429" s="1" t="str">
        <f t="shared" si="17"/>
        <v>■</v>
      </c>
    </row>
    <row r="430" spans="1:40" s="13" customFormat="1" ht="13.4" customHeight="1">
      <c r="A430" s="20" t="str">
        <f t="shared" si="18"/>
        <v>TO</v>
      </c>
      <c r="B430" s="20"/>
      <c r="C430" s="541">
        <v>14</v>
      </c>
      <c r="D430" s="542"/>
      <c r="E430" s="543" t="s">
        <v>1327</v>
      </c>
      <c r="F430" s="544"/>
      <c r="G430" s="544"/>
      <c r="H430" s="544"/>
      <c r="I430" s="544"/>
      <c r="J430" s="544"/>
      <c r="K430" s="544"/>
      <c r="L430" s="544"/>
      <c r="M430" s="544"/>
      <c r="N430" s="544"/>
      <c r="O430" s="544"/>
      <c r="P430" s="544"/>
      <c r="Q430" s="544"/>
      <c r="R430" s="544"/>
      <c r="S430" s="544"/>
      <c r="T430" s="545"/>
      <c r="U430" s="229" t="s">
        <v>1328</v>
      </c>
      <c r="V430" s="546" t="s">
        <v>107</v>
      </c>
      <c r="W430" s="547"/>
      <c r="X430" s="547"/>
      <c r="Y430" s="547"/>
      <c r="Z430" s="548"/>
      <c r="AA430" s="623" t="s">
        <v>102</v>
      </c>
      <c r="AB430" s="624"/>
      <c r="AC430" s="625"/>
      <c r="AD430" s="415">
        <v>9</v>
      </c>
      <c r="AE430" s="415" t="s">
        <v>103</v>
      </c>
      <c r="AF430" s="646"/>
      <c r="AG430" s="647"/>
      <c r="AH430" s="549"/>
      <c r="AI430" s="550"/>
      <c r="AJ430" s="551"/>
      <c r="AK430" s="265"/>
      <c r="AL430" s="48"/>
      <c r="AM430" s="54"/>
      <c r="AN430" s="1" t="str">
        <f t="shared" si="17"/>
        <v>■</v>
      </c>
    </row>
    <row r="431" spans="1:40" s="13" customFormat="1" ht="13.4" customHeight="1">
      <c r="A431" s="20" t="str">
        <f t="shared" si="18"/>
        <v>TO</v>
      </c>
      <c r="B431" s="20"/>
      <c r="C431" s="541">
        <v>15</v>
      </c>
      <c r="D431" s="542"/>
      <c r="E431" s="543" t="s">
        <v>1329</v>
      </c>
      <c r="F431" s="544"/>
      <c r="G431" s="544"/>
      <c r="H431" s="544"/>
      <c r="I431" s="544"/>
      <c r="J431" s="544"/>
      <c r="K431" s="544"/>
      <c r="L431" s="544"/>
      <c r="M431" s="544"/>
      <c r="N431" s="544"/>
      <c r="O431" s="544"/>
      <c r="P431" s="544"/>
      <c r="Q431" s="544"/>
      <c r="R431" s="544"/>
      <c r="S431" s="544"/>
      <c r="T431" s="545"/>
      <c r="U431" s="229" t="s">
        <v>1330</v>
      </c>
      <c r="V431" s="546" t="s">
        <v>107</v>
      </c>
      <c r="W431" s="547"/>
      <c r="X431" s="547"/>
      <c r="Y431" s="547"/>
      <c r="Z431" s="548"/>
      <c r="AA431" s="623" t="s">
        <v>710</v>
      </c>
      <c r="AB431" s="624"/>
      <c r="AC431" s="625"/>
      <c r="AD431" s="415">
        <v>5</v>
      </c>
      <c r="AE431" s="415">
        <v>3</v>
      </c>
      <c r="AF431" s="646"/>
      <c r="AG431" s="647"/>
      <c r="AH431" s="549"/>
      <c r="AI431" s="550"/>
      <c r="AJ431" s="551"/>
      <c r="AK431" s="265"/>
      <c r="AL431" s="48"/>
      <c r="AM431" s="54"/>
      <c r="AN431" s="1" t="str">
        <f t="shared" si="17"/>
        <v>■</v>
      </c>
    </row>
    <row r="432" spans="1:40" s="1" customFormat="1">
      <c r="A432" s="20" t="str">
        <f t="shared" si="18"/>
        <v>TO</v>
      </c>
      <c r="B432" s="20"/>
      <c r="C432" s="676">
        <v>16</v>
      </c>
      <c r="D432" s="677"/>
      <c r="E432" s="687" t="s">
        <v>724</v>
      </c>
      <c r="F432" s="688"/>
      <c r="G432" s="688"/>
      <c r="H432" s="688"/>
      <c r="I432" s="688"/>
      <c r="J432" s="688"/>
      <c r="K432" s="688"/>
      <c r="L432" s="688"/>
      <c r="M432" s="688"/>
      <c r="N432" s="688"/>
      <c r="O432" s="688"/>
      <c r="P432" s="688"/>
      <c r="Q432" s="688"/>
      <c r="R432" s="688"/>
      <c r="S432" s="688"/>
      <c r="T432" s="689"/>
      <c r="U432" s="262" t="s">
        <v>1331</v>
      </c>
      <c r="V432" s="681" t="s">
        <v>398</v>
      </c>
      <c r="W432" s="682"/>
      <c r="X432" s="682"/>
      <c r="Y432" s="682"/>
      <c r="Z432" s="683"/>
      <c r="AA432" s="626" t="s">
        <v>102</v>
      </c>
      <c r="AB432" s="627"/>
      <c r="AC432" s="628"/>
      <c r="AD432" s="417">
        <v>150</v>
      </c>
      <c r="AE432" s="417" t="s">
        <v>103</v>
      </c>
      <c r="AF432" s="648" t="s">
        <v>109</v>
      </c>
      <c r="AG432" s="649"/>
      <c r="AH432" s="684"/>
      <c r="AI432" s="685"/>
      <c r="AJ432" s="686"/>
      <c r="AK432" s="333" t="s">
        <v>399</v>
      </c>
      <c r="AL432" s="38"/>
      <c r="AM432" s="26"/>
      <c r="AN432" s="1" t="str">
        <f t="shared" si="17"/>
        <v>■</v>
      </c>
    </row>
    <row r="433" spans="1:40" s="1" customFormat="1" ht="13.4" customHeight="1">
      <c r="A433" s="20" t="str">
        <f t="shared" si="18"/>
        <v>TO</v>
      </c>
      <c r="B433" s="20"/>
      <c r="C433" s="541">
        <v>17</v>
      </c>
      <c r="D433" s="542"/>
      <c r="E433" s="543" t="s">
        <v>612</v>
      </c>
      <c r="F433" s="544"/>
      <c r="G433" s="544"/>
      <c r="H433" s="544"/>
      <c r="I433" s="544"/>
      <c r="J433" s="544"/>
      <c r="K433" s="544"/>
      <c r="L433" s="544"/>
      <c r="M433" s="544"/>
      <c r="N433" s="544"/>
      <c r="O433" s="544"/>
      <c r="P433" s="544"/>
      <c r="Q433" s="544"/>
      <c r="R433" s="544"/>
      <c r="S433" s="544"/>
      <c r="T433" s="545"/>
      <c r="U433" s="229" t="s">
        <v>613</v>
      </c>
      <c r="V433" s="546" t="s">
        <v>107</v>
      </c>
      <c r="W433" s="547"/>
      <c r="X433" s="547"/>
      <c r="Y433" s="547"/>
      <c r="Z433" s="548"/>
      <c r="AA433" s="623" t="s">
        <v>108</v>
      </c>
      <c r="AB433" s="624"/>
      <c r="AC433" s="625"/>
      <c r="AD433" s="415">
        <v>7</v>
      </c>
      <c r="AE433" s="415">
        <v>0</v>
      </c>
      <c r="AF433" s="646"/>
      <c r="AG433" s="647"/>
      <c r="AH433" s="549"/>
      <c r="AI433" s="550"/>
      <c r="AJ433" s="551"/>
      <c r="AK433" s="265"/>
      <c r="AL433" s="38"/>
      <c r="AM433" s="26"/>
      <c r="AN433" s="1" t="str">
        <f t="shared" si="17"/>
        <v>■</v>
      </c>
    </row>
    <row r="434" spans="1:40" s="1" customFormat="1" ht="13.4" customHeight="1">
      <c r="A434" s="20" t="str">
        <f t="shared" si="18"/>
        <v>TO</v>
      </c>
      <c r="B434" s="20"/>
      <c r="C434" s="541">
        <v>18</v>
      </c>
      <c r="D434" s="542"/>
      <c r="E434" s="543" t="s">
        <v>614</v>
      </c>
      <c r="F434" s="544"/>
      <c r="G434" s="544"/>
      <c r="H434" s="544"/>
      <c r="I434" s="544"/>
      <c r="J434" s="544"/>
      <c r="K434" s="544"/>
      <c r="L434" s="544"/>
      <c r="M434" s="544"/>
      <c r="N434" s="544"/>
      <c r="O434" s="544"/>
      <c r="P434" s="544"/>
      <c r="Q434" s="544"/>
      <c r="R434" s="544"/>
      <c r="S434" s="544"/>
      <c r="T434" s="545"/>
      <c r="U434" s="229" t="s">
        <v>557</v>
      </c>
      <c r="V434" s="546" t="s">
        <v>107</v>
      </c>
      <c r="W434" s="547"/>
      <c r="X434" s="547"/>
      <c r="Y434" s="547"/>
      <c r="Z434" s="548"/>
      <c r="AA434" s="623" t="s">
        <v>108</v>
      </c>
      <c r="AB434" s="624"/>
      <c r="AC434" s="625"/>
      <c r="AD434" s="415">
        <v>3</v>
      </c>
      <c r="AE434" s="415">
        <v>0</v>
      </c>
      <c r="AF434" s="646"/>
      <c r="AG434" s="647"/>
      <c r="AH434" s="549"/>
      <c r="AI434" s="550"/>
      <c r="AJ434" s="551"/>
      <c r="AK434" s="265"/>
      <c r="AL434" s="48"/>
      <c r="AM434" s="26"/>
      <c r="AN434" s="1" t="str">
        <f t="shared" si="17"/>
        <v>■</v>
      </c>
    </row>
    <row r="435" spans="1:40" s="13" customFormat="1" ht="13.4" customHeight="1">
      <c r="A435" s="20" t="str">
        <f t="shared" si="18"/>
        <v>TO</v>
      </c>
      <c r="B435" s="20"/>
      <c r="C435" s="541">
        <v>19</v>
      </c>
      <c r="D435" s="542"/>
      <c r="E435" s="543" t="s">
        <v>627</v>
      </c>
      <c r="F435" s="544"/>
      <c r="G435" s="544"/>
      <c r="H435" s="544"/>
      <c r="I435" s="544"/>
      <c r="J435" s="544"/>
      <c r="K435" s="544"/>
      <c r="L435" s="544"/>
      <c r="M435" s="544"/>
      <c r="N435" s="544"/>
      <c r="O435" s="544"/>
      <c r="P435" s="544"/>
      <c r="Q435" s="544"/>
      <c r="R435" s="544"/>
      <c r="S435" s="544"/>
      <c r="T435" s="545"/>
      <c r="U435" s="221" t="s">
        <v>628</v>
      </c>
      <c r="V435" s="546" t="s">
        <v>107</v>
      </c>
      <c r="W435" s="547"/>
      <c r="X435" s="547"/>
      <c r="Y435" s="547"/>
      <c r="Z435" s="548"/>
      <c r="AA435" s="623" t="s">
        <v>108</v>
      </c>
      <c r="AB435" s="624"/>
      <c r="AC435" s="625"/>
      <c r="AD435" s="415">
        <v>3</v>
      </c>
      <c r="AE435" s="415">
        <v>0</v>
      </c>
      <c r="AF435" s="646"/>
      <c r="AG435" s="647"/>
      <c r="AH435" s="549"/>
      <c r="AI435" s="550"/>
      <c r="AJ435" s="551"/>
      <c r="AK435" s="265"/>
      <c r="AL435" s="38"/>
      <c r="AM435" s="54"/>
      <c r="AN435" s="1" t="str">
        <f t="shared" si="17"/>
        <v>■</v>
      </c>
    </row>
    <row r="436" spans="1:40" s="13" customFormat="1" ht="13.4" customHeight="1">
      <c r="A436" s="20" t="str">
        <f t="shared" si="18"/>
        <v>TO</v>
      </c>
      <c r="B436" s="20"/>
      <c r="C436" s="541">
        <v>20</v>
      </c>
      <c r="D436" s="542"/>
      <c r="E436" s="543" t="s">
        <v>629</v>
      </c>
      <c r="F436" s="544"/>
      <c r="G436" s="544"/>
      <c r="H436" s="544"/>
      <c r="I436" s="544"/>
      <c r="J436" s="544"/>
      <c r="K436" s="544"/>
      <c r="L436" s="544"/>
      <c r="M436" s="544"/>
      <c r="N436" s="544"/>
      <c r="O436" s="544"/>
      <c r="P436" s="544"/>
      <c r="Q436" s="544"/>
      <c r="R436" s="544"/>
      <c r="S436" s="544"/>
      <c r="T436" s="545"/>
      <c r="U436" s="221" t="s">
        <v>630</v>
      </c>
      <c r="V436" s="546" t="s">
        <v>107</v>
      </c>
      <c r="W436" s="547"/>
      <c r="X436" s="547"/>
      <c r="Y436" s="547"/>
      <c r="Z436" s="548"/>
      <c r="AA436" s="623" t="s">
        <v>108</v>
      </c>
      <c r="AB436" s="624"/>
      <c r="AC436" s="625"/>
      <c r="AD436" s="415">
        <v>3</v>
      </c>
      <c r="AE436" s="415">
        <v>0</v>
      </c>
      <c r="AF436" s="646"/>
      <c r="AG436" s="647"/>
      <c r="AH436" s="549"/>
      <c r="AI436" s="550"/>
      <c r="AJ436" s="551"/>
      <c r="AK436" s="265"/>
      <c r="AL436" s="38"/>
      <c r="AM436" s="54"/>
      <c r="AN436" s="1" t="str">
        <f t="shared" si="17"/>
        <v>■</v>
      </c>
    </row>
    <row r="437" spans="1:40" s="1" customFormat="1" ht="13.4" customHeight="1">
      <c r="A437" s="20" t="str">
        <f t="shared" si="18"/>
        <v>TO</v>
      </c>
      <c r="B437" s="20"/>
      <c r="C437" s="541">
        <v>21</v>
      </c>
      <c r="D437" s="542"/>
      <c r="E437" s="543" t="s">
        <v>631</v>
      </c>
      <c r="F437" s="544"/>
      <c r="G437" s="544"/>
      <c r="H437" s="544"/>
      <c r="I437" s="544"/>
      <c r="J437" s="544"/>
      <c r="K437" s="544"/>
      <c r="L437" s="544"/>
      <c r="M437" s="544"/>
      <c r="N437" s="544"/>
      <c r="O437" s="544"/>
      <c r="P437" s="544"/>
      <c r="Q437" s="544"/>
      <c r="R437" s="544"/>
      <c r="S437" s="544"/>
      <c r="T437" s="545"/>
      <c r="U437" s="221" t="s">
        <v>632</v>
      </c>
      <c r="V437" s="546" t="s">
        <v>107</v>
      </c>
      <c r="W437" s="547"/>
      <c r="X437" s="547"/>
      <c r="Y437" s="547"/>
      <c r="Z437" s="548"/>
      <c r="AA437" s="623" t="s">
        <v>108</v>
      </c>
      <c r="AB437" s="624"/>
      <c r="AC437" s="625"/>
      <c r="AD437" s="415">
        <v>3</v>
      </c>
      <c r="AE437" s="415">
        <v>0</v>
      </c>
      <c r="AF437" s="646"/>
      <c r="AG437" s="647"/>
      <c r="AH437" s="549"/>
      <c r="AI437" s="550"/>
      <c r="AJ437" s="551"/>
      <c r="AK437" s="265"/>
      <c r="AL437" s="48"/>
      <c r="AM437" s="26"/>
      <c r="AN437" s="1" t="str">
        <f t="shared" si="17"/>
        <v>■</v>
      </c>
    </row>
    <row r="438" spans="1:40" s="13" customFormat="1" ht="13.4" customHeight="1">
      <c r="A438" s="20" t="str">
        <f t="shared" si="18"/>
        <v>TO</v>
      </c>
      <c r="B438" s="20"/>
      <c r="C438" s="541">
        <v>22</v>
      </c>
      <c r="D438" s="542"/>
      <c r="E438" s="543" t="s">
        <v>633</v>
      </c>
      <c r="F438" s="544"/>
      <c r="G438" s="544"/>
      <c r="H438" s="544"/>
      <c r="I438" s="544"/>
      <c r="J438" s="544"/>
      <c r="K438" s="544"/>
      <c r="L438" s="544"/>
      <c r="M438" s="544"/>
      <c r="N438" s="544"/>
      <c r="O438" s="544"/>
      <c r="P438" s="544"/>
      <c r="Q438" s="544"/>
      <c r="R438" s="544"/>
      <c r="S438" s="544"/>
      <c r="T438" s="545"/>
      <c r="U438" s="221" t="s">
        <v>634</v>
      </c>
      <c r="V438" s="546" t="s">
        <v>107</v>
      </c>
      <c r="W438" s="547"/>
      <c r="X438" s="547"/>
      <c r="Y438" s="547"/>
      <c r="Z438" s="548"/>
      <c r="AA438" s="623" t="s">
        <v>108</v>
      </c>
      <c r="AB438" s="624"/>
      <c r="AC438" s="625"/>
      <c r="AD438" s="415">
        <v>3</v>
      </c>
      <c r="AE438" s="415">
        <v>0</v>
      </c>
      <c r="AF438" s="646"/>
      <c r="AG438" s="647"/>
      <c r="AH438" s="549"/>
      <c r="AI438" s="550"/>
      <c r="AJ438" s="551"/>
      <c r="AK438" s="265"/>
      <c r="AL438" s="48"/>
      <c r="AM438" s="54"/>
      <c r="AN438" s="1" t="str">
        <f t="shared" si="17"/>
        <v>■</v>
      </c>
    </row>
    <row r="439" spans="1:40" s="13" customFormat="1" ht="13.4" customHeight="1">
      <c r="A439" s="20" t="str">
        <f t="shared" si="18"/>
        <v>TO</v>
      </c>
      <c r="B439" s="20"/>
      <c r="C439" s="541">
        <v>23</v>
      </c>
      <c r="D439" s="542"/>
      <c r="E439" s="543" t="s">
        <v>635</v>
      </c>
      <c r="F439" s="544"/>
      <c r="G439" s="544"/>
      <c r="H439" s="544"/>
      <c r="I439" s="544"/>
      <c r="J439" s="544"/>
      <c r="K439" s="544"/>
      <c r="L439" s="544"/>
      <c r="M439" s="544"/>
      <c r="N439" s="544"/>
      <c r="O439" s="544"/>
      <c r="P439" s="544"/>
      <c r="Q439" s="544"/>
      <c r="R439" s="544"/>
      <c r="S439" s="544"/>
      <c r="T439" s="545"/>
      <c r="U439" s="221" t="s">
        <v>636</v>
      </c>
      <c r="V439" s="546" t="s">
        <v>107</v>
      </c>
      <c r="W439" s="547"/>
      <c r="X439" s="547"/>
      <c r="Y439" s="547"/>
      <c r="Z439" s="548"/>
      <c r="AA439" s="623" t="s">
        <v>108</v>
      </c>
      <c r="AB439" s="624"/>
      <c r="AC439" s="625"/>
      <c r="AD439" s="415">
        <v>3</v>
      </c>
      <c r="AE439" s="415">
        <v>0</v>
      </c>
      <c r="AF439" s="646"/>
      <c r="AG439" s="647"/>
      <c r="AH439" s="549"/>
      <c r="AI439" s="550"/>
      <c r="AJ439" s="551"/>
      <c r="AK439" s="265"/>
      <c r="AL439" s="48"/>
      <c r="AM439" s="54"/>
      <c r="AN439" s="1" t="str">
        <f t="shared" si="17"/>
        <v>■</v>
      </c>
    </row>
    <row r="440" spans="1:40" s="1" customFormat="1" ht="13.4" customHeight="1">
      <c r="A440" s="20" t="str">
        <f t="shared" si="18"/>
        <v>TO</v>
      </c>
      <c r="B440" s="20"/>
      <c r="C440" s="541">
        <v>24</v>
      </c>
      <c r="D440" s="542"/>
      <c r="E440" s="543" t="s">
        <v>637</v>
      </c>
      <c r="F440" s="544"/>
      <c r="G440" s="544"/>
      <c r="H440" s="544"/>
      <c r="I440" s="544"/>
      <c r="J440" s="544"/>
      <c r="K440" s="544"/>
      <c r="L440" s="544"/>
      <c r="M440" s="544"/>
      <c r="N440" s="544"/>
      <c r="O440" s="544"/>
      <c r="P440" s="544"/>
      <c r="Q440" s="544"/>
      <c r="R440" s="544"/>
      <c r="S440" s="544"/>
      <c r="T440" s="545"/>
      <c r="U440" s="221" t="s">
        <v>638</v>
      </c>
      <c r="V440" s="546" t="s">
        <v>107</v>
      </c>
      <c r="W440" s="547"/>
      <c r="X440" s="547"/>
      <c r="Y440" s="547"/>
      <c r="Z440" s="548"/>
      <c r="AA440" s="623" t="s">
        <v>108</v>
      </c>
      <c r="AB440" s="624"/>
      <c r="AC440" s="625"/>
      <c r="AD440" s="415">
        <v>3</v>
      </c>
      <c r="AE440" s="415">
        <v>0</v>
      </c>
      <c r="AF440" s="646"/>
      <c r="AG440" s="647"/>
      <c r="AH440" s="549"/>
      <c r="AI440" s="550"/>
      <c r="AJ440" s="551"/>
      <c r="AK440" s="265"/>
      <c r="AL440" s="38"/>
      <c r="AM440" s="26"/>
      <c r="AN440" s="1" t="str">
        <f t="shared" si="17"/>
        <v>■</v>
      </c>
    </row>
    <row r="441" spans="1:40" s="1" customFormat="1" ht="13.4" customHeight="1">
      <c r="A441" s="20" t="str">
        <f t="shared" si="18"/>
        <v>TO</v>
      </c>
      <c r="B441" s="20"/>
      <c r="C441" s="541">
        <v>25</v>
      </c>
      <c r="D441" s="542"/>
      <c r="E441" s="543" t="s">
        <v>639</v>
      </c>
      <c r="F441" s="544"/>
      <c r="G441" s="544"/>
      <c r="H441" s="544"/>
      <c r="I441" s="544"/>
      <c r="J441" s="544"/>
      <c r="K441" s="544"/>
      <c r="L441" s="544"/>
      <c r="M441" s="544"/>
      <c r="N441" s="544"/>
      <c r="O441" s="544"/>
      <c r="P441" s="544"/>
      <c r="Q441" s="544"/>
      <c r="R441" s="544"/>
      <c r="S441" s="544"/>
      <c r="T441" s="545"/>
      <c r="U441" s="221" t="s">
        <v>640</v>
      </c>
      <c r="V441" s="546" t="s">
        <v>107</v>
      </c>
      <c r="W441" s="547"/>
      <c r="X441" s="547"/>
      <c r="Y441" s="547"/>
      <c r="Z441" s="548"/>
      <c r="AA441" s="623" t="s">
        <v>108</v>
      </c>
      <c r="AB441" s="624"/>
      <c r="AC441" s="625"/>
      <c r="AD441" s="415">
        <v>3</v>
      </c>
      <c r="AE441" s="415">
        <v>0</v>
      </c>
      <c r="AF441" s="646"/>
      <c r="AG441" s="647"/>
      <c r="AH441" s="549"/>
      <c r="AI441" s="550"/>
      <c r="AJ441" s="551"/>
      <c r="AK441" s="265"/>
      <c r="AL441" s="38"/>
      <c r="AM441" s="26"/>
      <c r="AN441" s="1" t="str">
        <f t="shared" si="17"/>
        <v>■</v>
      </c>
    </row>
    <row r="442" spans="1:40" s="1" customFormat="1" ht="13.4" customHeight="1">
      <c r="A442" s="20" t="str">
        <f t="shared" si="18"/>
        <v>TO</v>
      </c>
      <c r="B442" s="20"/>
      <c r="C442" s="541">
        <v>26</v>
      </c>
      <c r="D442" s="542"/>
      <c r="E442" s="543" t="s">
        <v>641</v>
      </c>
      <c r="F442" s="544"/>
      <c r="G442" s="544"/>
      <c r="H442" s="544"/>
      <c r="I442" s="544"/>
      <c r="J442" s="544"/>
      <c r="K442" s="544"/>
      <c r="L442" s="544"/>
      <c r="M442" s="544"/>
      <c r="N442" s="544"/>
      <c r="O442" s="544"/>
      <c r="P442" s="544"/>
      <c r="Q442" s="544"/>
      <c r="R442" s="544"/>
      <c r="S442" s="544"/>
      <c r="T442" s="545"/>
      <c r="U442" s="221" t="s">
        <v>642</v>
      </c>
      <c r="V442" s="546" t="s">
        <v>107</v>
      </c>
      <c r="W442" s="547"/>
      <c r="X442" s="547"/>
      <c r="Y442" s="547"/>
      <c r="Z442" s="548"/>
      <c r="AA442" s="623" t="s">
        <v>108</v>
      </c>
      <c r="AB442" s="624"/>
      <c r="AC442" s="625"/>
      <c r="AD442" s="415">
        <v>3</v>
      </c>
      <c r="AE442" s="415">
        <v>0</v>
      </c>
      <c r="AF442" s="646"/>
      <c r="AG442" s="647"/>
      <c r="AH442" s="549"/>
      <c r="AI442" s="550"/>
      <c r="AJ442" s="551"/>
      <c r="AK442" s="265"/>
      <c r="AL442" s="48"/>
      <c r="AM442" s="26"/>
      <c r="AN442" s="1" t="str">
        <f t="shared" si="17"/>
        <v>■</v>
      </c>
    </row>
    <row r="443" spans="1:40" s="13" customFormat="1" ht="13.4" customHeight="1">
      <c r="A443" s="20" t="str">
        <f t="shared" si="18"/>
        <v>TO</v>
      </c>
      <c r="B443" s="20"/>
      <c r="C443" s="541">
        <v>27</v>
      </c>
      <c r="D443" s="542"/>
      <c r="E443" s="543" t="s">
        <v>643</v>
      </c>
      <c r="F443" s="544"/>
      <c r="G443" s="544"/>
      <c r="H443" s="544"/>
      <c r="I443" s="544"/>
      <c r="J443" s="544"/>
      <c r="K443" s="544"/>
      <c r="L443" s="544"/>
      <c r="M443" s="544"/>
      <c r="N443" s="544"/>
      <c r="O443" s="544"/>
      <c r="P443" s="544"/>
      <c r="Q443" s="544"/>
      <c r="R443" s="544"/>
      <c r="S443" s="544"/>
      <c r="T443" s="545"/>
      <c r="U443" s="221" t="s">
        <v>644</v>
      </c>
      <c r="V443" s="546" t="s">
        <v>107</v>
      </c>
      <c r="W443" s="547"/>
      <c r="X443" s="547"/>
      <c r="Y443" s="547"/>
      <c r="Z443" s="548"/>
      <c r="AA443" s="623" t="s">
        <v>108</v>
      </c>
      <c r="AB443" s="624"/>
      <c r="AC443" s="625"/>
      <c r="AD443" s="415">
        <v>3</v>
      </c>
      <c r="AE443" s="415">
        <v>0</v>
      </c>
      <c r="AF443" s="646"/>
      <c r="AG443" s="647"/>
      <c r="AH443" s="549"/>
      <c r="AI443" s="550"/>
      <c r="AJ443" s="551"/>
      <c r="AK443" s="265"/>
      <c r="AL443" s="38"/>
      <c r="AM443" s="54"/>
      <c r="AN443" s="1" t="str">
        <f t="shared" si="17"/>
        <v>■</v>
      </c>
    </row>
    <row r="444" spans="1:40" s="13" customFormat="1" ht="13.4" customHeight="1">
      <c r="A444" s="20" t="str">
        <f t="shared" si="18"/>
        <v>TO</v>
      </c>
      <c r="B444" s="20"/>
      <c r="C444" s="541">
        <v>28</v>
      </c>
      <c r="D444" s="542"/>
      <c r="E444" s="543" t="s">
        <v>645</v>
      </c>
      <c r="F444" s="544"/>
      <c r="G444" s="544"/>
      <c r="H444" s="544"/>
      <c r="I444" s="544"/>
      <c r="J444" s="544"/>
      <c r="K444" s="544"/>
      <c r="L444" s="544"/>
      <c r="M444" s="544"/>
      <c r="N444" s="544"/>
      <c r="O444" s="544"/>
      <c r="P444" s="544"/>
      <c r="Q444" s="544"/>
      <c r="R444" s="544"/>
      <c r="S444" s="544"/>
      <c r="T444" s="545"/>
      <c r="U444" s="221" t="s">
        <v>646</v>
      </c>
      <c r="V444" s="546" t="s">
        <v>107</v>
      </c>
      <c r="W444" s="547"/>
      <c r="X444" s="547"/>
      <c r="Y444" s="547"/>
      <c r="Z444" s="548"/>
      <c r="AA444" s="623" t="s">
        <v>108</v>
      </c>
      <c r="AB444" s="624"/>
      <c r="AC444" s="625"/>
      <c r="AD444" s="415">
        <v>3</v>
      </c>
      <c r="AE444" s="415">
        <v>0</v>
      </c>
      <c r="AF444" s="646"/>
      <c r="AG444" s="647"/>
      <c r="AH444" s="549"/>
      <c r="AI444" s="550"/>
      <c r="AJ444" s="551"/>
      <c r="AK444" s="265"/>
      <c r="AL444" s="38"/>
      <c r="AM444" s="54"/>
      <c r="AN444" s="1" t="str">
        <f t="shared" si="17"/>
        <v>■</v>
      </c>
    </row>
    <row r="445" spans="1:40" s="1" customFormat="1" ht="13.4" customHeight="1">
      <c r="A445" s="20" t="str">
        <f t="shared" si="18"/>
        <v>TO</v>
      </c>
      <c r="B445" s="20"/>
      <c r="C445" s="541">
        <v>29</v>
      </c>
      <c r="D445" s="542"/>
      <c r="E445" s="543" t="s">
        <v>647</v>
      </c>
      <c r="F445" s="544"/>
      <c r="G445" s="544"/>
      <c r="H445" s="544"/>
      <c r="I445" s="544"/>
      <c r="J445" s="544"/>
      <c r="K445" s="544"/>
      <c r="L445" s="544"/>
      <c r="M445" s="544"/>
      <c r="N445" s="544"/>
      <c r="O445" s="544"/>
      <c r="P445" s="544"/>
      <c r="Q445" s="544"/>
      <c r="R445" s="544"/>
      <c r="S445" s="544"/>
      <c r="T445" s="545"/>
      <c r="U445" s="221" t="s">
        <v>648</v>
      </c>
      <c r="V445" s="546" t="s">
        <v>107</v>
      </c>
      <c r="W445" s="547"/>
      <c r="X445" s="547"/>
      <c r="Y445" s="547"/>
      <c r="Z445" s="548"/>
      <c r="AA445" s="623" t="s">
        <v>108</v>
      </c>
      <c r="AB445" s="624"/>
      <c r="AC445" s="625"/>
      <c r="AD445" s="415">
        <v>3</v>
      </c>
      <c r="AE445" s="415">
        <v>0</v>
      </c>
      <c r="AF445" s="646"/>
      <c r="AG445" s="647"/>
      <c r="AH445" s="549"/>
      <c r="AI445" s="550"/>
      <c r="AJ445" s="551"/>
      <c r="AK445" s="265"/>
      <c r="AL445" s="48"/>
      <c r="AM445" s="26"/>
      <c r="AN445" s="1" t="str">
        <f t="shared" si="17"/>
        <v>■</v>
      </c>
    </row>
    <row r="446" spans="1:40" s="13" customFormat="1" ht="13.4" customHeight="1">
      <c r="A446" s="20" t="str">
        <f t="shared" si="18"/>
        <v>TO</v>
      </c>
      <c r="B446" s="20"/>
      <c r="C446" s="541">
        <v>30</v>
      </c>
      <c r="D446" s="542"/>
      <c r="E446" s="543" t="s">
        <v>649</v>
      </c>
      <c r="F446" s="544"/>
      <c r="G446" s="544"/>
      <c r="H446" s="544"/>
      <c r="I446" s="544"/>
      <c r="J446" s="544"/>
      <c r="K446" s="544"/>
      <c r="L446" s="544"/>
      <c r="M446" s="544"/>
      <c r="N446" s="544"/>
      <c r="O446" s="544"/>
      <c r="P446" s="544"/>
      <c r="Q446" s="544"/>
      <c r="R446" s="544"/>
      <c r="S446" s="544"/>
      <c r="T446" s="545"/>
      <c r="U446" s="221" t="s">
        <v>650</v>
      </c>
      <c r="V446" s="546" t="s">
        <v>107</v>
      </c>
      <c r="W446" s="547"/>
      <c r="X446" s="547"/>
      <c r="Y446" s="547"/>
      <c r="Z446" s="548"/>
      <c r="AA446" s="623" t="s">
        <v>108</v>
      </c>
      <c r="AB446" s="624"/>
      <c r="AC446" s="625"/>
      <c r="AD446" s="415">
        <v>3</v>
      </c>
      <c r="AE446" s="415">
        <v>0</v>
      </c>
      <c r="AF446" s="646"/>
      <c r="AG446" s="647"/>
      <c r="AH446" s="549"/>
      <c r="AI446" s="550"/>
      <c r="AJ446" s="551"/>
      <c r="AK446" s="265"/>
      <c r="AL446" s="48"/>
      <c r="AM446" s="54"/>
      <c r="AN446" s="1" t="str">
        <f t="shared" si="17"/>
        <v>■</v>
      </c>
    </row>
    <row r="447" spans="1:40" s="13" customFormat="1" ht="13.4" customHeight="1">
      <c r="A447" s="20" t="str">
        <f t="shared" si="18"/>
        <v>TO</v>
      </c>
      <c r="B447" s="20"/>
      <c r="C447" s="541">
        <v>31</v>
      </c>
      <c r="D447" s="542"/>
      <c r="E447" s="543" t="s">
        <v>651</v>
      </c>
      <c r="F447" s="544"/>
      <c r="G447" s="544"/>
      <c r="H447" s="544"/>
      <c r="I447" s="544"/>
      <c r="J447" s="544"/>
      <c r="K447" s="544"/>
      <c r="L447" s="544"/>
      <c r="M447" s="544"/>
      <c r="N447" s="544"/>
      <c r="O447" s="544"/>
      <c r="P447" s="544"/>
      <c r="Q447" s="544"/>
      <c r="R447" s="544"/>
      <c r="S447" s="544"/>
      <c r="T447" s="545"/>
      <c r="U447" s="221" t="s">
        <v>652</v>
      </c>
      <c r="V447" s="546" t="s">
        <v>107</v>
      </c>
      <c r="W447" s="547"/>
      <c r="X447" s="547"/>
      <c r="Y447" s="547"/>
      <c r="Z447" s="548"/>
      <c r="AA447" s="623" t="s">
        <v>108</v>
      </c>
      <c r="AB447" s="624"/>
      <c r="AC447" s="625"/>
      <c r="AD447" s="415">
        <v>3</v>
      </c>
      <c r="AE447" s="415">
        <v>0</v>
      </c>
      <c r="AF447" s="646"/>
      <c r="AG447" s="647"/>
      <c r="AH447" s="549"/>
      <c r="AI447" s="550"/>
      <c r="AJ447" s="551"/>
      <c r="AK447" s="265"/>
      <c r="AL447" s="48"/>
      <c r="AM447" s="54"/>
      <c r="AN447" s="1" t="str">
        <f t="shared" si="17"/>
        <v>■</v>
      </c>
    </row>
    <row r="448" spans="1:40" s="1" customFormat="1" ht="13.4" customHeight="1">
      <c r="A448" s="20" t="str">
        <f t="shared" si="18"/>
        <v>TO</v>
      </c>
      <c r="B448" s="20"/>
      <c r="C448" s="541">
        <v>32</v>
      </c>
      <c r="D448" s="542"/>
      <c r="E448" s="543" t="s">
        <v>653</v>
      </c>
      <c r="F448" s="544"/>
      <c r="G448" s="544"/>
      <c r="H448" s="544"/>
      <c r="I448" s="544"/>
      <c r="J448" s="544"/>
      <c r="K448" s="544"/>
      <c r="L448" s="544"/>
      <c r="M448" s="544"/>
      <c r="N448" s="544"/>
      <c r="O448" s="544"/>
      <c r="P448" s="544"/>
      <c r="Q448" s="544"/>
      <c r="R448" s="544"/>
      <c r="S448" s="544"/>
      <c r="T448" s="545"/>
      <c r="U448" s="221" t="s">
        <v>654</v>
      </c>
      <c r="V448" s="546" t="s">
        <v>107</v>
      </c>
      <c r="W448" s="547"/>
      <c r="X448" s="547"/>
      <c r="Y448" s="547"/>
      <c r="Z448" s="548"/>
      <c r="AA448" s="623" t="s">
        <v>108</v>
      </c>
      <c r="AB448" s="624"/>
      <c r="AC448" s="625"/>
      <c r="AD448" s="415">
        <v>3</v>
      </c>
      <c r="AE448" s="415">
        <v>0</v>
      </c>
      <c r="AF448" s="646"/>
      <c r="AG448" s="647"/>
      <c r="AH448" s="549"/>
      <c r="AI448" s="550"/>
      <c r="AJ448" s="551"/>
      <c r="AK448" s="265"/>
      <c r="AL448" s="38"/>
      <c r="AM448" s="26"/>
      <c r="AN448" s="1" t="str">
        <f t="shared" si="17"/>
        <v>■</v>
      </c>
    </row>
    <row r="449" spans="1:40" s="1" customFormat="1" ht="13.4" customHeight="1">
      <c r="A449" s="20" t="str">
        <f t="shared" si="18"/>
        <v>TO</v>
      </c>
      <c r="B449" s="20"/>
      <c r="C449" s="541">
        <v>33</v>
      </c>
      <c r="D449" s="542"/>
      <c r="E449" s="543" t="s">
        <v>655</v>
      </c>
      <c r="F449" s="544"/>
      <c r="G449" s="544"/>
      <c r="H449" s="544"/>
      <c r="I449" s="544"/>
      <c r="J449" s="544"/>
      <c r="K449" s="544"/>
      <c r="L449" s="544"/>
      <c r="M449" s="544"/>
      <c r="N449" s="544"/>
      <c r="O449" s="544"/>
      <c r="P449" s="544"/>
      <c r="Q449" s="544"/>
      <c r="R449" s="544"/>
      <c r="S449" s="544"/>
      <c r="T449" s="545"/>
      <c r="U449" s="221" t="s">
        <v>656</v>
      </c>
      <c r="V449" s="546" t="s">
        <v>107</v>
      </c>
      <c r="W449" s="547"/>
      <c r="X449" s="547"/>
      <c r="Y449" s="547"/>
      <c r="Z449" s="548"/>
      <c r="AA449" s="623" t="s">
        <v>108</v>
      </c>
      <c r="AB449" s="624"/>
      <c r="AC449" s="625"/>
      <c r="AD449" s="415">
        <v>3</v>
      </c>
      <c r="AE449" s="415">
        <v>0</v>
      </c>
      <c r="AF449" s="646"/>
      <c r="AG449" s="647"/>
      <c r="AH449" s="549"/>
      <c r="AI449" s="550"/>
      <c r="AJ449" s="551"/>
      <c r="AK449" s="265"/>
      <c r="AL449" s="38"/>
      <c r="AM449" s="26"/>
      <c r="AN449" s="1" t="str">
        <f t="shared" si="17"/>
        <v>■</v>
      </c>
    </row>
    <row r="450" spans="1:40" s="1" customFormat="1" ht="13.4" customHeight="1">
      <c r="A450" s="20" t="str">
        <f t="shared" si="18"/>
        <v>TO</v>
      </c>
      <c r="B450" s="20"/>
      <c r="C450" s="541">
        <v>34</v>
      </c>
      <c r="D450" s="542"/>
      <c r="E450" s="543" t="s">
        <v>657</v>
      </c>
      <c r="F450" s="544"/>
      <c r="G450" s="544"/>
      <c r="H450" s="544"/>
      <c r="I450" s="544"/>
      <c r="J450" s="544"/>
      <c r="K450" s="544"/>
      <c r="L450" s="544"/>
      <c r="M450" s="544"/>
      <c r="N450" s="544"/>
      <c r="O450" s="544"/>
      <c r="P450" s="544"/>
      <c r="Q450" s="544"/>
      <c r="R450" s="544"/>
      <c r="S450" s="544"/>
      <c r="T450" s="545"/>
      <c r="U450" s="221" t="s">
        <v>658</v>
      </c>
      <c r="V450" s="546" t="s">
        <v>107</v>
      </c>
      <c r="W450" s="547"/>
      <c r="X450" s="547"/>
      <c r="Y450" s="547"/>
      <c r="Z450" s="548"/>
      <c r="AA450" s="623" t="s">
        <v>108</v>
      </c>
      <c r="AB450" s="624"/>
      <c r="AC450" s="625"/>
      <c r="AD450" s="415">
        <v>3</v>
      </c>
      <c r="AE450" s="415">
        <v>0</v>
      </c>
      <c r="AF450" s="646"/>
      <c r="AG450" s="647"/>
      <c r="AH450" s="549"/>
      <c r="AI450" s="550"/>
      <c r="AJ450" s="551"/>
      <c r="AK450" s="265"/>
      <c r="AL450" s="48"/>
      <c r="AM450" s="26"/>
      <c r="AN450" s="1" t="str">
        <f t="shared" si="17"/>
        <v>■</v>
      </c>
    </row>
    <row r="451" spans="1:40" s="13" customFormat="1" ht="13.4" customHeight="1">
      <c r="A451" s="20" t="str">
        <f t="shared" si="18"/>
        <v>TO</v>
      </c>
      <c r="B451" s="20"/>
      <c r="C451" s="541">
        <v>35</v>
      </c>
      <c r="D451" s="542"/>
      <c r="E451" s="543" t="s">
        <v>659</v>
      </c>
      <c r="F451" s="544"/>
      <c r="G451" s="544"/>
      <c r="H451" s="544"/>
      <c r="I451" s="544"/>
      <c r="J451" s="544"/>
      <c r="K451" s="544"/>
      <c r="L451" s="544"/>
      <c r="M451" s="544"/>
      <c r="N451" s="544"/>
      <c r="O451" s="544"/>
      <c r="P451" s="544"/>
      <c r="Q451" s="544"/>
      <c r="R451" s="544"/>
      <c r="S451" s="544"/>
      <c r="T451" s="545"/>
      <c r="U451" s="221" t="s">
        <v>660</v>
      </c>
      <c r="V451" s="546" t="s">
        <v>107</v>
      </c>
      <c r="W451" s="547"/>
      <c r="X451" s="547"/>
      <c r="Y451" s="547"/>
      <c r="Z451" s="548"/>
      <c r="AA451" s="623" t="s">
        <v>108</v>
      </c>
      <c r="AB451" s="624"/>
      <c r="AC451" s="625"/>
      <c r="AD451" s="415">
        <v>3</v>
      </c>
      <c r="AE451" s="415">
        <v>0</v>
      </c>
      <c r="AF451" s="646"/>
      <c r="AG451" s="647"/>
      <c r="AH451" s="549"/>
      <c r="AI451" s="550"/>
      <c r="AJ451" s="551"/>
      <c r="AK451" s="265"/>
      <c r="AL451" s="38"/>
      <c r="AM451" s="54"/>
      <c r="AN451" s="1" t="str">
        <f t="shared" si="17"/>
        <v>■</v>
      </c>
    </row>
    <row r="452" spans="1:40" s="13" customFormat="1" ht="13.4" customHeight="1">
      <c r="A452" s="20" t="str">
        <f t="shared" si="18"/>
        <v>TO</v>
      </c>
      <c r="B452" s="20"/>
      <c r="C452" s="541">
        <v>36</v>
      </c>
      <c r="D452" s="542"/>
      <c r="E452" s="543" t="s">
        <v>661</v>
      </c>
      <c r="F452" s="544"/>
      <c r="G452" s="544"/>
      <c r="H452" s="544"/>
      <c r="I452" s="544"/>
      <c r="J452" s="544"/>
      <c r="K452" s="544"/>
      <c r="L452" s="544"/>
      <c r="M452" s="544"/>
      <c r="N452" s="544"/>
      <c r="O452" s="544"/>
      <c r="P452" s="544"/>
      <c r="Q452" s="544"/>
      <c r="R452" s="544"/>
      <c r="S452" s="544"/>
      <c r="T452" s="545"/>
      <c r="U452" s="221" t="s">
        <v>662</v>
      </c>
      <c r="V452" s="546" t="s">
        <v>107</v>
      </c>
      <c r="W452" s="547"/>
      <c r="X452" s="547"/>
      <c r="Y452" s="547"/>
      <c r="Z452" s="548"/>
      <c r="AA452" s="623" t="s">
        <v>108</v>
      </c>
      <c r="AB452" s="624"/>
      <c r="AC452" s="625"/>
      <c r="AD452" s="415">
        <v>3</v>
      </c>
      <c r="AE452" s="415">
        <v>0</v>
      </c>
      <c r="AF452" s="646"/>
      <c r="AG452" s="647"/>
      <c r="AH452" s="549"/>
      <c r="AI452" s="550"/>
      <c r="AJ452" s="551"/>
      <c r="AK452" s="265"/>
      <c r="AL452" s="38"/>
      <c r="AM452" s="54"/>
      <c r="AN452" s="1" t="str">
        <f t="shared" si="17"/>
        <v>■</v>
      </c>
    </row>
    <row r="453" spans="1:40" s="1" customFormat="1" ht="13.4" customHeight="1">
      <c r="A453" s="20" t="str">
        <f t="shared" si="18"/>
        <v>TO</v>
      </c>
      <c r="B453" s="20"/>
      <c r="C453" s="541">
        <v>37</v>
      </c>
      <c r="D453" s="542"/>
      <c r="E453" s="543" t="s">
        <v>663</v>
      </c>
      <c r="F453" s="544"/>
      <c r="G453" s="544"/>
      <c r="H453" s="544"/>
      <c r="I453" s="544"/>
      <c r="J453" s="544"/>
      <c r="K453" s="544"/>
      <c r="L453" s="544"/>
      <c r="M453" s="544"/>
      <c r="N453" s="544"/>
      <c r="O453" s="544"/>
      <c r="P453" s="544"/>
      <c r="Q453" s="544"/>
      <c r="R453" s="544"/>
      <c r="S453" s="544"/>
      <c r="T453" s="545"/>
      <c r="U453" s="221" t="s">
        <v>664</v>
      </c>
      <c r="V453" s="546" t="s">
        <v>107</v>
      </c>
      <c r="W453" s="547"/>
      <c r="X453" s="547"/>
      <c r="Y453" s="547"/>
      <c r="Z453" s="548"/>
      <c r="AA453" s="623" t="s">
        <v>108</v>
      </c>
      <c r="AB453" s="624"/>
      <c r="AC453" s="625"/>
      <c r="AD453" s="415">
        <v>3</v>
      </c>
      <c r="AE453" s="415">
        <v>0</v>
      </c>
      <c r="AF453" s="646"/>
      <c r="AG453" s="647"/>
      <c r="AH453" s="549"/>
      <c r="AI453" s="550"/>
      <c r="AJ453" s="551"/>
      <c r="AK453" s="265"/>
      <c r="AL453" s="48"/>
      <c r="AM453" s="26"/>
      <c r="AN453" s="1" t="str">
        <f t="shared" si="17"/>
        <v>■</v>
      </c>
    </row>
    <row r="454" spans="1:40" s="13" customFormat="1" ht="13.4" customHeight="1">
      <c r="A454" s="20" t="str">
        <f t="shared" si="18"/>
        <v>TO</v>
      </c>
      <c r="B454" s="20"/>
      <c r="C454" s="541">
        <v>38</v>
      </c>
      <c r="D454" s="542"/>
      <c r="E454" s="543" t="s">
        <v>665</v>
      </c>
      <c r="F454" s="544"/>
      <c r="G454" s="544"/>
      <c r="H454" s="544"/>
      <c r="I454" s="544"/>
      <c r="J454" s="544"/>
      <c r="K454" s="544"/>
      <c r="L454" s="544"/>
      <c r="M454" s="544"/>
      <c r="N454" s="544"/>
      <c r="O454" s="544"/>
      <c r="P454" s="544"/>
      <c r="Q454" s="544"/>
      <c r="R454" s="544"/>
      <c r="S454" s="544"/>
      <c r="T454" s="545"/>
      <c r="U454" s="221" t="s">
        <v>666</v>
      </c>
      <c r="V454" s="546" t="s">
        <v>107</v>
      </c>
      <c r="W454" s="547"/>
      <c r="X454" s="547"/>
      <c r="Y454" s="547"/>
      <c r="Z454" s="548"/>
      <c r="AA454" s="623" t="s">
        <v>108</v>
      </c>
      <c r="AB454" s="624"/>
      <c r="AC454" s="625"/>
      <c r="AD454" s="415">
        <v>3</v>
      </c>
      <c r="AE454" s="415">
        <v>0</v>
      </c>
      <c r="AF454" s="646"/>
      <c r="AG454" s="647"/>
      <c r="AH454" s="549"/>
      <c r="AI454" s="550"/>
      <c r="AJ454" s="551"/>
      <c r="AK454" s="265"/>
      <c r="AL454" s="48"/>
      <c r="AM454" s="54"/>
      <c r="AN454" s="1" t="str">
        <f t="shared" si="17"/>
        <v>■</v>
      </c>
    </row>
    <row r="455" spans="1:40" s="13" customFormat="1" ht="13.4" customHeight="1">
      <c r="A455" s="20" t="str">
        <f t="shared" si="18"/>
        <v>TO</v>
      </c>
      <c r="B455" s="20"/>
      <c r="C455" s="541">
        <v>39</v>
      </c>
      <c r="D455" s="542"/>
      <c r="E455" s="543" t="s">
        <v>667</v>
      </c>
      <c r="F455" s="544"/>
      <c r="G455" s="544"/>
      <c r="H455" s="544"/>
      <c r="I455" s="544"/>
      <c r="J455" s="544"/>
      <c r="K455" s="544"/>
      <c r="L455" s="544"/>
      <c r="M455" s="544"/>
      <c r="N455" s="544"/>
      <c r="O455" s="544"/>
      <c r="P455" s="544"/>
      <c r="Q455" s="544"/>
      <c r="R455" s="544"/>
      <c r="S455" s="544"/>
      <c r="T455" s="545"/>
      <c r="U455" s="221" t="s">
        <v>668</v>
      </c>
      <c r="V455" s="546" t="s">
        <v>107</v>
      </c>
      <c r="W455" s="547"/>
      <c r="X455" s="547"/>
      <c r="Y455" s="547"/>
      <c r="Z455" s="548"/>
      <c r="AA455" s="623" t="s">
        <v>108</v>
      </c>
      <c r="AB455" s="624"/>
      <c r="AC455" s="625"/>
      <c r="AD455" s="415">
        <v>3</v>
      </c>
      <c r="AE455" s="415">
        <v>0</v>
      </c>
      <c r="AF455" s="646"/>
      <c r="AG455" s="647"/>
      <c r="AH455" s="549"/>
      <c r="AI455" s="550"/>
      <c r="AJ455" s="551"/>
      <c r="AK455" s="265"/>
      <c r="AL455" s="48"/>
      <c r="AM455" s="54"/>
      <c r="AN455" s="1" t="str">
        <f t="shared" si="17"/>
        <v>■</v>
      </c>
    </row>
    <row r="456" spans="1:40" s="1" customFormat="1" ht="13.4" customHeight="1">
      <c r="A456" s="20" t="str">
        <f t="shared" si="18"/>
        <v>TO</v>
      </c>
      <c r="B456" s="20"/>
      <c r="C456" s="541">
        <v>40</v>
      </c>
      <c r="D456" s="542"/>
      <c r="E456" s="543" t="s">
        <v>669</v>
      </c>
      <c r="F456" s="544"/>
      <c r="G456" s="544"/>
      <c r="H456" s="544"/>
      <c r="I456" s="544"/>
      <c r="J456" s="544"/>
      <c r="K456" s="544"/>
      <c r="L456" s="544"/>
      <c r="M456" s="544"/>
      <c r="N456" s="544"/>
      <c r="O456" s="544"/>
      <c r="P456" s="544"/>
      <c r="Q456" s="544"/>
      <c r="R456" s="544"/>
      <c r="S456" s="544"/>
      <c r="T456" s="545"/>
      <c r="U456" s="221" t="s">
        <v>670</v>
      </c>
      <c r="V456" s="546" t="s">
        <v>107</v>
      </c>
      <c r="W456" s="547"/>
      <c r="X456" s="547"/>
      <c r="Y456" s="547"/>
      <c r="Z456" s="548"/>
      <c r="AA456" s="623" t="s">
        <v>108</v>
      </c>
      <c r="AB456" s="624"/>
      <c r="AC456" s="625"/>
      <c r="AD456" s="415">
        <v>3</v>
      </c>
      <c r="AE456" s="415">
        <v>0</v>
      </c>
      <c r="AF456" s="646"/>
      <c r="AG456" s="647"/>
      <c r="AH456" s="549"/>
      <c r="AI456" s="550"/>
      <c r="AJ456" s="551"/>
      <c r="AK456" s="265"/>
      <c r="AL456" s="48"/>
      <c r="AM456" s="26"/>
      <c r="AN456" s="1" t="str">
        <f t="shared" si="17"/>
        <v>■</v>
      </c>
    </row>
    <row r="457" spans="1:40" s="1" customFormat="1" ht="13.4" customHeight="1">
      <c r="A457" s="20" t="str">
        <f t="shared" si="18"/>
        <v>TO</v>
      </c>
      <c r="B457" s="20"/>
      <c r="C457" s="541">
        <v>41</v>
      </c>
      <c r="D457" s="542"/>
      <c r="E457" s="543" t="s">
        <v>671</v>
      </c>
      <c r="F457" s="544"/>
      <c r="G457" s="544"/>
      <c r="H457" s="544"/>
      <c r="I457" s="544"/>
      <c r="J457" s="544"/>
      <c r="K457" s="544"/>
      <c r="L457" s="544"/>
      <c r="M457" s="544"/>
      <c r="N457" s="544"/>
      <c r="O457" s="544"/>
      <c r="P457" s="544"/>
      <c r="Q457" s="544"/>
      <c r="R457" s="544"/>
      <c r="S457" s="544"/>
      <c r="T457" s="545"/>
      <c r="U457" s="221" t="s">
        <v>672</v>
      </c>
      <c r="V457" s="546" t="s">
        <v>107</v>
      </c>
      <c r="W457" s="547"/>
      <c r="X457" s="547"/>
      <c r="Y457" s="547"/>
      <c r="Z457" s="548"/>
      <c r="AA457" s="623" t="s">
        <v>108</v>
      </c>
      <c r="AB457" s="624"/>
      <c r="AC457" s="625"/>
      <c r="AD457" s="415">
        <v>3</v>
      </c>
      <c r="AE457" s="415">
        <v>0</v>
      </c>
      <c r="AF457" s="646"/>
      <c r="AG457" s="647"/>
      <c r="AH457" s="549"/>
      <c r="AI457" s="550"/>
      <c r="AJ457" s="551"/>
      <c r="AK457" s="265"/>
      <c r="AL457" s="38"/>
      <c r="AM457" s="26"/>
      <c r="AN457" s="1" t="str">
        <f t="shared" si="17"/>
        <v>■</v>
      </c>
    </row>
    <row r="458" spans="1:40" s="1" customFormat="1" ht="13.4" customHeight="1">
      <c r="A458" s="20" t="str">
        <f t="shared" si="18"/>
        <v>TO</v>
      </c>
      <c r="B458" s="20"/>
      <c r="C458" s="541">
        <v>42</v>
      </c>
      <c r="D458" s="542"/>
      <c r="E458" s="543" t="s">
        <v>673</v>
      </c>
      <c r="F458" s="544"/>
      <c r="G458" s="544"/>
      <c r="H458" s="544"/>
      <c r="I458" s="544"/>
      <c r="J458" s="544"/>
      <c r="K458" s="544"/>
      <c r="L458" s="544"/>
      <c r="M458" s="544"/>
      <c r="N458" s="544"/>
      <c r="O458" s="544"/>
      <c r="P458" s="544"/>
      <c r="Q458" s="544"/>
      <c r="R458" s="544"/>
      <c r="S458" s="544"/>
      <c r="T458" s="545"/>
      <c r="U458" s="221" t="s">
        <v>674</v>
      </c>
      <c r="V458" s="546" t="s">
        <v>107</v>
      </c>
      <c r="W458" s="547"/>
      <c r="X458" s="547"/>
      <c r="Y458" s="547"/>
      <c r="Z458" s="548"/>
      <c r="AA458" s="623" t="s">
        <v>108</v>
      </c>
      <c r="AB458" s="624"/>
      <c r="AC458" s="625"/>
      <c r="AD458" s="415">
        <v>3</v>
      </c>
      <c r="AE458" s="415">
        <v>0</v>
      </c>
      <c r="AF458" s="646"/>
      <c r="AG458" s="647"/>
      <c r="AH458" s="549"/>
      <c r="AI458" s="550"/>
      <c r="AJ458" s="551"/>
      <c r="AK458" s="265"/>
      <c r="AL458" s="38"/>
      <c r="AM458" s="26"/>
      <c r="AN458" s="1" t="str">
        <f t="shared" si="17"/>
        <v>■</v>
      </c>
    </row>
    <row r="459" spans="1:40" s="1" customFormat="1" ht="13.4" customHeight="1">
      <c r="A459" s="20" t="str">
        <f t="shared" si="18"/>
        <v>TO</v>
      </c>
      <c r="B459" s="20"/>
      <c r="C459" s="541">
        <v>43</v>
      </c>
      <c r="D459" s="542"/>
      <c r="E459" s="543" t="s">
        <v>675</v>
      </c>
      <c r="F459" s="544"/>
      <c r="G459" s="544"/>
      <c r="H459" s="544"/>
      <c r="I459" s="544"/>
      <c r="J459" s="544"/>
      <c r="K459" s="544"/>
      <c r="L459" s="544"/>
      <c r="M459" s="544"/>
      <c r="N459" s="544"/>
      <c r="O459" s="544"/>
      <c r="P459" s="544"/>
      <c r="Q459" s="544"/>
      <c r="R459" s="544"/>
      <c r="S459" s="544"/>
      <c r="T459" s="545"/>
      <c r="U459" s="221" t="s">
        <v>676</v>
      </c>
      <c r="V459" s="546" t="s">
        <v>107</v>
      </c>
      <c r="W459" s="547"/>
      <c r="X459" s="547"/>
      <c r="Y459" s="547"/>
      <c r="Z459" s="548"/>
      <c r="AA459" s="623" t="s">
        <v>108</v>
      </c>
      <c r="AB459" s="624"/>
      <c r="AC459" s="625"/>
      <c r="AD459" s="415">
        <v>3</v>
      </c>
      <c r="AE459" s="415">
        <v>0</v>
      </c>
      <c r="AF459" s="646"/>
      <c r="AG459" s="647"/>
      <c r="AH459" s="549"/>
      <c r="AI459" s="550"/>
      <c r="AJ459" s="551"/>
      <c r="AK459" s="265"/>
      <c r="AL459" s="48"/>
      <c r="AM459" s="26"/>
      <c r="AN459" s="1" t="str">
        <f t="shared" si="17"/>
        <v>■</v>
      </c>
    </row>
    <row r="460" spans="1:40" s="13" customFormat="1" ht="13.4" customHeight="1">
      <c r="A460" s="20" t="str">
        <f t="shared" si="18"/>
        <v>TO</v>
      </c>
      <c r="B460" s="20"/>
      <c r="C460" s="541">
        <v>44</v>
      </c>
      <c r="D460" s="542"/>
      <c r="E460" s="543" t="s">
        <v>677</v>
      </c>
      <c r="F460" s="544"/>
      <c r="G460" s="544"/>
      <c r="H460" s="544"/>
      <c r="I460" s="544"/>
      <c r="J460" s="544"/>
      <c r="K460" s="544"/>
      <c r="L460" s="544"/>
      <c r="M460" s="544"/>
      <c r="N460" s="544"/>
      <c r="O460" s="544"/>
      <c r="P460" s="544"/>
      <c r="Q460" s="544"/>
      <c r="R460" s="544"/>
      <c r="S460" s="544"/>
      <c r="T460" s="545"/>
      <c r="U460" s="221" t="s">
        <v>678</v>
      </c>
      <c r="V460" s="546" t="s">
        <v>107</v>
      </c>
      <c r="W460" s="547"/>
      <c r="X460" s="547"/>
      <c r="Y460" s="547"/>
      <c r="Z460" s="548"/>
      <c r="AA460" s="623" t="s">
        <v>108</v>
      </c>
      <c r="AB460" s="624"/>
      <c r="AC460" s="625"/>
      <c r="AD460" s="415">
        <v>3</v>
      </c>
      <c r="AE460" s="415">
        <v>0</v>
      </c>
      <c r="AF460" s="646"/>
      <c r="AG460" s="647"/>
      <c r="AH460" s="549"/>
      <c r="AI460" s="550"/>
      <c r="AJ460" s="551"/>
      <c r="AK460" s="265"/>
      <c r="AL460" s="38"/>
      <c r="AM460" s="54"/>
      <c r="AN460" s="1" t="str">
        <f t="shared" si="17"/>
        <v>■</v>
      </c>
    </row>
    <row r="461" spans="1:40" s="13" customFormat="1" ht="13.4" customHeight="1">
      <c r="A461" s="20" t="str">
        <f t="shared" si="18"/>
        <v>TO</v>
      </c>
      <c r="B461" s="20"/>
      <c r="C461" s="541">
        <v>45</v>
      </c>
      <c r="D461" s="542"/>
      <c r="E461" s="543" t="s">
        <v>679</v>
      </c>
      <c r="F461" s="544"/>
      <c r="G461" s="544"/>
      <c r="H461" s="544"/>
      <c r="I461" s="544"/>
      <c r="J461" s="544"/>
      <c r="K461" s="544"/>
      <c r="L461" s="544"/>
      <c r="M461" s="544"/>
      <c r="N461" s="544"/>
      <c r="O461" s="544"/>
      <c r="P461" s="544"/>
      <c r="Q461" s="544"/>
      <c r="R461" s="544"/>
      <c r="S461" s="544"/>
      <c r="T461" s="545"/>
      <c r="U461" s="221" t="s">
        <v>680</v>
      </c>
      <c r="V461" s="546" t="s">
        <v>107</v>
      </c>
      <c r="W461" s="547"/>
      <c r="X461" s="547"/>
      <c r="Y461" s="547"/>
      <c r="Z461" s="548"/>
      <c r="AA461" s="623" t="s">
        <v>108</v>
      </c>
      <c r="AB461" s="624"/>
      <c r="AC461" s="625"/>
      <c r="AD461" s="415">
        <v>3</v>
      </c>
      <c r="AE461" s="415">
        <v>0</v>
      </c>
      <c r="AF461" s="646"/>
      <c r="AG461" s="647"/>
      <c r="AH461" s="549"/>
      <c r="AI461" s="550"/>
      <c r="AJ461" s="551"/>
      <c r="AK461" s="265"/>
      <c r="AL461" s="38"/>
      <c r="AM461" s="54"/>
      <c r="AN461" s="1" t="str">
        <f t="shared" si="17"/>
        <v>■</v>
      </c>
    </row>
    <row r="462" spans="1:40" s="1" customFormat="1" ht="13.4" customHeight="1">
      <c r="A462" s="20" t="str">
        <f t="shared" si="18"/>
        <v>TO</v>
      </c>
      <c r="B462" s="20"/>
      <c r="C462" s="541">
        <v>46</v>
      </c>
      <c r="D462" s="542"/>
      <c r="E462" s="543" t="s">
        <v>681</v>
      </c>
      <c r="F462" s="544"/>
      <c r="G462" s="544"/>
      <c r="H462" s="544"/>
      <c r="I462" s="544"/>
      <c r="J462" s="544"/>
      <c r="K462" s="544"/>
      <c r="L462" s="544"/>
      <c r="M462" s="544"/>
      <c r="N462" s="544"/>
      <c r="O462" s="544"/>
      <c r="P462" s="544"/>
      <c r="Q462" s="544"/>
      <c r="R462" s="544"/>
      <c r="S462" s="544"/>
      <c r="T462" s="545"/>
      <c r="U462" s="221" t="s">
        <v>682</v>
      </c>
      <c r="V462" s="546" t="s">
        <v>107</v>
      </c>
      <c r="W462" s="547"/>
      <c r="X462" s="547"/>
      <c r="Y462" s="547"/>
      <c r="Z462" s="548"/>
      <c r="AA462" s="623" t="s">
        <v>108</v>
      </c>
      <c r="AB462" s="624"/>
      <c r="AC462" s="625"/>
      <c r="AD462" s="415">
        <v>3</v>
      </c>
      <c r="AE462" s="415">
        <v>0</v>
      </c>
      <c r="AF462" s="646"/>
      <c r="AG462" s="647"/>
      <c r="AH462" s="549"/>
      <c r="AI462" s="550"/>
      <c r="AJ462" s="551"/>
      <c r="AK462" s="265"/>
      <c r="AL462" s="48"/>
      <c r="AM462" s="26"/>
      <c r="AN462" s="1" t="str">
        <f t="shared" si="17"/>
        <v>■</v>
      </c>
    </row>
    <row r="463" spans="1:40" s="13" customFormat="1" ht="13.4" customHeight="1">
      <c r="A463" s="20" t="str">
        <f t="shared" si="18"/>
        <v>TO</v>
      </c>
      <c r="B463" s="20"/>
      <c r="C463" s="541">
        <v>47</v>
      </c>
      <c r="D463" s="542"/>
      <c r="E463" s="543" t="s">
        <v>683</v>
      </c>
      <c r="F463" s="544"/>
      <c r="G463" s="544"/>
      <c r="H463" s="544"/>
      <c r="I463" s="544"/>
      <c r="J463" s="544"/>
      <c r="K463" s="544"/>
      <c r="L463" s="544"/>
      <c r="M463" s="544"/>
      <c r="N463" s="544"/>
      <c r="O463" s="544"/>
      <c r="P463" s="544"/>
      <c r="Q463" s="544"/>
      <c r="R463" s="544"/>
      <c r="S463" s="544"/>
      <c r="T463" s="545"/>
      <c r="U463" s="221" t="s">
        <v>684</v>
      </c>
      <c r="V463" s="546" t="s">
        <v>107</v>
      </c>
      <c r="W463" s="547"/>
      <c r="X463" s="547"/>
      <c r="Y463" s="547"/>
      <c r="Z463" s="548"/>
      <c r="AA463" s="623" t="s">
        <v>108</v>
      </c>
      <c r="AB463" s="624"/>
      <c r="AC463" s="625"/>
      <c r="AD463" s="415">
        <v>3</v>
      </c>
      <c r="AE463" s="415">
        <v>0</v>
      </c>
      <c r="AF463" s="646"/>
      <c r="AG463" s="647"/>
      <c r="AH463" s="549"/>
      <c r="AI463" s="550"/>
      <c r="AJ463" s="551"/>
      <c r="AK463" s="265"/>
      <c r="AL463" s="48"/>
      <c r="AM463" s="54"/>
      <c r="AN463" s="1" t="str">
        <f t="shared" si="17"/>
        <v>■</v>
      </c>
    </row>
    <row r="464" spans="1:40" s="13" customFormat="1" ht="13.4" customHeight="1">
      <c r="A464" s="20" t="str">
        <f t="shared" si="18"/>
        <v>TO</v>
      </c>
      <c r="B464" s="20"/>
      <c r="C464" s="541">
        <v>48</v>
      </c>
      <c r="D464" s="542"/>
      <c r="E464" s="543" t="s">
        <v>685</v>
      </c>
      <c r="F464" s="544"/>
      <c r="G464" s="544"/>
      <c r="H464" s="544"/>
      <c r="I464" s="544"/>
      <c r="J464" s="544"/>
      <c r="K464" s="544"/>
      <c r="L464" s="544"/>
      <c r="M464" s="544"/>
      <c r="N464" s="544"/>
      <c r="O464" s="544"/>
      <c r="P464" s="544"/>
      <c r="Q464" s="544"/>
      <c r="R464" s="544"/>
      <c r="S464" s="544"/>
      <c r="T464" s="545"/>
      <c r="U464" s="221" t="s">
        <v>686</v>
      </c>
      <c r="V464" s="546" t="s">
        <v>107</v>
      </c>
      <c r="W464" s="547"/>
      <c r="X464" s="547"/>
      <c r="Y464" s="547"/>
      <c r="Z464" s="548"/>
      <c r="AA464" s="623" t="s">
        <v>108</v>
      </c>
      <c r="AB464" s="624"/>
      <c r="AC464" s="625"/>
      <c r="AD464" s="415">
        <v>3</v>
      </c>
      <c r="AE464" s="415">
        <v>0</v>
      </c>
      <c r="AF464" s="646"/>
      <c r="AG464" s="647"/>
      <c r="AH464" s="549"/>
      <c r="AI464" s="550"/>
      <c r="AJ464" s="551"/>
      <c r="AK464" s="265"/>
      <c r="AL464" s="48"/>
      <c r="AM464" s="54"/>
      <c r="AN464" s="1" t="str">
        <f t="shared" si="17"/>
        <v>■</v>
      </c>
    </row>
    <row r="465" spans="1:40" s="1" customFormat="1" ht="13.4" customHeight="1">
      <c r="A465" s="20" t="str">
        <f t="shared" si="18"/>
        <v>TO</v>
      </c>
      <c r="B465" s="20"/>
      <c r="C465" s="541">
        <v>49</v>
      </c>
      <c r="D465" s="542"/>
      <c r="E465" s="543" t="s">
        <v>687</v>
      </c>
      <c r="F465" s="544"/>
      <c r="G465" s="544"/>
      <c r="H465" s="544"/>
      <c r="I465" s="544"/>
      <c r="J465" s="544"/>
      <c r="K465" s="544"/>
      <c r="L465" s="544"/>
      <c r="M465" s="544"/>
      <c r="N465" s="544"/>
      <c r="O465" s="544"/>
      <c r="P465" s="544"/>
      <c r="Q465" s="544"/>
      <c r="R465" s="544"/>
      <c r="S465" s="544"/>
      <c r="T465" s="545"/>
      <c r="U465" s="221" t="s">
        <v>688</v>
      </c>
      <c r="V465" s="546" t="s">
        <v>107</v>
      </c>
      <c r="W465" s="547"/>
      <c r="X465" s="547"/>
      <c r="Y465" s="547"/>
      <c r="Z465" s="548"/>
      <c r="AA465" s="623" t="s">
        <v>108</v>
      </c>
      <c r="AB465" s="624"/>
      <c r="AC465" s="625"/>
      <c r="AD465" s="415">
        <v>3</v>
      </c>
      <c r="AE465" s="415">
        <v>0</v>
      </c>
      <c r="AF465" s="646"/>
      <c r="AG465" s="647"/>
      <c r="AH465" s="549"/>
      <c r="AI465" s="550"/>
      <c r="AJ465" s="551"/>
      <c r="AK465" s="265"/>
      <c r="AL465" s="48"/>
      <c r="AM465" s="26"/>
      <c r="AN465" s="1" t="str">
        <f t="shared" si="17"/>
        <v>■</v>
      </c>
    </row>
    <row r="466" spans="1:40" s="1" customFormat="1" ht="13.4" customHeight="1">
      <c r="A466" s="20" t="str">
        <f t="shared" si="18"/>
        <v>TO</v>
      </c>
      <c r="B466" s="20"/>
      <c r="C466" s="541">
        <v>50</v>
      </c>
      <c r="D466" s="542"/>
      <c r="E466" s="543" t="s">
        <v>689</v>
      </c>
      <c r="F466" s="544"/>
      <c r="G466" s="544"/>
      <c r="H466" s="544"/>
      <c r="I466" s="544"/>
      <c r="J466" s="544"/>
      <c r="K466" s="544"/>
      <c r="L466" s="544"/>
      <c r="M466" s="544"/>
      <c r="N466" s="544"/>
      <c r="O466" s="544"/>
      <c r="P466" s="544"/>
      <c r="Q466" s="544"/>
      <c r="R466" s="544"/>
      <c r="S466" s="544"/>
      <c r="T466" s="545"/>
      <c r="U466" s="229" t="s">
        <v>690</v>
      </c>
      <c r="V466" s="546" t="s">
        <v>107</v>
      </c>
      <c r="W466" s="547"/>
      <c r="X466" s="547"/>
      <c r="Y466" s="547"/>
      <c r="Z466" s="548"/>
      <c r="AA466" s="623" t="s">
        <v>102</v>
      </c>
      <c r="AB466" s="624"/>
      <c r="AC466" s="625"/>
      <c r="AD466" s="415">
        <v>2</v>
      </c>
      <c r="AE466" s="415" t="s">
        <v>103</v>
      </c>
      <c r="AF466" s="646"/>
      <c r="AG466" s="647"/>
      <c r="AH466" s="549"/>
      <c r="AI466" s="550"/>
      <c r="AJ466" s="551"/>
      <c r="AK466" s="265"/>
      <c r="AL466" s="48"/>
      <c r="AM466" s="26"/>
      <c r="AN466" s="1" t="str">
        <f t="shared" si="17"/>
        <v>■</v>
      </c>
    </row>
    <row r="467" spans="1:40" s="1" customFormat="1" ht="13.4" customHeight="1">
      <c r="A467" s="20" t="str">
        <f t="shared" si="18"/>
        <v>TO</v>
      </c>
      <c r="B467" s="20"/>
      <c r="C467" s="541">
        <v>51</v>
      </c>
      <c r="D467" s="542"/>
      <c r="E467" s="543" t="s">
        <v>1314</v>
      </c>
      <c r="F467" s="544"/>
      <c r="G467" s="544"/>
      <c r="H467" s="544"/>
      <c r="I467" s="544"/>
      <c r="J467" s="544"/>
      <c r="K467" s="544"/>
      <c r="L467" s="544"/>
      <c r="M467" s="544"/>
      <c r="N467" s="544"/>
      <c r="O467" s="544"/>
      <c r="P467" s="544"/>
      <c r="Q467" s="544"/>
      <c r="R467" s="544"/>
      <c r="S467" s="544"/>
      <c r="T467" s="545"/>
      <c r="U467" s="229" t="s">
        <v>692</v>
      </c>
      <c r="V467" s="546" t="s">
        <v>107</v>
      </c>
      <c r="W467" s="547"/>
      <c r="X467" s="547"/>
      <c r="Y467" s="547"/>
      <c r="Z467" s="548"/>
      <c r="AA467" s="623" t="s">
        <v>108</v>
      </c>
      <c r="AB467" s="624"/>
      <c r="AC467" s="625"/>
      <c r="AD467" s="415">
        <v>5</v>
      </c>
      <c r="AE467" s="415">
        <v>0</v>
      </c>
      <c r="AF467" s="646"/>
      <c r="AG467" s="647"/>
      <c r="AH467" s="549"/>
      <c r="AI467" s="550"/>
      <c r="AJ467" s="551"/>
      <c r="AK467" s="265"/>
      <c r="AL467" s="48"/>
      <c r="AM467" s="26"/>
      <c r="AN467" s="1" t="str">
        <f t="shared" si="17"/>
        <v>■</v>
      </c>
    </row>
    <row r="468" spans="1:40" s="1" customFormat="1" ht="13.4" customHeight="1">
      <c r="A468" s="20" t="str">
        <f t="shared" si="18"/>
        <v>TO</v>
      </c>
      <c r="B468" s="20"/>
      <c r="C468" s="541">
        <v>52</v>
      </c>
      <c r="D468" s="542"/>
      <c r="E468" s="543" t="s">
        <v>1315</v>
      </c>
      <c r="F468" s="544"/>
      <c r="G468" s="544"/>
      <c r="H468" s="544"/>
      <c r="I468" s="544"/>
      <c r="J468" s="544"/>
      <c r="K468" s="544"/>
      <c r="L468" s="544"/>
      <c r="M468" s="544"/>
      <c r="N468" s="544"/>
      <c r="O468" s="544"/>
      <c r="P468" s="544"/>
      <c r="Q468" s="544"/>
      <c r="R468" s="544"/>
      <c r="S468" s="544"/>
      <c r="T468" s="545"/>
      <c r="U468" s="229" t="s">
        <v>694</v>
      </c>
      <c r="V468" s="546" t="s">
        <v>107</v>
      </c>
      <c r="W468" s="547"/>
      <c r="X468" s="547"/>
      <c r="Y468" s="547"/>
      <c r="Z468" s="548"/>
      <c r="AA468" s="623" t="s">
        <v>108</v>
      </c>
      <c r="AB468" s="624"/>
      <c r="AC468" s="625"/>
      <c r="AD468" s="415">
        <v>5</v>
      </c>
      <c r="AE468" s="415">
        <v>0</v>
      </c>
      <c r="AF468" s="646"/>
      <c r="AG468" s="647"/>
      <c r="AH468" s="549"/>
      <c r="AI468" s="550"/>
      <c r="AJ468" s="551"/>
      <c r="AK468" s="265"/>
      <c r="AL468" s="48"/>
      <c r="AM468" s="26"/>
      <c r="AN468" s="1" t="str">
        <f t="shared" si="17"/>
        <v>■</v>
      </c>
    </row>
    <row r="469" spans="1:40" s="1" customFormat="1" ht="13.4" customHeight="1">
      <c r="A469" s="20" t="str">
        <f t="shared" si="18"/>
        <v>TO</v>
      </c>
      <c r="B469" s="20"/>
      <c r="C469" s="541">
        <v>53</v>
      </c>
      <c r="D469" s="542"/>
      <c r="E469" s="543" t="s">
        <v>1316</v>
      </c>
      <c r="F469" s="544"/>
      <c r="G469" s="544"/>
      <c r="H469" s="544"/>
      <c r="I469" s="544"/>
      <c r="J469" s="544"/>
      <c r="K469" s="544"/>
      <c r="L469" s="544"/>
      <c r="M469" s="544"/>
      <c r="N469" s="544"/>
      <c r="O469" s="544"/>
      <c r="P469" s="544"/>
      <c r="Q469" s="544"/>
      <c r="R469" s="544"/>
      <c r="S469" s="544"/>
      <c r="T469" s="545"/>
      <c r="U469" s="229" t="s">
        <v>696</v>
      </c>
      <c r="V469" s="546" t="s">
        <v>107</v>
      </c>
      <c r="W469" s="547"/>
      <c r="X469" s="547"/>
      <c r="Y469" s="547"/>
      <c r="Z469" s="548"/>
      <c r="AA469" s="623" t="s">
        <v>108</v>
      </c>
      <c r="AB469" s="624"/>
      <c r="AC469" s="625"/>
      <c r="AD469" s="415">
        <v>7</v>
      </c>
      <c r="AE469" s="415">
        <v>0</v>
      </c>
      <c r="AF469" s="646"/>
      <c r="AG469" s="647"/>
      <c r="AH469" s="549"/>
      <c r="AI469" s="550"/>
      <c r="AJ469" s="551"/>
      <c r="AK469" s="265" t="s">
        <v>697</v>
      </c>
      <c r="AL469" s="38"/>
      <c r="AM469" s="26"/>
      <c r="AN469" s="1" t="str">
        <f t="shared" si="17"/>
        <v>■</v>
      </c>
    </row>
    <row r="470" spans="1:40" s="1" customFormat="1" ht="13.4" customHeight="1">
      <c r="A470" s="20" t="str">
        <f t="shared" si="18"/>
        <v>TO</v>
      </c>
      <c r="B470" s="20"/>
      <c r="C470" s="541">
        <v>54</v>
      </c>
      <c r="D470" s="542"/>
      <c r="E470" s="543" t="s">
        <v>1317</v>
      </c>
      <c r="F470" s="544"/>
      <c r="G470" s="544"/>
      <c r="H470" s="544"/>
      <c r="I470" s="544"/>
      <c r="J470" s="544"/>
      <c r="K470" s="544"/>
      <c r="L470" s="544"/>
      <c r="M470" s="544"/>
      <c r="N470" s="544"/>
      <c r="O470" s="544"/>
      <c r="P470" s="544"/>
      <c r="Q470" s="544"/>
      <c r="R470" s="544"/>
      <c r="S470" s="544"/>
      <c r="T470" s="545"/>
      <c r="U470" s="229" t="s">
        <v>699</v>
      </c>
      <c r="V470" s="546" t="s">
        <v>101</v>
      </c>
      <c r="W470" s="547"/>
      <c r="X470" s="547"/>
      <c r="Y470" s="547"/>
      <c r="Z470" s="548"/>
      <c r="AA470" s="623" t="s">
        <v>102</v>
      </c>
      <c r="AB470" s="624"/>
      <c r="AC470" s="625"/>
      <c r="AD470" s="415">
        <v>6</v>
      </c>
      <c r="AE470" s="415" t="s">
        <v>103</v>
      </c>
      <c r="AF470" s="646"/>
      <c r="AG470" s="647"/>
      <c r="AH470" s="549"/>
      <c r="AI470" s="550"/>
      <c r="AJ470" s="551"/>
      <c r="AK470" s="265" t="s">
        <v>697</v>
      </c>
      <c r="AL470" s="38"/>
      <c r="AM470" s="26"/>
      <c r="AN470" s="1" t="str">
        <f t="shared" si="17"/>
        <v>■</v>
      </c>
    </row>
    <row r="471" spans="1:40" s="1" customFormat="1" ht="13.4" customHeight="1">
      <c r="A471" s="20" t="str">
        <f t="shared" si="18"/>
        <v>TO</v>
      </c>
      <c r="B471" s="20"/>
      <c r="C471" s="541">
        <v>55</v>
      </c>
      <c r="D471" s="542"/>
      <c r="E471" s="543" t="s">
        <v>1311</v>
      </c>
      <c r="F471" s="544"/>
      <c r="G471" s="544"/>
      <c r="H471" s="544"/>
      <c r="I471" s="544"/>
      <c r="J471" s="544"/>
      <c r="K471" s="544"/>
      <c r="L471" s="544"/>
      <c r="M471" s="544"/>
      <c r="N471" s="544"/>
      <c r="O471" s="544"/>
      <c r="P471" s="544"/>
      <c r="Q471" s="544"/>
      <c r="R471" s="544"/>
      <c r="S471" s="544"/>
      <c r="T471" s="545"/>
      <c r="U471" s="229" t="s">
        <v>701</v>
      </c>
      <c r="V471" s="546" t="s">
        <v>107</v>
      </c>
      <c r="W471" s="547"/>
      <c r="X471" s="547"/>
      <c r="Y471" s="547"/>
      <c r="Z471" s="548"/>
      <c r="AA471" s="623" t="s">
        <v>108</v>
      </c>
      <c r="AB471" s="624"/>
      <c r="AC471" s="625"/>
      <c r="AD471" s="415">
        <v>3</v>
      </c>
      <c r="AE471" s="415">
        <v>0</v>
      </c>
      <c r="AF471" s="646"/>
      <c r="AG471" s="647"/>
      <c r="AH471" s="549"/>
      <c r="AI471" s="550"/>
      <c r="AJ471" s="551"/>
      <c r="AK471" s="265"/>
      <c r="AL471" s="38"/>
      <c r="AM471" s="26"/>
      <c r="AN471" s="1" t="str">
        <f t="shared" si="17"/>
        <v>■</v>
      </c>
    </row>
    <row r="472" spans="1:40" s="13" customFormat="1" ht="13.4" customHeight="1">
      <c r="A472" s="20" t="str">
        <f t="shared" si="18"/>
        <v>TO</v>
      </c>
      <c r="B472" s="20"/>
      <c r="C472" s="541">
        <v>56</v>
      </c>
      <c r="D472" s="542"/>
      <c r="E472" s="543" t="s">
        <v>1312</v>
      </c>
      <c r="F472" s="544"/>
      <c r="G472" s="544"/>
      <c r="H472" s="544"/>
      <c r="I472" s="544"/>
      <c r="J472" s="544"/>
      <c r="K472" s="544"/>
      <c r="L472" s="544"/>
      <c r="M472" s="544"/>
      <c r="N472" s="544"/>
      <c r="O472" s="544"/>
      <c r="P472" s="544"/>
      <c r="Q472" s="544"/>
      <c r="R472" s="544"/>
      <c r="S472" s="544"/>
      <c r="T472" s="545"/>
      <c r="U472" s="229" t="s">
        <v>703</v>
      </c>
      <c r="V472" s="546" t="s">
        <v>101</v>
      </c>
      <c r="W472" s="547"/>
      <c r="X472" s="547"/>
      <c r="Y472" s="547"/>
      <c r="Z472" s="548"/>
      <c r="AA472" s="623" t="s">
        <v>102</v>
      </c>
      <c r="AB472" s="624"/>
      <c r="AC472" s="625"/>
      <c r="AD472" s="415">
        <v>6</v>
      </c>
      <c r="AE472" s="415" t="s">
        <v>103</v>
      </c>
      <c r="AF472" s="646"/>
      <c r="AG472" s="647"/>
      <c r="AH472" s="549"/>
      <c r="AI472" s="550"/>
      <c r="AJ472" s="551"/>
      <c r="AK472" s="265"/>
      <c r="AL472" s="29"/>
      <c r="AM472" s="54"/>
      <c r="AN472" s="1" t="str">
        <f t="shared" si="17"/>
        <v>■</v>
      </c>
    </row>
    <row r="473" spans="1:40" s="13" customFormat="1" ht="13.4" customHeight="1">
      <c r="A473" s="20" t="str">
        <f t="shared" si="18"/>
        <v>TO</v>
      </c>
      <c r="B473" s="20"/>
      <c r="C473" s="541">
        <v>57</v>
      </c>
      <c r="D473" s="542"/>
      <c r="E473" s="543" t="s">
        <v>409</v>
      </c>
      <c r="F473" s="544"/>
      <c r="G473" s="544"/>
      <c r="H473" s="544"/>
      <c r="I473" s="544"/>
      <c r="J473" s="544"/>
      <c r="K473" s="544"/>
      <c r="L473" s="544"/>
      <c r="M473" s="544"/>
      <c r="N473" s="544"/>
      <c r="O473" s="544"/>
      <c r="P473" s="544"/>
      <c r="Q473" s="544"/>
      <c r="R473" s="544"/>
      <c r="S473" s="544"/>
      <c r="T473" s="545"/>
      <c r="U473" s="229" t="s">
        <v>453</v>
      </c>
      <c r="V473" s="546" t="s">
        <v>107</v>
      </c>
      <c r="W473" s="547"/>
      <c r="X473" s="547"/>
      <c r="Y473" s="547"/>
      <c r="Z473" s="548"/>
      <c r="AA473" s="623" t="s">
        <v>102</v>
      </c>
      <c r="AB473" s="624"/>
      <c r="AC473" s="625"/>
      <c r="AD473" s="415">
        <v>6</v>
      </c>
      <c r="AE473" s="415" t="s">
        <v>103</v>
      </c>
      <c r="AF473" s="646"/>
      <c r="AG473" s="647"/>
      <c r="AH473" s="549"/>
      <c r="AI473" s="550"/>
      <c r="AJ473" s="551"/>
      <c r="AK473" s="265"/>
      <c r="AL473" s="48"/>
      <c r="AM473" s="54"/>
      <c r="AN473" s="1" t="str">
        <f t="shared" si="17"/>
        <v>■</v>
      </c>
    </row>
    <row r="474" spans="1:40" s="13" customFormat="1" ht="13.4" customHeight="1">
      <c r="A474" s="20" t="str">
        <f t="shared" si="18"/>
        <v>TO</v>
      </c>
      <c r="B474" s="20"/>
      <c r="C474" s="541">
        <v>58</v>
      </c>
      <c r="D474" s="542"/>
      <c r="E474" s="543" t="s">
        <v>411</v>
      </c>
      <c r="F474" s="544"/>
      <c r="G474" s="544"/>
      <c r="H474" s="544"/>
      <c r="I474" s="544"/>
      <c r="J474" s="544"/>
      <c r="K474" s="544"/>
      <c r="L474" s="544"/>
      <c r="M474" s="544"/>
      <c r="N474" s="544"/>
      <c r="O474" s="544"/>
      <c r="P474" s="544"/>
      <c r="Q474" s="544"/>
      <c r="R474" s="544"/>
      <c r="S474" s="544"/>
      <c r="T474" s="545"/>
      <c r="U474" s="229" t="s">
        <v>516</v>
      </c>
      <c r="V474" s="546" t="s">
        <v>107</v>
      </c>
      <c r="W474" s="547"/>
      <c r="X474" s="547"/>
      <c r="Y474" s="547"/>
      <c r="Z474" s="548"/>
      <c r="AA474" s="623" t="s">
        <v>102</v>
      </c>
      <c r="AB474" s="624"/>
      <c r="AC474" s="625"/>
      <c r="AD474" s="415">
        <v>6</v>
      </c>
      <c r="AE474" s="415" t="s">
        <v>103</v>
      </c>
      <c r="AF474" s="646"/>
      <c r="AG474" s="647"/>
      <c r="AH474" s="549"/>
      <c r="AI474" s="550"/>
      <c r="AJ474" s="551"/>
      <c r="AK474" s="265"/>
      <c r="AL474" s="48"/>
      <c r="AM474" s="54"/>
      <c r="AN474" s="1" t="str">
        <f t="shared" si="17"/>
        <v>■</v>
      </c>
    </row>
    <row r="475" spans="1:40" ht="13.4" customHeight="1">
      <c r="A475" s="20" t="str">
        <f t="shared" si="18"/>
        <v>TO</v>
      </c>
      <c r="B475" s="25"/>
      <c r="N475" s="50"/>
      <c r="V475" s="238"/>
      <c r="W475" s="238"/>
      <c r="X475" s="238"/>
      <c r="Y475" s="238"/>
      <c r="Z475" s="238"/>
      <c r="AA475" s="629"/>
      <c r="AB475" s="629"/>
      <c r="AC475" s="629"/>
      <c r="AF475" s="238"/>
      <c r="AG475" s="238"/>
      <c r="AH475" s="238"/>
      <c r="AI475" s="238"/>
      <c r="AJ475" s="238"/>
      <c r="AK475" s="55"/>
      <c r="AL475" s="48"/>
      <c r="AM475" s="16"/>
    </row>
    <row r="476" spans="1:40" s="1" customFormat="1" ht="13.4" customHeight="1">
      <c r="A476" s="20" t="str">
        <f t="shared" si="18"/>
        <v>CO</v>
      </c>
      <c r="B476" s="20"/>
      <c r="C476" s="52" t="s">
        <v>380</v>
      </c>
      <c r="D476" s="53"/>
      <c r="E476" s="26"/>
      <c r="F476" s="26"/>
      <c r="G476" s="26"/>
      <c r="H476" s="26"/>
      <c r="I476" s="26"/>
      <c r="J476" s="26" t="s">
        <v>1332</v>
      </c>
      <c r="K476" s="71"/>
      <c r="L476" s="26"/>
      <c r="M476" s="71"/>
      <c r="N476" s="26"/>
      <c r="O476" s="26"/>
      <c r="P476" s="26"/>
      <c r="Q476" s="26"/>
      <c r="R476" s="26"/>
      <c r="S476" s="26"/>
      <c r="T476" s="26"/>
      <c r="U476" s="26" t="s">
        <v>1333</v>
      </c>
      <c r="V476" s="122"/>
      <c r="W476" s="122"/>
      <c r="X476" s="122"/>
      <c r="Y476" s="122"/>
      <c r="Z476" s="122"/>
      <c r="AA476" s="630"/>
      <c r="AB476" s="630"/>
      <c r="AC476" s="630"/>
      <c r="AD476" s="122"/>
      <c r="AE476" s="122"/>
      <c r="AF476" s="122"/>
      <c r="AG476" s="122"/>
      <c r="AH476" s="122"/>
      <c r="AI476" s="122"/>
      <c r="AJ476" s="122"/>
      <c r="AK476" s="26"/>
      <c r="AL476" s="48"/>
      <c r="AM476" s="26"/>
    </row>
    <row r="477" spans="1:40" s="1" customFormat="1" ht="13.5" customHeight="1">
      <c r="A477" s="20" t="str">
        <f t="shared" si="18"/>
        <v>CO</v>
      </c>
      <c r="B477" s="20"/>
      <c r="C477" s="583" t="s">
        <v>73</v>
      </c>
      <c r="D477" s="573"/>
      <c r="E477" s="583" t="s">
        <v>94</v>
      </c>
      <c r="F477" s="583"/>
      <c r="G477" s="583"/>
      <c r="H477" s="583"/>
      <c r="I477" s="583"/>
      <c r="J477" s="583"/>
      <c r="K477" s="583"/>
      <c r="L477" s="583"/>
      <c r="M477" s="583"/>
      <c r="N477" s="583"/>
      <c r="O477" s="583"/>
      <c r="P477" s="583"/>
      <c r="Q477" s="583"/>
      <c r="R477" s="583"/>
      <c r="S477" s="583"/>
      <c r="T477" s="583"/>
      <c r="U477" s="226" t="s">
        <v>383</v>
      </c>
      <c r="V477" s="572" t="s">
        <v>138</v>
      </c>
      <c r="W477" s="572"/>
      <c r="X477" s="572"/>
      <c r="Y477" s="572"/>
      <c r="Z477" s="572"/>
      <c r="AA477" s="652" t="s">
        <v>959</v>
      </c>
      <c r="AB477" s="653"/>
      <c r="AC477" s="654"/>
      <c r="AD477" s="572" t="s">
        <v>97</v>
      </c>
      <c r="AE477" s="572"/>
      <c r="AF477" s="572" t="s">
        <v>98</v>
      </c>
      <c r="AG477" s="572"/>
      <c r="AH477" s="583" t="s">
        <v>75</v>
      </c>
      <c r="AI477" s="583"/>
      <c r="AJ477" s="583"/>
      <c r="AK477" s="581" t="s">
        <v>159</v>
      </c>
      <c r="AL477" s="48"/>
      <c r="AM477" s="26"/>
    </row>
    <row r="478" spans="1:40" s="1" customFormat="1" ht="13.4" customHeight="1">
      <c r="A478" s="20" t="str">
        <f t="shared" si="18"/>
        <v>CO</v>
      </c>
      <c r="B478" s="20"/>
      <c r="C478" s="573"/>
      <c r="D478" s="573"/>
      <c r="E478" s="583"/>
      <c r="F478" s="583"/>
      <c r="G478" s="583"/>
      <c r="H478" s="583"/>
      <c r="I478" s="583"/>
      <c r="J478" s="583"/>
      <c r="K478" s="583"/>
      <c r="L478" s="583"/>
      <c r="M478" s="583"/>
      <c r="N478" s="583"/>
      <c r="O478" s="583"/>
      <c r="P478" s="583"/>
      <c r="Q478" s="583"/>
      <c r="R478" s="583"/>
      <c r="S478" s="583"/>
      <c r="T478" s="583"/>
      <c r="U478" s="227"/>
      <c r="V478" s="572"/>
      <c r="W478" s="572"/>
      <c r="X478" s="572"/>
      <c r="Y478" s="572"/>
      <c r="Z478" s="572"/>
      <c r="AA478" s="655"/>
      <c r="AB478" s="656"/>
      <c r="AC478" s="657"/>
      <c r="AD478" s="572"/>
      <c r="AE478" s="572"/>
      <c r="AF478" s="572"/>
      <c r="AG478" s="572"/>
      <c r="AH478" s="583"/>
      <c r="AI478" s="583"/>
      <c r="AJ478" s="583"/>
      <c r="AK478" s="582"/>
      <c r="AL478" s="38"/>
      <c r="AM478" s="26"/>
    </row>
    <row r="479" spans="1:40" s="1" customFormat="1" ht="13.4" customHeight="1">
      <c r="A479" s="20" t="str">
        <f t="shared" si="18"/>
        <v>CO</v>
      </c>
      <c r="B479" s="20"/>
      <c r="C479" s="541">
        <v>1</v>
      </c>
      <c r="D479" s="542"/>
      <c r="E479" s="563" t="s">
        <v>440</v>
      </c>
      <c r="F479" s="564"/>
      <c r="G479" s="564"/>
      <c r="H479" s="564"/>
      <c r="I479" s="564"/>
      <c r="J479" s="564"/>
      <c r="K479" s="564"/>
      <c r="L479" s="564"/>
      <c r="M479" s="564"/>
      <c r="N479" s="564"/>
      <c r="O479" s="564"/>
      <c r="P479" s="564"/>
      <c r="Q479" s="564"/>
      <c r="R479" s="564"/>
      <c r="S479" s="564"/>
      <c r="T479" s="565"/>
      <c r="U479" s="219" t="s">
        <v>441</v>
      </c>
      <c r="V479" s="546" t="s">
        <v>101</v>
      </c>
      <c r="W479" s="547"/>
      <c r="X479" s="547"/>
      <c r="Y479" s="547"/>
      <c r="Z479" s="548"/>
      <c r="AA479" s="623" t="s">
        <v>102</v>
      </c>
      <c r="AB479" s="624"/>
      <c r="AC479" s="625"/>
      <c r="AD479" s="415">
        <v>10</v>
      </c>
      <c r="AE479" s="415" t="s">
        <v>103</v>
      </c>
      <c r="AF479" s="646"/>
      <c r="AG479" s="647"/>
      <c r="AH479" s="549"/>
      <c r="AI479" s="550"/>
      <c r="AJ479" s="551"/>
      <c r="AK479" s="265"/>
      <c r="AL479" s="38"/>
      <c r="AM479" s="26"/>
      <c r="AN479" s="1" t="str">
        <f t="shared" ref="AN479:AN498" si="19">$W$20</f>
        <v>■</v>
      </c>
    </row>
    <row r="480" spans="1:40" s="1" customFormat="1" ht="13.4" customHeight="1">
      <c r="A480" s="20" t="str">
        <f t="shared" si="18"/>
        <v>CO</v>
      </c>
      <c r="B480" s="20"/>
      <c r="C480" s="541">
        <v>2</v>
      </c>
      <c r="D480" s="542"/>
      <c r="E480" s="563" t="s">
        <v>442</v>
      </c>
      <c r="F480" s="564"/>
      <c r="G480" s="564"/>
      <c r="H480" s="564"/>
      <c r="I480" s="564"/>
      <c r="J480" s="564"/>
      <c r="K480" s="564"/>
      <c r="L480" s="564"/>
      <c r="M480" s="564"/>
      <c r="N480" s="564"/>
      <c r="O480" s="564"/>
      <c r="P480" s="564"/>
      <c r="Q480" s="564"/>
      <c r="R480" s="564"/>
      <c r="S480" s="564"/>
      <c r="T480" s="565"/>
      <c r="U480" s="219" t="s">
        <v>443</v>
      </c>
      <c r="V480" s="546" t="s">
        <v>101</v>
      </c>
      <c r="W480" s="547"/>
      <c r="X480" s="547"/>
      <c r="Y480" s="547"/>
      <c r="Z480" s="548"/>
      <c r="AA480" s="623" t="s">
        <v>102</v>
      </c>
      <c r="AB480" s="624"/>
      <c r="AC480" s="625"/>
      <c r="AD480" s="415">
        <v>51</v>
      </c>
      <c r="AE480" s="415" t="s">
        <v>103</v>
      </c>
      <c r="AF480" s="646"/>
      <c r="AG480" s="647"/>
      <c r="AH480" s="549"/>
      <c r="AI480" s="550"/>
      <c r="AJ480" s="551"/>
      <c r="AK480" s="265"/>
      <c r="AL480" s="48"/>
      <c r="AM480" s="26"/>
      <c r="AN480" s="1" t="str">
        <f t="shared" si="19"/>
        <v>■</v>
      </c>
    </row>
    <row r="481" spans="1:40" s="13" customFormat="1" ht="13.4" customHeight="1">
      <c r="A481" s="20" t="str">
        <f t="shared" si="18"/>
        <v>CO</v>
      </c>
      <c r="B481" s="20"/>
      <c r="C481" s="552">
        <v>3</v>
      </c>
      <c r="D481" s="553"/>
      <c r="E481" s="566" t="s">
        <v>106</v>
      </c>
      <c r="F481" s="567"/>
      <c r="G481" s="567"/>
      <c r="H481" s="567"/>
      <c r="I481" s="567"/>
      <c r="J481" s="567"/>
      <c r="K481" s="567"/>
      <c r="L481" s="567"/>
      <c r="M481" s="567"/>
      <c r="N481" s="567"/>
      <c r="O481" s="567"/>
      <c r="P481" s="567"/>
      <c r="Q481" s="567"/>
      <c r="R481" s="567"/>
      <c r="S481" s="567"/>
      <c r="T481" s="568"/>
      <c r="U481" s="230" t="s">
        <v>444</v>
      </c>
      <c r="V481" s="557" t="s">
        <v>107</v>
      </c>
      <c r="W481" s="558"/>
      <c r="X481" s="558"/>
      <c r="Y481" s="558"/>
      <c r="Z481" s="559"/>
      <c r="AA481" s="626" t="s">
        <v>108</v>
      </c>
      <c r="AB481" s="627"/>
      <c r="AC481" s="628"/>
      <c r="AD481" s="419">
        <v>1</v>
      </c>
      <c r="AE481" s="419">
        <v>0</v>
      </c>
      <c r="AF481" s="648" t="s">
        <v>109</v>
      </c>
      <c r="AG481" s="649"/>
      <c r="AH481" s="560"/>
      <c r="AI481" s="561"/>
      <c r="AJ481" s="562"/>
      <c r="AK481" s="346" t="s">
        <v>391</v>
      </c>
      <c r="AL481" s="38"/>
      <c r="AM481" s="54"/>
      <c r="AN481" s="1" t="str">
        <f t="shared" si="19"/>
        <v>■</v>
      </c>
    </row>
    <row r="482" spans="1:40" s="13" customFormat="1" ht="13.4" customHeight="1">
      <c r="A482" s="20" t="str">
        <f t="shared" si="18"/>
        <v>CO</v>
      </c>
      <c r="B482" s="20"/>
      <c r="C482" s="541">
        <v>4</v>
      </c>
      <c r="D482" s="542"/>
      <c r="E482" s="563" t="s">
        <v>110</v>
      </c>
      <c r="F482" s="564"/>
      <c r="G482" s="564"/>
      <c r="H482" s="564"/>
      <c r="I482" s="564"/>
      <c r="J482" s="564"/>
      <c r="K482" s="564"/>
      <c r="L482" s="564"/>
      <c r="M482" s="564"/>
      <c r="N482" s="564"/>
      <c r="O482" s="564"/>
      <c r="P482" s="564"/>
      <c r="Q482" s="564"/>
      <c r="R482" s="564"/>
      <c r="S482" s="564"/>
      <c r="T482" s="565"/>
      <c r="U482" s="229" t="s">
        <v>445</v>
      </c>
      <c r="V482" s="546" t="s">
        <v>107</v>
      </c>
      <c r="W482" s="547"/>
      <c r="X482" s="547"/>
      <c r="Y482" s="547"/>
      <c r="Z482" s="548"/>
      <c r="AA482" s="623" t="s">
        <v>108</v>
      </c>
      <c r="AB482" s="624"/>
      <c r="AC482" s="625"/>
      <c r="AD482" s="415">
        <v>1</v>
      </c>
      <c r="AE482" s="415">
        <v>0</v>
      </c>
      <c r="AF482" s="646"/>
      <c r="AG482" s="647"/>
      <c r="AH482" s="549"/>
      <c r="AI482" s="550"/>
      <c r="AJ482" s="551"/>
      <c r="AK482" s="265"/>
      <c r="AL482" s="38"/>
      <c r="AM482" s="54"/>
      <c r="AN482" s="1" t="str">
        <f t="shared" si="19"/>
        <v>■</v>
      </c>
    </row>
    <row r="483" spans="1:40" s="1" customFormat="1">
      <c r="A483" s="20" t="str">
        <f t="shared" si="18"/>
        <v>CO</v>
      </c>
      <c r="B483" s="20"/>
      <c r="C483" s="541">
        <v>5</v>
      </c>
      <c r="D483" s="542"/>
      <c r="E483" s="543" t="s">
        <v>80</v>
      </c>
      <c r="F483" s="544"/>
      <c r="G483" s="544"/>
      <c r="H483" s="544"/>
      <c r="I483" s="544"/>
      <c r="J483" s="544"/>
      <c r="K483" s="544"/>
      <c r="L483" s="544"/>
      <c r="M483" s="544"/>
      <c r="N483" s="544"/>
      <c r="O483" s="544"/>
      <c r="P483" s="544"/>
      <c r="Q483" s="544"/>
      <c r="R483" s="544"/>
      <c r="S483" s="544"/>
      <c r="T483" s="545"/>
      <c r="U483" s="229" t="s">
        <v>446</v>
      </c>
      <c r="V483" s="546" t="s">
        <v>101</v>
      </c>
      <c r="W483" s="547"/>
      <c r="X483" s="547"/>
      <c r="Y483" s="547"/>
      <c r="Z483" s="548"/>
      <c r="AA483" s="623" t="s">
        <v>102</v>
      </c>
      <c r="AB483" s="624"/>
      <c r="AC483" s="625"/>
      <c r="AD483" s="415">
        <v>2</v>
      </c>
      <c r="AE483" s="415" t="s">
        <v>103</v>
      </c>
      <c r="AF483" s="646"/>
      <c r="AG483" s="647"/>
      <c r="AH483" s="549"/>
      <c r="AI483" s="550"/>
      <c r="AJ483" s="551"/>
      <c r="AK483" s="265"/>
      <c r="AL483" s="48"/>
      <c r="AM483" s="26"/>
      <c r="AN483" s="1" t="str">
        <f t="shared" si="19"/>
        <v>■</v>
      </c>
    </row>
    <row r="484" spans="1:40" s="13" customFormat="1">
      <c r="A484" s="20" t="str">
        <f t="shared" si="18"/>
        <v>CO</v>
      </c>
      <c r="B484" s="20"/>
      <c r="C484" s="541">
        <v>6</v>
      </c>
      <c r="D484" s="542"/>
      <c r="E484" s="670" t="s">
        <v>172</v>
      </c>
      <c r="F484" s="671"/>
      <c r="G484" s="671"/>
      <c r="H484" s="671"/>
      <c r="I484" s="671"/>
      <c r="J484" s="671"/>
      <c r="K484" s="671"/>
      <c r="L484" s="671"/>
      <c r="M484" s="671"/>
      <c r="N484" s="671"/>
      <c r="O484" s="671"/>
      <c r="P484" s="671"/>
      <c r="Q484" s="671"/>
      <c r="R484" s="671"/>
      <c r="S484" s="671"/>
      <c r="T484" s="672"/>
      <c r="U484" s="229" t="s">
        <v>605</v>
      </c>
      <c r="V484" s="546" t="s">
        <v>107</v>
      </c>
      <c r="W484" s="547"/>
      <c r="X484" s="547"/>
      <c r="Y484" s="547"/>
      <c r="Z484" s="548"/>
      <c r="AA484" s="623" t="s">
        <v>102</v>
      </c>
      <c r="AB484" s="624"/>
      <c r="AC484" s="625"/>
      <c r="AD484" s="415">
        <v>2</v>
      </c>
      <c r="AE484" s="415" t="s">
        <v>103</v>
      </c>
      <c r="AF484" s="646"/>
      <c r="AG484" s="647"/>
      <c r="AH484" s="549"/>
      <c r="AI484" s="550"/>
      <c r="AJ484" s="551"/>
      <c r="AK484" s="265"/>
      <c r="AL484" s="48"/>
      <c r="AM484" s="54"/>
      <c r="AN484" s="1" t="str">
        <f t="shared" si="19"/>
        <v>■</v>
      </c>
    </row>
    <row r="485" spans="1:40" s="13" customFormat="1">
      <c r="A485" s="20" t="str">
        <f t="shared" si="18"/>
        <v>CO</v>
      </c>
      <c r="B485" s="20"/>
      <c r="C485" s="541">
        <v>7</v>
      </c>
      <c r="D485" s="542"/>
      <c r="E485" s="543" t="s">
        <v>606</v>
      </c>
      <c r="F485" s="544"/>
      <c r="G485" s="544"/>
      <c r="H485" s="544"/>
      <c r="I485" s="544"/>
      <c r="J485" s="544"/>
      <c r="K485" s="544"/>
      <c r="L485" s="544"/>
      <c r="M485" s="544"/>
      <c r="N485" s="544"/>
      <c r="O485" s="544"/>
      <c r="P485" s="544"/>
      <c r="Q485" s="544"/>
      <c r="R485" s="544"/>
      <c r="S485" s="544"/>
      <c r="T485" s="545"/>
      <c r="U485" s="229" t="s">
        <v>607</v>
      </c>
      <c r="V485" s="546" t="s">
        <v>101</v>
      </c>
      <c r="W485" s="547"/>
      <c r="X485" s="547"/>
      <c r="Y485" s="547"/>
      <c r="Z485" s="548"/>
      <c r="AA485" s="623" t="s">
        <v>102</v>
      </c>
      <c r="AB485" s="624"/>
      <c r="AC485" s="625"/>
      <c r="AD485" s="415">
        <v>1</v>
      </c>
      <c r="AE485" s="415" t="s">
        <v>103</v>
      </c>
      <c r="AF485" s="646"/>
      <c r="AG485" s="647"/>
      <c r="AH485" s="549"/>
      <c r="AI485" s="550"/>
      <c r="AJ485" s="551"/>
      <c r="AK485" s="265"/>
      <c r="AL485" s="48"/>
      <c r="AM485" s="54"/>
      <c r="AN485" s="1" t="str">
        <f t="shared" si="19"/>
        <v>■</v>
      </c>
    </row>
    <row r="486" spans="1:40" s="1" customFormat="1">
      <c r="A486" s="20" t="str">
        <f t="shared" si="18"/>
        <v>CO</v>
      </c>
      <c r="B486" s="20"/>
      <c r="C486" s="541">
        <v>8</v>
      </c>
      <c r="D486" s="542"/>
      <c r="E486" s="543" t="s">
        <v>728</v>
      </c>
      <c r="F486" s="544"/>
      <c r="G486" s="544"/>
      <c r="H486" s="544"/>
      <c r="I486" s="544"/>
      <c r="J486" s="544"/>
      <c r="K486" s="544"/>
      <c r="L486" s="544"/>
      <c r="M486" s="544"/>
      <c r="N486" s="544"/>
      <c r="O486" s="544"/>
      <c r="P486" s="544"/>
      <c r="Q486" s="544"/>
      <c r="R486" s="544"/>
      <c r="S486" s="544"/>
      <c r="T486" s="545"/>
      <c r="U486" s="225" t="s">
        <v>729</v>
      </c>
      <c r="V486" s="546" t="s">
        <v>107</v>
      </c>
      <c r="W486" s="547"/>
      <c r="X486" s="547"/>
      <c r="Y486" s="547"/>
      <c r="Z486" s="548"/>
      <c r="AA486" s="623" t="s">
        <v>102</v>
      </c>
      <c r="AB486" s="624"/>
      <c r="AC486" s="625"/>
      <c r="AD486" s="415">
        <v>9</v>
      </c>
      <c r="AE486" s="415" t="s">
        <v>103</v>
      </c>
      <c r="AF486" s="646"/>
      <c r="AG486" s="647"/>
      <c r="AH486" s="549"/>
      <c r="AI486" s="550"/>
      <c r="AJ486" s="551"/>
      <c r="AK486" s="265"/>
      <c r="AL486" s="38"/>
      <c r="AM486" s="26"/>
      <c r="AN486" s="1" t="str">
        <f t="shared" si="19"/>
        <v>■</v>
      </c>
    </row>
    <row r="487" spans="1:40" s="1" customFormat="1">
      <c r="A487" s="20" t="str">
        <f t="shared" si="18"/>
        <v>CO</v>
      </c>
      <c r="B487" s="20"/>
      <c r="C487" s="676">
        <v>9</v>
      </c>
      <c r="D487" s="677"/>
      <c r="E487" s="678" t="s">
        <v>730</v>
      </c>
      <c r="F487" s="679"/>
      <c r="G487" s="679"/>
      <c r="H487" s="679"/>
      <c r="I487" s="679"/>
      <c r="J487" s="679"/>
      <c r="K487" s="679"/>
      <c r="L487" s="679"/>
      <c r="M487" s="679"/>
      <c r="N487" s="679"/>
      <c r="O487" s="679"/>
      <c r="P487" s="679"/>
      <c r="Q487" s="679"/>
      <c r="R487" s="679"/>
      <c r="S487" s="679"/>
      <c r="T487" s="680"/>
      <c r="U487" s="261" t="s">
        <v>731</v>
      </c>
      <c r="V487" s="681" t="s">
        <v>398</v>
      </c>
      <c r="W487" s="682"/>
      <c r="X487" s="682"/>
      <c r="Y487" s="682"/>
      <c r="Z487" s="683"/>
      <c r="AA487" s="626" t="s">
        <v>102</v>
      </c>
      <c r="AB487" s="627"/>
      <c r="AC487" s="628"/>
      <c r="AD487" s="417">
        <v>200</v>
      </c>
      <c r="AE487" s="417" t="s">
        <v>103</v>
      </c>
      <c r="AF487" s="648" t="s">
        <v>109</v>
      </c>
      <c r="AG487" s="649"/>
      <c r="AH487" s="684"/>
      <c r="AI487" s="685"/>
      <c r="AJ487" s="686"/>
      <c r="AK487" s="350" t="s">
        <v>391</v>
      </c>
      <c r="AL487" s="38"/>
      <c r="AM487" s="26"/>
      <c r="AN487" s="1" t="str">
        <f t="shared" si="19"/>
        <v>■</v>
      </c>
    </row>
    <row r="488" spans="1:40" s="1" customFormat="1">
      <c r="A488" s="20" t="str">
        <f t="shared" si="18"/>
        <v>CO</v>
      </c>
      <c r="B488" s="20"/>
      <c r="C488" s="541">
        <v>10</v>
      </c>
      <c r="D488" s="542"/>
      <c r="E488" s="543" t="s">
        <v>1334</v>
      </c>
      <c r="F488" s="544"/>
      <c r="G488" s="544"/>
      <c r="H488" s="544"/>
      <c r="I488" s="544"/>
      <c r="J488" s="544"/>
      <c r="K488" s="544"/>
      <c r="L488" s="544"/>
      <c r="M488" s="544"/>
      <c r="N488" s="544"/>
      <c r="O488" s="544"/>
      <c r="P488" s="544"/>
      <c r="Q488" s="544"/>
      <c r="R488" s="544"/>
      <c r="S488" s="544"/>
      <c r="T488" s="545"/>
      <c r="U488" s="229" t="s">
        <v>1335</v>
      </c>
      <c r="V488" s="546" t="s">
        <v>101</v>
      </c>
      <c r="W488" s="547"/>
      <c r="X488" s="547"/>
      <c r="Y488" s="547"/>
      <c r="Z488" s="548"/>
      <c r="AA488" s="623" t="s">
        <v>102</v>
      </c>
      <c r="AB488" s="624"/>
      <c r="AC488" s="625"/>
      <c r="AD488" s="415">
        <v>384</v>
      </c>
      <c r="AE488" s="415" t="s">
        <v>103</v>
      </c>
      <c r="AF488" s="646"/>
      <c r="AG488" s="647"/>
      <c r="AH488" s="549"/>
      <c r="AI488" s="550"/>
      <c r="AJ488" s="551"/>
      <c r="AK488" s="265"/>
      <c r="AL488" s="48"/>
      <c r="AM488" s="26"/>
      <c r="AN488" s="1" t="str">
        <f t="shared" si="19"/>
        <v>■</v>
      </c>
    </row>
    <row r="489" spans="1:40" s="13" customFormat="1">
      <c r="A489" s="20" t="str">
        <f t="shared" si="18"/>
        <v>CO</v>
      </c>
      <c r="B489" s="20"/>
      <c r="C489" s="676">
        <v>11</v>
      </c>
      <c r="D489" s="677"/>
      <c r="E489" s="678" t="s">
        <v>400</v>
      </c>
      <c r="F489" s="679"/>
      <c r="G489" s="679"/>
      <c r="H489" s="679"/>
      <c r="I489" s="679"/>
      <c r="J489" s="679"/>
      <c r="K489" s="679"/>
      <c r="L489" s="679"/>
      <c r="M489" s="679"/>
      <c r="N489" s="679"/>
      <c r="O489" s="679"/>
      <c r="P489" s="679"/>
      <c r="Q489" s="679"/>
      <c r="R489" s="679"/>
      <c r="S489" s="679"/>
      <c r="T489" s="680"/>
      <c r="U489" s="262" t="s">
        <v>474</v>
      </c>
      <c r="V489" s="681" t="s">
        <v>101</v>
      </c>
      <c r="W489" s="682"/>
      <c r="X489" s="682"/>
      <c r="Y489" s="682"/>
      <c r="Z489" s="683"/>
      <c r="AA489" s="626" t="s">
        <v>102</v>
      </c>
      <c r="AB489" s="627"/>
      <c r="AC489" s="628"/>
      <c r="AD489" s="417">
        <v>1</v>
      </c>
      <c r="AE489" s="417" t="s">
        <v>103</v>
      </c>
      <c r="AF489" s="648" t="s">
        <v>109</v>
      </c>
      <c r="AG489" s="649"/>
      <c r="AH489" s="684"/>
      <c r="AI489" s="685"/>
      <c r="AJ489" s="686"/>
      <c r="AK489" s="333" t="s">
        <v>399</v>
      </c>
      <c r="AL489" s="38"/>
      <c r="AM489" s="54"/>
      <c r="AN489" s="1" t="str">
        <f t="shared" si="19"/>
        <v>■</v>
      </c>
    </row>
    <row r="490" spans="1:40" s="13" customFormat="1">
      <c r="A490" s="20" t="str">
        <f t="shared" si="18"/>
        <v>CO</v>
      </c>
      <c r="B490" s="20"/>
      <c r="C490" s="676">
        <v>12</v>
      </c>
      <c r="D490" s="677"/>
      <c r="E490" s="678" t="s">
        <v>402</v>
      </c>
      <c r="F490" s="679"/>
      <c r="G490" s="679"/>
      <c r="H490" s="679"/>
      <c r="I490" s="679"/>
      <c r="J490" s="679"/>
      <c r="K490" s="679"/>
      <c r="L490" s="679"/>
      <c r="M490" s="679"/>
      <c r="N490" s="679"/>
      <c r="O490" s="679"/>
      <c r="P490" s="679"/>
      <c r="Q490" s="679"/>
      <c r="R490" s="679"/>
      <c r="S490" s="679"/>
      <c r="T490" s="680"/>
      <c r="U490" s="262" t="s">
        <v>475</v>
      </c>
      <c r="V490" s="681" t="s">
        <v>101</v>
      </c>
      <c r="W490" s="682"/>
      <c r="X490" s="682"/>
      <c r="Y490" s="682"/>
      <c r="Z490" s="683"/>
      <c r="AA490" s="626" t="s">
        <v>102</v>
      </c>
      <c r="AB490" s="627"/>
      <c r="AC490" s="628"/>
      <c r="AD490" s="417">
        <v>2</v>
      </c>
      <c r="AE490" s="417" t="s">
        <v>103</v>
      </c>
      <c r="AF490" s="648" t="s">
        <v>109</v>
      </c>
      <c r="AG490" s="649"/>
      <c r="AH490" s="684"/>
      <c r="AI490" s="685"/>
      <c r="AJ490" s="686"/>
      <c r="AK490" s="333" t="s">
        <v>399</v>
      </c>
      <c r="AL490" s="38"/>
      <c r="AM490" s="54"/>
      <c r="AN490" s="1" t="str">
        <f t="shared" si="19"/>
        <v>■</v>
      </c>
    </row>
    <row r="491" spans="1:40" s="1" customFormat="1">
      <c r="A491" s="20" t="str">
        <f t="shared" si="18"/>
        <v>CO</v>
      </c>
      <c r="B491" s="20"/>
      <c r="C491" s="676">
        <v>13</v>
      </c>
      <c r="D491" s="677"/>
      <c r="E491" s="678" t="s">
        <v>404</v>
      </c>
      <c r="F491" s="679"/>
      <c r="G491" s="679"/>
      <c r="H491" s="679"/>
      <c r="I491" s="679"/>
      <c r="J491" s="679"/>
      <c r="K491" s="679"/>
      <c r="L491" s="679"/>
      <c r="M491" s="679"/>
      <c r="N491" s="679"/>
      <c r="O491" s="679"/>
      <c r="P491" s="679"/>
      <c r="Q491" s="679"/>
      <c r="R491" s="679"/>
      <c r="S491" s="679"/>
      <c r="T491" s="680"/>
      <c r="U491" s="262" t="s">
        <v>765</v>
      </c>
      <c r="V491" s="681" t="s">
        <v>101</v>
      </c>
      <c r="W491" s="682"/>
      <c r="X491" s="682"/>
      <c r="Y491" s="682"/>
      <c r="Z491" s="683"/>
      <c r="AA491" s="626" t="s">
        <v>102</v>
      </c>
      <c r="AB491" s="627"/>
      <c r="AC491" s="628"/>
      <c r="AD491" s="417">
        <v>3</v>
      </c>
      <c r="AE491" s="417" t="s">
        <v>103</v>
      </c>
      <c r="AF491" s="648" t="s">
        <v>109</v>
      </c>
      <c r="AG491" s="649"/>
      <c r="AH491" s="684"/>
      <c r="AI491" s="685"/>
      <c r="AJ491" s="686"/>
      <c r="AK491" s="333" t="s">
        <v>399</v>
      </c>
      <c r="AL491" s="48"/>
      <c r="AM491" s="26"/>
      <c r="AN491" s="1" t="str">
        <f t="shared" si="19"/>
        <v>■</v>
      </c>
    </row>
    <row r="492" spans="1:40" s="13" customFormat="1">
      <c r="A492" s="20" t="str">
        <f t="shared" ref="A492:A555" si="20">IF(LEN(J492)&gt;0,MID(J492,FIND("（",J492,1)+1,2),A491)</f>
        <v>CO</v>
      </c>
      <c r="B492" s="20"/>
      <c r="C492" s="676">
        <v>14</v>
      </c>
      <c r="D492" s="677"/>
      <c r="E492" s="678" t="s">
        <v>406</v>
      </c>
      <c r="F492" s="679"/>
      <c r="G492" s="679"/>
      <c r="H492" s="679"/>
      <c r="I492" s="679"/>
      <c r="J492" s="679"/>
      <c r="K492" s="679"/>
      <c r="L492" s="679"/>
      <c r="M492" s="679"/>
      <c r="N492" s="679"/>
      <c r="O492" s="679"/>
      <c r="P492" s="679"/>
      <c r="Q492" s="679"/>
      <c r="R492" s="679"/>
      <c r="S492" s="679"/>
      <c r="T492" s="680"/>
      <c r="U492" s="262" t="s">
        <v>766</v>
      </c>
      <c r="V492" s="681" t="s">
        <v>107</v>
      </c>
      <c r="W492" s="682"/>
      <c r="X492" s="682"/>
      <c r="Y492" s="682"/>
      <c r="Z492" s="683"/>
      <c r="AA492" s="626" t="s">
        <v>102</v>
      </c>
      <c r="AB492" s="627"/>
      <c r="AC492" s="628"/>
      <c r="AD492" s="417">
        <v>7</v>
      </c>
      <c r="AE492" s="417" t="s">
        <v>103</v>
      </c>
      <c r="AF492" s="648" t="s">
        <v>109</v>
      </c>
      <c r="AG492" s="649"/>
      <c r="AH492" s="684"/>
      <c r="AI492" s="685"/>
      <c r="AJ492" s="686"/>
      <c r="AK492" s="333" t="s">
        <v>399</v>
      </c>
      <c r="AL492" s="48"/>
      <c r="AM492" s="54"/>
      <c r="AN492" s="1" t="str">
        <f t="shared" si="19"/>
        <v>■</v>
      </c>
    </row>
    <row r="493" spans="1:40" s="13" customFormat="1">
      <c r="A493" s="20" t="str">
        <f t="shared" si="20"/>
        <v>CO</v>
      </c>
      <c r="B493" s="20"/>
      <c r="C493" s="676">
        <v>15</v>
      </c>
      <c r="D493" s="677"/>
      <c r="E493" s="678" t="s">
        <v>767</v>
      </c>
      <c r="F493" s="679"/>
      <c r="G493" s="679"/>
      <c r="H493" s="679"/>
      <c r="I493" s="679"/>
      <c r="J493" s="679"/>
      <c r="K493" s="679"/>
      <c r="L493" s="679"/>
      <c r="M493" s="679"/>
      <c r="N493" s="679"/>
      <c r="O493" s="679"/>
      <c r="P493" s="679"/>
      <c r="Q493" s="679"/>
      <c r="R493" s="679"/>
      <c r="S493" s="679"/>
      <c r="T493" s="680"/>
      <c r="U493" s="262" t="s">
        <v>768</v>
      </c>
      <c r="V493" s="681" t="s">
        <v>107</v>
      </c>
      <c r="W493" s="682"/>
      <c r="X493" s="682"/>
      <c r="Y493" s="682"/>
      <c r="Z493" s="683"/>
      <c r="AA493" s="626" t="s">
        <v>102</v>
      </c>
      <c r="AB493" s="627"/>
      <c r="AC493" s="628"/>
      <c r="AD493" s="417">
        <v>7</v>
      </c>
      <c r="AE493" s="417" t="s">
        <v>103</v>
      </c>
      <c r="AF493" s="648" t="s">
        <v>109</v>
      </c>
      <c r="AG493" s="649"/>
      <c r="AH493" s="684"/>
      <c r="AI493" s="685"/>
      <c r="AJ493" s="686"/>
      <c r="AK493" s="333" t="s">
        <v>399</v>
      </c>
      <c r="AL493" s="48"/>
      <c r="AM493" s="54"/>
      <c r="AN493" s="1" t="str">
        <f t="shared" si="19"/>
        <v>■</v>
      </c>
    </row>
    <row r="494" spans="1:40" s="1" customFormat="1" ht="13.4" customHeight="1">
      <c r="A494" s="20" t="str">
        <f t="shared" si="20"/>
        <v>CO</v>
      </c>
      <c r="B494" s="20"/>
      <c r="C494" s="541">
        <v>16</v>
      </c>
      <c r="D494" s="542"/>
      <c r="E494" s="563" t="s">
        <v>689</v>
      </c>
      <c r="F494" s="564"/>
      <c r="G494" s="564"/>
      <c r="H494" s="564"/>
      <c r="I494" s="564"/>
      <c r="J494" s="564"/>
      <c r="K494" s="564"/>
      <c r="L494" s="564"/>
      <c r="M494" s="564"/>
      <c r="N494" s="564"/>
      <c r="O494" s="564"/>
      <c r="P494" s="564"/>
      <c r="Q494" s="564"/>
      <c r="R494" s="564"/>
      <c r="S494" s="564"/>
      <c r="T494" s="565"/>
      <c r="U494" s="229" t="s">
        <v>690</v>
      </c>
      <c r="V494" s="546" t="s">
        <v>107</v>
      </c>
      <c r="W494" s="547"/>
      <c r="X494" s="547"/>
      <c r="Y494" s="547"/>
      <c r="Z494" s="548"/>
      <c r="AA494" s="623" t="s">
        <v>102</v>
      </c>
      <c r="AB494" s="624"/>
      <c r="AC494" s="625"/>
      <c r="AD494" s="415">
        <v>2</v>
      </c>
      <c r="AE494" s="415" t="s">
        <v>103</v>
      </c>
      <c r="AF494" s="646"/>
      <c r="AG494" s="647"/>
      <c r="AH494" s="549"/>
      <c r="AI494" s="550"/>
      <c r="AJ494" s="551"/>
      <c r="AK494" s="265"/>
      <c r="AL494" s="48"/>
      <c r="AM494" s="26"/>
      <c r="AN494" s="1" t="str">
        <f t="shared" si="19"/>
        <v>■</v>
      </c>
    </row>
    <row r="495" spans="1:40" s="1" customFormat="1" ht="13.4" customHeight="1">
      <c r="A495" s="20" t="str">
        <f t="shared" si="20"/>
        <v>CO</v>
      </c>
      <c r="B495" s="20"/>
      <c r="C495" s="541">
        <v>17</v>
      </c>
      <c r="D495" s="542"/>
      <c r="E495" s="563" t="s">
        <v>1314</v>
      </c>
      <c r="F495" s="564"/>
      <c r="G495" s="564"/>
      <c r="H495" s="564"/>
      <c r="I495" s="564"/>
      <c r="J495" s="564"/>
      <c r="K495" s="564"/>
      <c r="L495" s="564"/>
      <c r="M495" s="564"/>
      <c r="N495" s="564"/>
      <c r="O495" s="564"/>
      <c r="P495" s="564"/>
      <c r="Q495" s="564"/>
      <c r="R495" s="564"/>
      <c r="S495" s="564"/>
      <c r="T495" s="565"/>
      <c r="U495" s="229" t="s">
        <v>692</v>
      </c>
      <c r="V495" s="546" t="s">
        <v>107</v>
      </c>
      <c r="W495" s="547"/>
      <c r="X495" s="547"/>
      <c r="Y495" s="547"/>
      <c r="Z495" s="548"/>
      <c r="AA495" s="623" t="s">
        <v>108</v>
      </c>
      <c r="AB495" s="624"/>
      <c r="AC495" s="625"/>
      <c r="AD495" s="415">
        <v>5</v>
      </c>
      <c r="AE495" s="415">
        <v>0</v>
      </c>
      <c r="AF495" s="646"/>
      <c r="AG495" s="647"/>
      <c r="AH495" s="549"/>
      <c r="AI495" s="550"/>
      <c r="AJ495" s="551"/>
      <c r="AK495" s="265"/>
      <c r="AL495" s="48"/>
      <c r="AM495" s="26"/>
      <c r="AN495" s="1" t="str">
        <f t="shared" si="19"/>
        <v>■</v>
      </c>
    </row>
    <row r="496" spans="1:40" s="1" customFormat="1" ht="13.4" customHeight="1">
      <c r="A496" s="20" t="str">
        <f t="shared" si="20"/>
        <v>CO</v>
      </c>
      <c r="B496" s="20"/>
      <c r="C496" s="541">
        <v>18</v>
      </c>
      <c r="D496" s="542"/>
      <c r="E496" s="563" t="s">
        <v>1315</v>
      </c>
      <c r="F496" s="564"/>
      <c r="G496" s="564"/>
      <c r="H496" s="564"/>
      <c r="I496" s="564"/>
      <c r="J496" s="564"/>
      <c r="K496" s="564"/>
      <c r="L496" s="564"/>
      <c r="M496" s="564"/>
      <c r="N496" s="564"/>
      <c r="O496" s="564"/>
      <c r="P496" s="564"/>
      <c r="Q496" s="564"/>
      <c r="R496" s="564"/>
      <c r="S496" s="564"/>
      <c r="T496" s="565"/>
      <c r="U496" s="229" t="s">
        <v>694</v>
      </c>
      <c r="V496" s="546" t="s">
        <v>107</v>
      </c>
      <c r="W496" s="547"/>
      <c r="X496" s="547"/>
      <c r="Y496" s="547"/>
      <c r="Z496" s="548"/>
      <c r="AA496" s="623" t="s">
        <v>108</v>
      </c>
      <c r="AB496" s="624"/>
      <c r="AC496" s="625"/>
      <c r="AD496" s="415">
        <v>5</v>
      </c>
      <c r="AE496" s="415">
        <v>0</v>
      </c>
      <c r="AF496" s="646"/>
      <c r="AG496" s="647"/>
      <c r="AH496" s="549"/>
      <c r="AI496" s="550"/>
      <c r="AJ496" s="551"/>
      <c r="AK496" s="265"/>
      <c r="AL496" s="29"/>
      <c r="AM496" s="26"/>
      <c r="AN496" s="1" t="str">
        <f t="shared" si="19"/>
        <v>■</v>
      </c>
    </row>
    <row r="497" spans="1:40" s="1" customFormat="1" ht="13.4" customHeight="1">
      <c r="A497" s="20" t="str">
        <f t="shared" si="20"/>
        <v>CO</v>
      </c>
      <c r="B497" s="20"/>
      <c r="C497" s="541">
        <v>19</v>
      </c>
      <c r="D497" s="542"/>
      <c r="E497" s="563" t="s">
        <v>409</v>
      </c>
      <c r="F497" s="564"/>
      <c r="G497" s="564"/>
      <c r="H497" s="564"/>
      <c r="I497" s="564"/>
      <c r="J497" s="564"/>
      <c r="K497" s="564"/>
      <c r="L497" s="564"/>
      <c r="M497" s="564"/>
      <c r="N497" s="564"/>
      <c r="O497" s="564"/>
      <c r="P497" s="564"/>
      <c r="Q497" s="564"/>
      <c r="R497" s="564"/>
      <c r="S497" s="564"/>
      <c r="T497" s="565"/>
      <c r="U497" s="229" t="s">
        <v>453</v>
      </c>
      <c r="V497" s="546" t="s">
        <v>107</v>
      </c>
      <c r="W497" s="547"/>
      <c r="X497" s="547"/>
      <c r="Y497" s="547"/>
      <c r="Z497" s="548"/>
      <c r="AA497" s="623" t="s">
        <v>102</v>
      </c>
      <c r="AB497" s="624"/>
      <c r="AC497" s="625"/>
      <c r="AD497" s="415">
        <v>6</v>
      </c>
      <c r="AE497" s="415" t="s">
        <v>103</v>
      </c>
      <c r="AF497" s="646"/>
      <c r="AG497" s="647"/>
      <c r="AH497" s="549"/>
      <c r="AI497" s="550"/>
      <c r="AJ497" s="551"/>
      <c r="AK497" s="265"/>
      <c r="AL497" s="48"/>
      <c r="AM497" s="26"/>
      <c r="AN497" s="1" t="str">
        <f t="shared" si="19"/>
        <v>■</v>
      </c>
    </row>
    <row r="498" spans="1:40" s="1" customFormat="1" ht="13.4" customHeight="1">
      <c r="A498" s="20" t="str">
        <f t="shared" si="20"/>
        <v>CO</v>
      </c>
      <c r="B498" s="20"/>
      <c r="C498" s="541">
        <v>20</v>
      </c>
      <c r="D498" s="542"/>
      <c r="E498" s="563" t="s">
        <v>411</v>
      </c>
      <c r="F498" s="564"/>
      <c r="G498" s="564"/>
      <c r="H498" s="564"/>
      <c r="I498" s="564"/>
      <c r="J498" s="564"/>
      <c r="K498" s="564"/>
      <c r="L498" s="564"/>
      <c r="M498" s="564"/>
      <c r="N498" s="564"/>
      <c r="O498" s="564"/>
      <c r="P498" s="564"/>
      <c r="Q498" s="564"/>
      <c r="R498" s="564"/>
      <c r="S498" s="564"/>
      <c r="T498" s="565"/>
      <c r="U498" s="229" t="s">
        <v>516</v>
      </c>
      <c r="V498" s="546" t="s">
        <v>107</v>
      </c>
      <c r="W498" s="547"/>
      <c r="X498" s="547"/>
      <c r="Y498" s="547"/>
      <c r="Z498" s="548"/>
      <c r="AA498" s="623" t="s">
        <v>102</v>
      </c>
      <c r="AB498" s="624"/>
      <c r="AC498" s="625"/>
      <c r="AD498" s="415">
        <v>6</v>
      </c>
      <c r="AE498" s="415" t="s">
        <v>103</v>
      </c>
      <c r="AF498" s="646"/>
      <c r="AG498" s="647"/>
      <c r="AH498" s="549"/>
      <c r="AI498" s="550"/>
      <c r="AJ498" s="551"/>
      <c r="AK498" s="265"/>
      <c r="AL498" s="48"/>
      <c r="AM498" s="26"/>
      <c r="AN498" s="1" t="str">
        <f t="shared" si="19"/>
        <v>■</v>
      </c>
    </row>
    <row r="499" spans="1:40" ht="13.4" customHeight="1">
      <c r="A499" s="20" t="str">
        <f t="shared" si="20"/>
        <v>CO</v>
      </c>
      <c r="B499" s="25"/>
      <c r="N499" s="50"/>
      <c r="V499" s="238"/>
      <c r="W499" s="238"/>
      <c r="X499" s="238"/>
      <c r="Y499" s="238"/>
      <c r="Z499" s="238"/>
      <c r="AA499" s="629"/>
      <c r="AB499" s="629"/>
      <c r="AC499" s="629"/>
      <c r="AF499" s="238"/>
      <c r="AG499" s="238"/>
      <c r="AH499" s="238"/>
      <c r="AI499" s="238"/>
      <c r="AJ499" s="238"/>
      <c r="AK499" s="55"/>
      <c r="AL499" s="48"/>
      <c r="AM499" s="16"/>
    </row>
    <row r="500" spans="1:40" s="1" customFormat="1" ht="13.4" customHeight="1">
      <c r="A500" s="20" t="str">
        <f t="shared" si="20"/>
        <v>NI</v>
      </c>
      <c r="B500" s="20"/>
      <c r="C500" s="52" t="s">
        <v>380</v>
      </c>
      <c r="D500" s="53"/>
      <c r="E500" s="26"/>
      <c r="F500" s="26"/>
      <c r="G500" s="26"/>
      <c r="H500" s="26"/>
      <c r="I500" s="26"/>
      <c r="J500" s="26" t="s">
        <v>732</v>
      </c>
      <c r="K500" s="71"/>
      <c r="L500" s="26"/>
      <c r="M500" s="71"/>
      <c r="N500" s="26"/>
      <c r="O500" s="26"/>
      <c r="P500" s="26"/>
      <c r="Q500" s="26"/>
      <c r="R500" s="26"/>
      <c r="S500" s="26"/>
      <c r="T500" s="26"/>
      <c r="U500" s="26" t="s">
        <v>1336</v>
      </c>
      <c r="V500" s="122"/>
      <c r="W500" s="122"/>
      <c r="X500" s="122"/>
      <c r="Y500" s="122"/>
      <c r="Z500" s="122"/>
      <c r="AA500" s="630"/>
      <c r="AB500" s="630"/>
      <c r="AC500" s="630"/>
      <c r="AD500" s="122"/>
      <c r="AE500" s="122"/>
      <c r="AF500" s="122"/>
      <c r="AG500" s="122"/>
      <c r="AH500" s="122"/>
      <c r="AI500" s="122"/>
      <c r="AJ500" s="122"/>
      <c r="AK500" s="26"/>
      <c r="AL500" s="48"/>
      <c r="AM500" s="26"/>
    </row>
    <row r="501" spans="1:40" s="1" customFormat="1" ht="13.5" customHeight="1">
      <c r="A501" s="20" t="str">
        <f t="shared" si="20"/>
        <v>NI</v>
      </c>
      <c r="B501" s="20"/>
      <c r="C501" s="583" t="s">
        <v>73</v>
      </c>
      <c r="D501" s="573"/>
      <c r="E501" s="583" t="s">
        <v>94</v>
      </c>
      <c r="F501" s="583"/>
      <c r="G501" s="583"/>
      <c r="H501" s="583"/>
      <c r="I501" s="583"/>
      <c r="J501" s="583"/>
      <c r="K501" s="583"/>
      <c r="L501" s="583"/>
      <c r="M501" s="583"/>
      <c r="N501" s="583"/>
      <c r="O501" s="583"/>
      <c r="P501" s="583"/>
      <c r="Q501" s="583"/>
      <c r="R501" s="583"/>
      <c r="S501" s="583"/>
      <c r="T501" s="583"/>
      <c r="U501" s="226" t="s">
        <v>383</v>
      </c>
      <c r="V501" s="572" t="s">
        <v>138</v>
      </c>
      <c r="W501" s="572"/>
      <c r="X501" s="572"/>
      <c r="Y501" s="572"/>
      <c r="Z501" s="572"/>
      <c r="AA501" s="652" t="s">
        <v>959</v>
      </c>
      <c r="AB501" s="653"/>
      <c r="AC501" s="654"/>
      <c r="AD501" s="572" t="s">
        <v>97</v>
      </c>
      <c r="AE501" s="572"/>
      <c r="AF501" s="572" t="s">
        <v>98</v>
      </c>
      <c r="AG501" s="572"/>
      <c r="AH501" s="583" t="s">
        <v>75</v>
      </c>
      <c r="AI501" s="583"/>
      <c r="AJ501" s="583"/>
      <c r="AK501" s="572" t="s">
        <v>159</v>
      </c>
      <c r="AL501" s="48"/>
      <c r="AM501" s="26"/>
    </row>
    <row r="502" spans="1:40" s="1" customFormat="1" ht="13.4" customHeight="1">
      <c r="A502" s="20" t="str">
        <f t="shared" si="20"/>
        <v>NI</v>
      </c>
      <c r="B502" s="20"/>
      <c r="C502" s="573"/>
      <c r="D502" s="573"/>
      <c r="E502" s="583"/>
      <c r="F502" s="583"/>
      <c r="G502" s="583"/>
      <c r="H502" s="583"/>
      <c r="I502" s="583"/>
      <c r="J502" s="583"/>
      <c r="K502" s="583"/>
      <c r="L502" s="583"/>
      <c r="M502" s="583"/>
      <c r="N502" s="583"/>
      <c r="O502" s="583"/>
      <c r="P502" s="583"/>
      <c r="Q502" s="583"/>
      <c r="R502" s="583"/>
      <c r="S502" s="583"/>
      <c r="T502" s="583"/>
      <c r="U502" s="227"/>
      <c r="V502" s="572"/>
      <c r="W502" s="572"/>
      <c r="X502" s="572"/>
      <c r="Y502" s="572"/>
      <c r="Z502" s="572"/>
      <c r="AA502" s="655"/>
      <c r="AB502" s="656"/>
      <c r="AC502" s="657"/>
      <c r="AD502" s="572"/>
      <c r="AE502" s="572"/>
      <c r="AF502" s="572"/>
      <c r="AG502" s="572"/>
      <c r="AH502" s="583"/>
      <c r="AI502" s="583"/>
      <c r="AJ502" s="583"/>
      <c r="AK502" s="572"/>
      <c r="AL502" s="38"/>
      <c r="AM502" s="26"/>
    </row>
    <row r="503" spans="1:40" s="1" customFormat="1" ht="13.4" customHeight="1">
      <c r="A503" s="20" t="str">
        <f t="shared" si="20"/>
        <v>NI</v>
      </c>
      <c r="B503" s="20"/>
      <c r="C503" s="541">
        <v>1</v>
      </c>
      <c r="D503" s="542"/>
      <c r="E503" s="563" t="s">
        <v>440</v>
      </c>
      <c r="F503" s="564"/>
      <c r="G503" s="564"/>
      <c r="H503" s="564"/>
      <c r="I503" s="564"/>
      <c r="J503" s="564"/>
      <c r="K503" s="564"/>
      <c r="L503" s="564"/>
      <c r="M503" s="564"/>
      <c r="N503" s="564"/>
      <c r="O503" s="564"/>
      <c r="P503" s="564"/>
      <c r="Q503" s="564"/>
      <c r="R503" s="564"/>
      <c r="S503" s="564"/>
      <c r="T503" s="565"/>
      <c r="U503" s="219" t="s">
        <v>441</v>
      </c>
      <c r="V503" s="546" t="s">
        <v>101</v>
      </c>
      <c r="W503" s="547"/>
      <c r="X503" s="547"/>
      <c r="Y503" s="547"/>
      <c r="Z503" s="548"/>
      <c r="AA503" s="623" t="s">
        <v>102</v>
      </c>
      <c r="AB503" s="624"/>
      <c r="AC503" s="625"/>
      <c r="AD503" s="415">
        <v>10</v>
      </c>
      <c r="AE503" s="415" t="s">
        <v>103</v>
      </c>
      <c r="AF503" s="646"/>
      <c r="AG503" s="647"/>
      <c r="AH503" s="549"/>
      <c r="AI503" s="550"/>
      <c r="AJ503" s="551"/>
      <c r="AK503" s="332"/>
      <c r="AL503" s="38"/>
      <c r="AM503" s="26"/>
      <c r="AN503" s="1" t="str">
        <f>$G$21</f>
        <v>■</v>
      </c>
    </row>
    <row r="504" spans="1:40" s="1" customFormat="1" ht="13.4" customHeight="1">
      <c r="A504" s="20" t="str">
        <f t="shared" si="20"/>
        <v>NI</v>
      </c>
      <c r="B504" s="20"/>
      <c r="C504" s="541">
        <v>2</v>
      </c>
      <c r="D504" s="542"/>
      <c r="E504" s="563" t="s">
        <v>442</v>
      </c>
      <c r="F504" s="564"/>
      <c r="G504" s="564"/>
      <c r="H504" s="564"/>
      <c r="I504" s="564"/>
      <c r="J504" s="564"/>
      <c r="K504" s="564"/>
      <c r="L504" s="564"/>
      <c r="M504" s="564"/>
      <c r="N504" s="564"/>
      <c r="O504" s="564"/>
      <c r="P504" s="564"/>
      <c r="Q504" s="564"/>
      <c r="R504" s="564"/>
      <c r="S504" s="564"/>
      <c r="T504" s="565"/>
      <c r="U504" s="219" t="s">
        <v>443</v>
      </c>
      <c r="V504" s="546" t="s">
        <v>101</v>
      </c>
      <c r="W504" s="547"/>
      <c r="X504" s="547"/>
      <c r="Y504" s="547"/>
      <c r="Z504" s="548"/>
      <c r="AA504" s="623" t="s">
        <v>102</v>
      </c>
      <c r="AB504" s="624"/>
      <c r="AC504" s="625"/>
      <c r="AD504" s="415">
        <v>51</v>
      </c>
      <c r="AE504" s="415" t="s">
        <v>103</v>
      </c>
      <c r="AF504" s="646"/>
      <c r="AG504" s="647"/>
      <c r="AH504" s="549"/>
      <c r="AI504" s="550"/>
      <c r="AJ504" s="551"/>
      <c r="AK504" s="332"/>
      <c r="AL504" s="48"/>
      <c r="AM504" s="26"/>
      <c r="AN504" s="1" t="str">
        <f t="shared" ref="AN504:AN540" si="21">$G$21</f>
        <v>■</v>
      </c>
    </row>
    <row r="505" spans="1:40" s="13" customFormat="1" ht="13.4" customHeight="1">
      <c r="A505" s="20" t="str">
        <f t="shared" si="20"/>
        <v>NI</v>
      </c>
      <c r="B505" s="20"/>
      <c r="C505" s="552">
        <v>3</v>
      </c>
      <c r="D505" s="553"/>
      <c r="E505" s="566" t="s">
        <v>106</v>
      </c>
      <c r="F505" s="567"/>
      <c r="G505" s="567"/>
      <c r="H505" s="567"/>
      <c r="I505" s="567"/>
      <c r="J505" s="567"/>
      <c r="K505" s="567"/>
      <c r="L505" s="567"/>
      <c r="M505" s="567"/>
      <c r="N505" s="567"/>
      <c r="O505" s="567"/>
      <c r="P505" s="567"/>
      <c r="Q505" s="567"/>
      <c r="R505" s="567"/>
      <c r="S505" s="567"/>
      <c r="T505" s="568"/>
      <c r="U505" s="230" t="s">
        <v>444</v>
      </c>
      <c r="V505" s="557" t="s">
        <v>107</v>
      </c>
      <c r="W505" s="558"/>
      <c r="X505" s="558"/>
      <c r="Y505" s="558"/>
      <c r="Z505" s="559"/>
      <c r="AA505" s="626" t="s">
        <v>108</v>
      </c>
      <c r="AB505" s="627"/>
      <c r="AC505" s="628"/>
      <c r="AD505" s="419">
        <v>1</v>
      </c>
      <c r="AE505" s="419">
        <v>0</v>
      </c>
      <c r="AF505" s="648" t="s">
        <v>109</v>
      </c>
      <c r="AG505" s="649"/>
      <c r="AH505" s="560"/>
      <c r="AI505" s="561"/>
      <c r="AJ505" s="562"/>
      <c r="AK505" s="333" t="s">
        <v>416</v>
      </c>
      <c r="AL505" s="38"/>
      <c r="AM505" s="54"/>
      <c r="AN505" s="1" t="str">
        <f t="shared" si="21"/>
        <v>■</v>
      </c>
    </row>
    <row r="506" spans="1:40" s="13" customFormat="1" ht="13.4" customHeight="1">
      <c r="A506" s="20" t="str">
        <f t="shared" si="20"/>
        <v>NI</v>
      </c>
      <c r="B506" s="20"/>
      <c r="C506" s="541">
        <v>4</v>
      </c>
      <c r="D506" s="542"/>
      <c r="E506" s="563" t="s">
        <v>110</v>
      </c>
      <c r="F506" s="564"/>
      <c r="G506" s="564"/>
      <c r="H506" s="564"/>
      <c r="I506" s="564"/>
      <c r="J506" s="564"/>
      <c r="K506" s="564"/>
      <c r="L506" s="564"/>
      <c r="M506" s="564"/>
      <c r="N506" s="564"/>
      <c r="O506" s="564"/>
      <c r="P506" s="564"/>
      <c r="Q506" s="564"/>
      <c r="R506" s="564"/>
      <c r="S506" s="564"/>
      <c r="T506" s="565"/>
      <c r="U506" s="229" t="s">
        <v>445</v>
      </c>
      <c r="V506" s="546" t="s">
        <v>107</v>
      </c>
      <c r="W506" s="547"/>
      <c r="X506" s="547"/>
      <c r="Y506" s="547"/>
      <c r="Z506" s="548"/>
      <c r="AA506" s="623" t="s">
        <v>108</v>
      </c>
      <c r="AB506" s="624"/>
      <c r="AC506" s="625"/>
      <c r="AD506" s="415">
        <v>1</v>
      </c>
      <c r="AE506" s="415">
        <v>0</v>
      </c>
      <c r="AF506" s="646"/>
      <c r="AG506" s="647"/>
      <c r="AH506" s="549"/>
      <c r="AI506" s="550"/>
      <c r="AJ506" s="551"/>
      <c r="AK506" s="332"/>
      <c r="AL506" s="38"/>
      <c r="AM506" s="54"/>
      <c r="AN506" s="1" t="str">
        <f t="shared" si="21"/>
        <v>■</v>
      </c>
    </row>
    <row r="507" spans="1:40" s="1" customFormat="1">
      <c r="A507" s="20" t="str">
        <f t="shared" si="20"/>
        <v>NI</v>
      </c>
      <c r="B507" s="20"/>
      <c r="C507" s="541">
        <v>5</v>
      </c>
      <c r="D507" s="542"/>
      <c r="E507" s="543" t="s">
        <v>80</v>
      </c>
      <c r="F507" s="544"/>
      <c r="G507" s="544"/>
      <c r="H507" s="544"/>
      <c r="I507" s="544"/>
      <c r="J507" s="544"/>
      <c r="K507" s="544"/>
      <c r="L507" s="544"/>
      <c r="M507" s="544"/>
      <c r="N507" s="544"/>
      <c r="O507" s="544"/>
      <c r="P507" s="544"/>
      <c r="Q507" s="544"/>
      <c r="R507" s="544"/>
      <c r="S507" s="544"/>
      <c r="T507" s="545"/>
      <c r="U507" s="229" t="s">
        <v>446</v>
      </c>
      <c r="V507" s="546" t="s">
        <v>101</v>
      </c>
      <c r="W507" s="547"/>
      <c r="X507" s="547"/>
      <c r="Y507" s="547"/>
      <c r="Z507" s="548"/>
      <c r="AA507" s="623" t="s">
        <v>102</v>
      </c>
      <c r="AB507" s="624"/>
      <c r="AC507" s="625"/>
      <c r="AD507" s="415">
        <v>2</v>
      </c>
      <c r="AE507" s="415" t="s">
        <v>103</v>
      </c>
      <c r="AF507" s="646"/>
      <c r="AG507" s="647"/>
      <c r="AH507" s="549"/>
      <c r="AI507" s="550"/>
      <c r="AJ507" s="551"/>
      <c r="AK507" s="332"/>
      <c r="AL507" s="48"/>
      <c r="AM507" s="26"/>
      <c r="AN507" s="1" t="str">
        <f t="shared" si="21"/>
        <v>■</v>
      </c>
    </row>
    <row r="508" spans="1:40" s="13" customFormat="1">
      <c r="A508" s="20" t="str">
        <f t="shared" si="20"/>
        <v>NI</v>
      </c>
      <c r="B508" s="20"/>
      <c r="C508" s="541">
        <v>6</v>
      </c>
      <c r="D508" s="542"/>
      <c r="E508" s="543" t="s">
        <v>627</v>
      </c>
      <c r="F508" s="544"/>
      <c r="G508" s="544"/>
      <c r="H508" s="544"/>
      <c r="I508" s="544"/>
      <c r="J508" s="544"/>
      <c r="K508" s="544"/>
      <c r="L508" s="544"/>
      <c r="M508" s="544"/>
      <c r="N508" s="544"/>
      <c r="O508" s="544"/>
      <c r="P508" s="544"/>
      <c r="Q508" s="544"/>
      <c r="R508" s="544"/>
      <c r="S508" s="544"/>
      <c r="T508" s="545"/>
      <c r="U508" s="221" t="s">
        <v>628</v>
      </c>
      <c r="V508" s="546" t="s">
        <v>107</v>
      </c>
      <c r="W508" s="547"/>
      <c r="X508" s="547"/>
      <c r="Y508" s="547"/>
      <c r="Z508" s="548"/>
      <c r="AA508" s="623" t="s">
        <v>108</v>
      </c>
      <c r="AB508" s="624"/>
      <c r="AC508" s="625"/>
      <c r="AD508" s="415">
        <v>3</v>
      </c>
      <c r="AE508" s="415">
        <v>0</v>
      </c>
      <c r="AF508" s="646"/>
      <c r="AG508" s="647"/>
      <c r="AH508" s="549"/>
      <c r="AI508" s="550"/>
      <c r="AJ508" s="551"/>
      <c r="AK508" s="118"/>
      <c r="AL508" s="48"/>
      <c r="AM508" s="54"/>
      <c r="AN508" s="1" t="str">
        <f t="shared" si="21"/>
        <v>■</v>
      </c>
    </row>
    <row r="509" spans="1:40" s="13" customFormat="1">
      <c r="A509" s="20" t="str">
        <f t="shared" si="20"/>
        <v>NI</v>
      </c>
      <c r="B509" s="20"/>
      <c r="C509" s="541">
        <v>7</v>
      </c>
      <c r="D509" s="542"/>
      <c r="E509" s="543" t="s">
        <v>629</v>
      </c>
      <c r="F509" s="544"/>
      <c r="G509" s="544"/>
      <c r="H509" s="544"/>
      <c r="I509" s="544"/>
      <c r="J509" s="544"/>
      <c r="K509" s="544"/>
      <c r="L509" s="544"/>
      <c r="M509" s="544"/>
      <c r="N509" s="544"/>
      <c r="O509" s="544"/>
      <c r="P509" s="544"/>
      <c r="Q509" s="544"/>
      <c r="R509" s="544"/>
      <c r="S509" s="544"/>
      <c r="T509" s="545"/>
      <c r="U509" s="221" t="s">
        <v>630</v>
      </c>
      <c r="V509" s="546" t="s">
        <v>107</v>
      </c>
      <c r="W509" s="547"/>
      <c r="X509" s="547"/>
      <c r="Y509" s="547"/>
      <c r="Z509" s="548"/>
      <c r="AA509" s="623" t="s">
        <v>108</v>
      </c>
      <c r="AB509" s="624"/>
      <c r="AC509" s="625"/>
      <c r="AD509" s="415">
        <v>3</v>
      </c>
      <c r="AE509" s="415">
        <v>0</v>
      </c>
      <c r="AF509" s="646"/>
      <c r="AG509" s="647"/>
      <c r="AH509" s="549"/>
      <c r="AI509" s="550"/>
      <c r="AJ509" s="551"/>
      <c r="AK509" s="118"/>
      <c r="AL509" s="48"/>
      <c r="AM509" s="54"/>
      <c r="AN509" s="1" t="str">
        <f t="shared" si="21"/>
        <v>■</v>
      </c>
    </row>
    <row r="510" spans="1:40" s="1" customFormat="1">
      <c r="A510" s="20" t="str">
        <f t="shared" si="20"/>
        <v>NI</v>
      </c>
      <c r="B510" s="20"/>
      <c r="C510" s="541">
        <v>8</v>
      </c>
      <c r="D510" s="542"/>
      <c r="E510" s="543" t="s">
        <v>631</v>
      </c>
      <c r="F510" s="544"/>
      <c r="G510" s="544"/>
      <c r="H510" s="544"/>
      <c r="I510" s="544"/>
      <c r="J510" s="544"/>
      <c r="K510" s="544"/>
      <c r="L510" s="544"/>
      <c r="M510" s="544"/>
      <c r="N510" s="544"/>
      <c r="O510" s="544"/>
      <c r="P510" s="544"/>
      <c r="Q510" s="544"/>
      <c r="R510" s="544"/>
      <c r="S510" s="544"/>
      <c r="T510" s="545"/>
      <c r="U510" s="221" t="s">
        <v>632</v>
      </c>
      <c r="V510" s="546" t="s">
        <v>107</v>
      </c>
      <c r="W510" s="547"/>
      <c r="X510" s="547"/>
      <c r="Y510" s="547"/>
      <c r="Z510" s="548"/>
      <c r="AA510" s="623" t="s">
        <v>108</v>
      </c>
      <c r="AB510" s="624"/>
      <c r="AC510" s="625"/>
      <c r="AD510" s="415">
        <v>3</v>
      </c>
      <c r="AE510" s="415">
        <v>0</v>
      </c>
      <c r="AF510" s="646"/>
      <c r="AG510" s="647"/>
      <c r="AH510" s="549"/>
      <c r="AI510" s="550"/>
      <c r="AJ510" s="551"/>
      <c r="AK510" s="332"/>
      <c r="AL510" s="38"/>
      <c r="AM510" s="26"/>
      <c r="AN510" s="1" t="str">
        <f t="shared" si="21"/>
        <v>■</v>
      </c>
    </row>
    <row r="511" spans="1:40" s="1" customFormat="1">
      <c r="A511" s="20" t="str">
        <f t="shared" si="20"/>
        <v>NI</v>
      </c>
      <c r="B511" s="20"/>
      <c r="C511" s="541">
        <v>9</v>
      </c>
      <c r="D511" s="542"/>
      <c r="E511" s="543" t="s">
        <v>633</v>
      </c>
      <c r="F511" s="544"/>
      <c r="G511" s="544"/>
      <c r="H511" s="544"/>
      <c r="I511" s="544"/>
      <c r="J511" s="544"/>
      <c r="K511" s="544"/>
      <c r="L511" s="544"/>
      <c r="M511" s="544"/>
      <c r="N511" s="544"/>
      <c r="O511" s="544"/>
      <c r="P511" s="544"/>
      <c r="Q511" s="544"/>
      <c r="R511" s="544"/>
      <c r="S511" s="544"/>
      <c r="T511" s="545"/>
      <c r="U511" s="221" t="s">
        <v>634</v>
      </c>
      <c r="V511" s="546" t="s">
        <v>107</v>
      </c>
      <c r="W511" s="547"/>
      <c r="X511" s="547"/>
      <c r="Y511" s="547"/>
      <c r="Z511" s="548"/>
      <c r="AA511" s="623" t="s">
        <v>108</v>
      </c>
      <c r="AB511" s="624"/>
      <c r="AC511" s="625"/>
      <c r="AD511" s="415">
        <v>3</v>
      </c>
      <c r="AE511" s="415">
        <v>0</v>
      </c>
      <c r="AF511" s="646"/>
      <c r="AG511" s="647"/>
      <c r="AH511" s="549"/>
      <c r="AI511" s="550"/>
      <c r="AJ511" s="551"/>
      <c r="AK511" s="332"/>
      <c r="AL511" s="38"/>
      <c r="AM511" s="26"/>
      <c r="AN511" s="1" t="str">
        <f t="shared" si="21"/>
        <v>■</v>
      </c>
    </row>
    <row r="512" spans="1:40" s="1" customFormat="1">
      <c r="A512" s="20" t="str">
        <f t="shared" si="20"/>
        <v>NI</v>
      </c>
      <c r="B512" s="20"/>
      <c r="C512" s="541">
        <v>10</v>
      </c>
      <c r="D512" s="542"/>
      <c r="E512" s="543" t="s">
        <v>635</v>
      </c>
      <c r="F512" s="544"/>
      <c r="G512" s="544"/>
      <c r="H512" s="544"/>
      <c r="I512" s="544"/>
      <c r="J512" s="544"/>
      <c r="K512" s="544"/>
      <c r="L512" s="544"/>
      <c r="M512" s="544"/>
      <c r="N512" s="544"/>
      <c r="O512" s="544"/>
      <c r="P512" s="544"/>
      <c r="Q512" s="544"/>
      <c r="R512" s="544"/>
      <c r="S512" s="544"/>
      <c r="T512" s="545"/>
      <c r="U512" s="221" t="s">
        <v>636</v>
      </c>
      <c r="V512" s="546" t="s">
        <v>107</v>
      </c>
      <c r="W512" s="547"/>
      <c r="X512" s="547"/>
      <c r="Y512" s="547"/>
      <c r="Z512" s="548"/>
      <c r="AA512" s="623" t="s">
        <v>108</v>
      </c>
      <c r="AB512" s="624"/>
      <c r="AC512" s="625"/>
      <c r="AD512" s="415">
        <v>3</v>
      </c>
      <c r="AE512" s="415">
        <v>0</v>
      </c>
      <c r="AF512" s="646"/>
      <c r="AG512" s="647"/>
      <c r="AH512" s="549"/>
      <c r="AI512" s="550"/>
      <c r="AJ512" s="551"/>
      <c r="AK512" s="332"/>
      <c r="AL512" s="48"/>
      <c r="AM512" s="26"/>
      <c r="AN512" s="1" t="str">
        <f t="shared" si="21"/>
        <v>■</v>
      </c>
    </row>
    <row r="513" spans="1:40" s="13" customFormat="1">
      <c r="A513" s="20" t="str">
        <f t="shared" si="20"/>
        <v>NI</v>
      </c>
      <c r="B513" s="20"/>
      <c r="C513" s="541">
        <v>11</v>
      </c>
      <c r="D513" s="542"/>
      <c r="E513" s="543" t="s">
        <v>637</v>
      </c>
      <c r="F513" s="544"/>
      <c r="G513" s="544"/>
      <c r="H513" s="544"/>
      <c r="I513" s="544"/>
      <c r="J513" s="544"/>
      <c r="K513" s="544"/>
      <c r="L513" s="544"/>
      <c r="M513" s="544"/>
      <c r="N513" s="544"/>
      <c r="O513" s="544"/>
      <c r="P513" s="544"/>
      <c r="Q513" s="544"/>
      <c r="R513" s="544"/>
      <c r="S513" s="544"/>
      <c r="T513" s="545"/>
      <c r="U513" s="221" t="s">
        <v>638</v>
      </c>
      <c r="V513" s="546" t="s">
        <v>107</v>
      </c>
      <c r="W513" s="547"/>
      <c r="X513" s="547"/>
      <c r="Y513" s="547"/>
      <c r="Z513" s="548"/>
      <c r="AA513" s="623" t="s">
        <v>108</v>
      </c>
      <c r="AB513" s="624"/>
      <c r="AC513" s="625"/>
      <c r="AD513" s="415">
        <v>3</v>
      </c>
      <c r="AE513" s="415">
        <v>0</v>
      </c>
      <c r="AF513" s="646"/>
      <c r="AG513" s="647"/>
      <c r="AH513" s="549"/>
      <c r="AI513" s="550"/>
      <c r="AJ513" s="551"/>
      <c r="AK513" s="118"/>
      <c r="AL513" s="38"/>
      <c r="AM513" s="54"/>
      <c r="AN513" s="1" t="str">
        <f t="shared" si="21"/>
        <v>■</v>
      </c>
    </row>
    <row r="514" spans="1:40" s="13" customFormat="1">
      <c r="A514" s="20" t="str">
        <f t="shared" si="20"/>
        <v>NI</v>
      </c>
      <c r="B514" s="20"/>
      <c r="C514" s="541">
        <v>12</v>
      </c>
      <c r="D514" s="542"/>
      <c r="E514" s="543" t="s">
        <v>639</v>
      </c>
      <c r="F514" s="544"/>
      <c r="G514" s="544"/>
      <c r="H514" s="544"/>
      <c r="I514" s="544"/>
      <c r="J514" s="544"/>
      <c r="K514" s="544"/>
      <c r="L514" s="544"/>
      <c r="M514" s="544"/>
      <c r="N514" s="544"/>
      <c r="O514" s="544"/>
      <c r="P514" s="544"/>
      <c r="Q514" s="544"/>
      <c r="R514" s="544"/>
      <c r="S514" s="544"/>
      <c r="T514" s="545"/>
      <c r="U514" s="221" t="s">
        <v>640</v>
      </c>
      <c r="V514" s="546" t="s">
        <v>107</v>
      </c>
      <c r="W514" s="547"/>
      <c r="X514" s="547"/>
      <c r="Y514" s="547"/>
      <c r="Z514" s="548"/>
      <c r="AA514" s="623" t="s">
        <v>108</v>
      </c>
      <c r="AB514" s="624"/>
      <c r="AC514" s="625"/>
      <c r="AD514" s="415">
        <v>3</v>
      </c>
      <c r="AE514" s="415">
        <v>0</v>
      </c>
      <c r="AF514" s="646"/>
      <c r="AG514" s="647"/>
      <c r="AH514" s="549"/>
      <c r="AI514" s="550"/>
      <c r="AJ514" s="551"/>
      <c r="AK514" s="118"/>
      <c r="AL514" s="38"/>
      <c r="AM514" s="54"/>
      <c r="AN514" s="1" t="str">
        <f t="shared" si="21"/>
        <v>■</v>
      </c>
    </row>
    <row r="515" spans="1:40" s="1" customFormat="1">
      <c r="A515" s="20" t="str">
        <f t="shared" si="20"/>
        <v>NI</v>
      </c>
      <c r="B515" s="20"/>
      <c r="C515" s="541">
        <v>13</v>
      </c>
      <c r="D515" s="542"/>
      <c r="E515" s="543" t="s">
        <v>641</v>
      </c>
      <c r="F515" s="544"/>
      <c r="G515" s="544"/>
      <c r="H515" s="544"/>
      <c r="I515" s="544"/>
      <c r="J515" s="544"/>
      <c r="K515" s="544"/>
      <c r="L515" s="544"/>
      <c r="M515" s="544"/>
      <c r="N515" s="544"/>
      <c r="O515" s="544"/>
      <c r="P515" s="544"/>
      <c r="Q515" s="544"/>
      <c r="R515" s="544"/>
      <c r="S515" s="544"/>
      <c r="T515" s="545"/>
      <c r="U515" s="221" t="s">
        <v>642</v>
      </c>
      <c r="V515" s="546" t="s">
        <v>107</v>
      </c>
      <c r="W515" s="547"/>
      <c r="X515" s="547"/>
      <c r="Y515" s="547"/>
      <c r="Z515" s="548"/>
      <c r="AA515" s="623" t="s">
        <v>108</v>
      </c>
      <c r="AB515" s="624"/>
      <c r="AC515" s="625"/>
      <c r="AD515" s="415">
        <v>3</v>
      </c>
      <c r="AE515" s="415">
        <v>0</v>
      </c>
      <c r="AF515" s="646"/>
      <c r="AG515" s="647"/>
      <c r="AH515" s="549"/>
      <c r="AI515" s="550"/>
      <c r="AJ515" s="551"/>
      <c r="AK515" s="332"/>
      <c r="AL515" s="48"/>
      <c r="AM515" s="26"/>
      <c r="AN515" s="1" t="str">
        <f t="shared" si="21"/>
        <v>■</v>
      </c>
    </row>
    <row r="516" spans="1:40" s="13" customFormat="1">
      <c r="A516" s="20" t="str">
        <f t="shared" si="20"/>
        <v>NI</v>
      </c>
      <c r="B516" s="20"/>
      <c r="C516" s="541">
        <v>14</v>
      </c>
      <c r="D516" s="542"/>
      <c r="E516" s="543" t="s">
        <v>643</v>
      </c>
      <c r="F516" s="544"/>
      <c r="G516" s="544"/>
      <c r="H516" s="544"/>
      <c r="I516" s="544"/>
      <c r="J516" s="544"/>
      <c r="K516" s="544"/>
      <c r="L516" s="544"/>
      <c r="M516" s="544"/>
      <c r="N516" s="544"/>
      <c r="O516" s="544"/>
      <c r="P516" s="544"/>
      <c r="Q516" s="544"/>
      <c r="R516" s="544"/>
      <c r="S516" s="544"/>
      <c r="T516" s="545"/>
      <c r="U516" s="221" t="s">
        <v>644</v>
      </c>
      <c r="V516" s="546" t="s">
        <v>107</v>
      </c>
      <c r="W516" s="547"/>
      <c r="X516" s="547"/>
      <c r="Y516" s="547"/>
      <c r="Z516" s="548"/>
      <c r="AA516" s="623" t="s">
        <v>108</v>
      </c>
      <c r="AB516" s="624"/>
      <c r="AC516" s="625"/>
      <c r="AD516" s="415">
        <v>3</v>
      </c>
      <c r="AE516" s="415">
        <v>0</v>
      </c>
      <c r="AF516" s="646"/>
      <c r="AG516" s="647"/>
      <c r="AH516" s="549"/>
      <c r="AI516" s="550"/>
      <c r="AJ516" s="551"/>
      <c r="AK516" s="118"/>
      <c r="AL516" s="48"/>
      <c r="AM516" s="54"/>
      <c r="AN516" s="1" t="str">
        <f t="shared" si="21"/>
        <v>■</v>
      </c>
    </row>
    <row r="517" spans="1:40" s="13" customFormat="1">
      <c r="A517" s="20" t="str">
        <f t="shared" si="20"/>
        <v>NI</v>
      </c>
      <c r="B517" s="20"/>
      <c r="C517" s="541">
        <v>15</v>
      </c>
      <c r="D517" s="542"/>
      <c r="E517" s="543" t="s">
        <v>645</v>
      </c>
      <c r="F517" s="544"/>
      <c r="G517" s="544"/>
      <c r="H517" s="544"/>
      <c r="I517" s="544"/>
      <c r="J517" s="544"/>
      <c r="K517" s="544"/>
      <c r="L517" s="544"/>
      <c r="M517" s="544"/>
      <c r="N517" s="544"/>
      <c r="O517" s="544"/>
      <c r="P517" s="544"/>
      <c r="Q517" s="544"/>
      <c r="R517" s="544"/>
      <c r="S517" s="544"/>
      <c r="T517" s="545"/>
      <c r="U517" s="221" t="s">
        <v>646</v>
      </c>
      <c r="V517" s="546" t="s">
        <v>107</v>
      </c>
      <c r="W517" s="547"/>
      <c r="X517" s="547"/>
      <c r="Y517" s="547"/>
      <c r="Z517" s="548"/>
      <c r="AA517" s="623" t="s">
        <v>108</v>
      </c>
      <c r="AB517" s="624"/>
      <c r="AC517" s="625"/>
      <c r="AD517" s="415">
        <v>3</v>
      </c>
      <c r="AE517" s="415">
        <v>0</v>
      </c>
      <c r="AF517" s="646"/>
      <c r="AG517" s="647"/>
      <c r="AH517" s="549"/>
      <c r="AI517" s="550"/>
      <c r="AJ517" s="551"/>
      <c r="AK517" s="118"/>
      <c r="AL517" s="48"/>
      <c r="AM517" s="54"/>
      <c r="AN517" s="1" t="str">
        <f t="shared" si="21"/>
        <v>■</v>
      </c>
    </row>
    <row r="518" spans="1:40" s="1" customFormat="1">
      <c r="A518" s="20" t="str">
        <f t="shared" si="20"/>
        <v>NI</v>
      </c>
      <c r="B518" s="20"/>
      <c r="C518" s="541">
        <v>16</v>
      </c>
      <c r="D518" s="542"/>
      <c r="E518" s="543" t="s">
        <v>647</v>
      </c>
      <c r="F518" s="544"/>
      <c r="G518" s="544"/>
      <c r="H518" s="544"/>
      <c r="I518" s="544"/>
      <c r="J518" s="544"/>
      <c r="K518" s="544"/>
      <c r="L518" s="544"/>
      <c r="M518" s="544"/>
      <c r="N518" s="544"/>
      <c r="O518" s="544"/>
      <c r="P518" s="544"/>
      <c r="Q518" s="544"/>
      <c r="R518" s="544"/>
      <c r="S518" s="544"/>
      <c r="T518" s="545"/>
      <c r="U518" s="221" t="s">
        <v>648</v>
      </c>
      <c r="V518" s="546" t="s">
        <v>107</v>
      </c>
      <c r="W518" s="547"/>
      <c r="X518" s="547"/>
      <c r="Y518" s="547"/>
      <c r="Z518" s="548"/>
      <c r="AA518" s="623" t="s">
        <v>108</v>
      </c>
      <c r="AB518" s="624"/>
      <c r="AC518" s="625"/>
      <c r="AD518" s="415">
        <v>3</v>
      </c>
      <c r="AE518" s="415">
        <v>0</v>
      </c>
      <c r="AF518" s="646"/>
      <c r="AG518" s="647"/>
      <c r="AH518" s="549"/>
      <c r="AI518" s="550"/>
      <c r="AJ518" s="551"/>
      <c r="AK518" s="332"/>
      <c r="AL518" s="48"/>
      <c r="AM518" s="26"/>
      <c r="AN518" s="1" t="str">
        <f t="shared" si="21"/>
        <v>■</v>
      </c>
    </row>
    <row r="519" spans="1:40" s="1" customFormat="1">
      <c r="A519" s="20" t="str">
        <f t="shared" si="20"/>
        <v>NI</v>
      </c>
      <c r="B519" s="20"/>
      <c r="C519" s="541">
        <v>17</v>
      </c>
      <c r="D519" s="542"/>
      <c r="E519" s="543" t="s">
        <v>649</v>
      </c>
      <c r="F519" s="544"/>
      <c r="G519" s="544"/>
      <c r="H519" s="544"/>
      <c r="I519" s="544"/>
      <c r="J519" s="544"/>
      <c r="K519" s="544"/>
      <c r="L519" s="544"/>
      <c r="M519" s="544"/>
      <c r="N519" s="544"/>
      <c r="O519" s="544"/>
      <c r="P519" s="544"/>
      <c r="Q519" s="544"/>
      <c r="R519" s="544"/>
      <c r="S519" s="544"/>
      <c r="T519" s="545"/>
      <c r="U519" s="221" t="s">
        <v>650</v>
      </c>
      <c r="V519" s="546" t="s">
        <v>107</v>
      </c>
      <c r="W519" s="547"/>
      <c r="X519" s="547"/>
      <c r="Y519" s="547"/>
      <c r="Z519" s="548"/>
      <c r="AA519" s="623" t="s">
        <v>108</v>
      </c>
      <c r="AB519" s="624"/>
      <c r="AC519" s="625"/>
      <c r="AD519" s="415">
        <v>3</v>
      </c>
      <c r="AE519" s="415">
        <v>0</v>
      </c>
      <c r="AF519" s="646"/>
      <c r="AG519" s="647"/>
      <c r="AH519" s="549"/>
      <c r="AI519" s="550"/>
      <c r="AJ519" s="551"/>
      <c r="AK519" s="332"/>
      <c r="AL519" s="48"/>
      <c r="AM519" s="26"/>
      <c r="AN519" s="1" t="str">
        <f t="shared" si="21"/>
        <v>■</v>
      </c>
    </row>
    <row r="520" spans="1:40" s="1" customFormat="1">
      <c r="A520" s="20" t="str">
        <f t="shared" si="20"/>
        <v>NI</v>
      </c>
      <c r="B520" s="20"/>
      <c r="C520" s="541">
        <v>18</v>
      </c>
      <c r="D520" s="542"/>
      <c r="E520" s="543" t="s">
        <v>651</v>
      </c>
      <c r="F520" s="544"/>
      <c r="G520" s="544"/>
      <c r="H520" s="544"/>
      <c r="I520" s="544"/>
      <c r="J520" s="544"/>
      <c r="K520" s="544"/>
      <c r="L520" s="544"/>
      <c r="M520" s="544"/>
      <c r="N520" s="544"/>
      <c r="O520" s="544"/>
      <c r="P520" s="544"/>
      <c r="Q520" s="544"/>
      <c r="R520" s="544"/>
      <c r="S520" s="544"/>
      <c r="T520" s="545"/>
      <c r="U520" s="221" t="s">
        <v>652</v>
      </c>
      <c r="V520" s="546" t="s">
        <v>107</v>
      </c>
      <c r="W520" s="547"/>
      <c r="X520" s="547"/>
      <c r="Y520" s="547"/>
      <c r="Z520" s="548"/>
      <c r="AA520" s="623" t="s">
        <v>108</v>
      </c>
      <c r="AB520" s="624"/>
      <c r="AC520" s="625"/>
      <c r="AD520" s="415">
        <v>3</v>
      </c>
      <c r="AE520" s="415">
        <v>0</v>
      </c>
      <c r="AF520" s="646"/>
      <c r="AG520" s="647"/>
      <c r="AH520" s="549"/>
      <c r="AI520" s="550"/>
      <c r="AJ520" s="551"/>
      <c r="AK520" s="332"/>
      <c r="AL520" s="38"/>
      <c r="AM520" s="26"/>
      <c r="AN520" s="1" t="str">
        <f t="shared" si="21"/>
        <v>■</v>
      </c>
    </row>
    <row r="521" spans="1:40" s="1" customFormat="1">
      <c r="A521" s="20" t="str">
        <f t="shared" si="20"/>
        <v>NI</v>
      </c>
      <c r="B521" s="20"/>
      <c r="C521" s="541">
        <v>19</v>
      </c>
      <c r="D521" s="542"/>
      <c r="E521" s="543" t="s">
        <v>653</v>
      </c>
      <c r="F521" s="544"/>
      <c r="G521" s="544"/>
      <c r="H521" s="544"/>
      <c r="I521" s="544"/>
      <c r="J521" s="544"/>
      <c r="K521" s="544"/>
      <c r="L521" s="544"/>
      <c r="M521" s="544"/>
      <c r="N521" s="544"/>
      <c r="O521" s="544"/>
      <c r="P521" s="544"/>
      <c r="Q521" s="544"/>
      <c r="R521" s="544"/>
      <c r="S521" s="544"/>
      <c r="T521" s="545"/>
      <c r="U521" s="221" t="s">
        <v>654</v>
      </c>
      <c r="V521" s="546" t="s">
        <v>107</v>
      </c>
      <c r="W521" s="547"/>
      <c r="X521" s="547"/>
      <c r="Y521" s="547"/>
      <c r="Z521" s="548"/>
      <c r="AA521" s="623" t="s">
        <v>108</v>
      </c>
      <c r="AB521" s="624"/>
      <c r="AC521" s="625"/>
      <c r="AD521" s="415">
        <v>3</v>
      </c>
      <c r="AE521" s="415">
        <v>0</v>
      </c>
      <c r="AF521" s="646"/>
      <c r="AG521" s="647"/>
      <c r="AH521" s="549"/>
      <c r="AI521" s="550"/>
      <c r="AJ521" s="551"/>
      <c r="AK521" s="332"/>
      <c r="AL521" s="38"/>
      <c r="AM521" s="26"/>
      <c r="AN521" s="1" t="str">
        <f t="shared" si="21"/>
        <v>■</v>
      </c>
    </row>
    <row r="522" spans="1:40" s="1" customFormat="1">
      <c r="A522" s="20" t="str">
        <f t="shared" si="20"/>
        <v>NI</v>
      </c>
      <c r="B522" s="20"/>
      <c r="C522" s="541">
        <v>20</v>
      </c>
      <c r="D522" s="542"/>
      <c r="E522" s="543" t="s">
        <v>655</v>
      </c>
      <c r="F522" s="544"/>
      <c r="G522" s="544"/>
      <c r="H522" s="544"/>
      <c r="I522" s="544"/>
      <c r="J522" s="544"/>
      <c r="K522" s="544"/>
      <c r="L522" s="544"/>
      <c r="M522" s="544"/>
      <c r="N522" s="544"/>
      <c r="O522" s="544"/>
      <c r="P522" s="544"/>
      <c r="Q522" s="544"/>
      <c r="R522" s="544"/>
      <c r="S522" s="544"/>
      <c r="T522" s="545"/>
      <c r="U522" s="221" t="s">
        <v>656</v>
      </c>
      <c r="V522" s="546" t="s">
        <v>107</v>
      </c>
      <c r="W522" s="547"/>
      <c r="X522" s="547"/>
      <c r="Y522" s="547"/>
      <c r="Z522" s="548"/>
      <c r="AA522" s="623" t="s">
        <v>108</v>
      </c>
      <c r="AB522" s="624"/>
      <c r="AC522" s="625"/>
      <c r="AD522" s="415">
        <v>3</v>
      </c>
      <c r="AE522" s="415">
        <v>0</v>
      </c>
      <c r="AF522" s="646"/>
      <c r="AG522" s="647"/>
      <c r="AH522" s="549"/>
      <c r="AI522" s="550"/>
      <c r="AJ522" s="551"/>
      <c r="AK522" s="332"/>
      <c r="AL522" s="48"/>
      <c r="AM522" s="26"/>
      <c r="AN522" s="1" t="str">
        <f t="shared" si="21"/>
        <v>■</v>
      </c>
    </row>
    <row r="523" spans="1:40" s="13" customFormat="1">
      <c r="A523" s="20" t="str">
        <f t="shared" si="20"/>
        <v>NI</v>
      </c>
      <c r="B523" s="20"/>
      <c r="C523" s="541">
        <v>21</v>
      </c>
      <c r="D523" s="542"/>
      <c r="E523" s="543" t="s">
        <v>657</v>
      </c>
      <c r="F523" s="544"/>
      <c r="G523" s="544"/>
      <c r="H523" s="544"/>
      <c r="I523" s="544"/>
      <c r="J523" s="544"/>
      <c r="K523" s="544"/>
      <c r="L523" s="544"/>
      <c r="M523" s="544"/>
      <c r="N523" s="544"/>
      <c r="O523" s="544"/>
      <c r="P523" s="544"/>
      <c r="Q523" s="544"/>
      <c r="R523" s="544"/>
      <c r="S523" s="544"/>
      <c r="T523" s="545"/>
      <c r="U523" s="221" t="s">
        <v>658</v>
      </c>
      <c r="V523" s="546" t="s">
        <v>107</v>
      </c>
      <c r="W523" s="547"/>
      <c r="X523" s="547"/>
      <c r="Y523" s="547"/>
      <c r="Z523" s="548"/>
      <c r="AA523" s="623" t="s">
        <v>108</v>
      </c>
      <c r="AB523" s="624"/>
      <c r="AC523" s="625"/>
      <c r="AD523" s="415">
        <v>3</v>
      </c>
      <c r="AE523" s="415">
        <v>0</v>
      </c>
      <c r="AF523" s="646"/>
      <c r="AG523" s="647"/>
      <c r="AH523" s="549"/>
      <c r="AI523" s="550"/>
      <c r="AJ523" s="551"/>
      <c r="AK523" s="118"/>
      <c r="AL523" s="38"/>
      <c r="AM523" s="54"/>
      <c r="AN523" s="1" t="str">
        <f t="shared" si="21"/>
        <v>■</v>
      </c>
    </row>
    <row r="524" spans="1:40" s="13" customFormat="1">
      <c r="A524" s="20" t="str">
        <f t="shared" si="20"/>
        <v>NI</v>
      </c>
      <c r="B524" s="20"/>
      <c r="C524" s="541">
        <v>22</v>
      </c>
      <c r="D524" s="542"/>
      <c r="E524" s="543" t="s">
        <v>659</v>
      </c>
      <c r="F524" s="544"/>
      <c r="G524" s="544"/>
      <c r="H524" s="544"/>
      <c r="I524" s="544"/>
      <c r="J524" s="544"/>
      <c r="K524" s="544"/>
      <c r="L524" s="544"/>
      <c r="M524" s="544"/>
      <c r="N524" s="544"/>
      <c r="O524" s="544"/>
      <c r="P524" s="544"/>
      <c r="Q524" s="544"/>
      <c r="R524" s="544"/>
      <c r="S524" s="544"/>
      <c r="T524" s="545"/>
      <c r="U524" s="221" t="s">
        <v>660</v>
      </c>
      <c r="V524" s="546" t="s">
        <v>107</v>
      </c>
      <c r="W524" s="547"/>
      <c r="X524" s="547"/>
      <c r="Y524" s="547"/>
      <c r="Z524" s="548"/>
      <c r="AA524" s="623" t="s">
        <v>108</v>
      </c>
      <c r="AB524" s="624"/>
      <c r="AC524" s="625"/>
      <c r="AD524" s="415">
        <v>3</v>
      </c>
      <c r="AE524" s="415">
        <v>0</v>
      </c>
      <c r="AF524" s="646"/>
      <c r="AG524" s="647"/>
      <c r="AH524" s="549"/>
      <c r="AI524" s="550"/>
      <c r="AJ524" s="551"/>
      <c r="AK524" s="118"/>
      <c r="AL524" s="38"/>
      <c r="AM524" s="54"/>
      <c r="AN524" s="1" t="str">
        <f t="shared" si="21"/>
        <v>■</v>
      </c>
    </row>
    <row r="525" spans="1:40" s="1" customFormat="1">
      <c r="A525" s="20" t="str">
        <f t="shared" si="20"/>
        <v>NI</v>
      </c>
      <c r="B525" s="20"/>
      <c r="C525" s="541">
        <v>23</v>
      </c>
      <c r="D525" s="542"/>
      <c r="E525" s="543" t="s">
        <v>661</v>
      </c>
      <c r="F525" s="544"/>
      <c r="G525" s="544"/>
      <c r="H525" s="544"/>
      <c r="I525" s="544"/>
      <c r="J525" s="544"/>
      <c r="K525" s="544"/>
      <c r="L525" s="544"/>
      <c r="M525" s="544"/>
      <c r="N525" s="544"/>
      <c r="O525" s="544"/>
      <c r="P525" s="544"/>
      <c r="Q525" s="544"/>
      <c r="R525" s="544"/>
      <c r="S525" s="544"/>
      <c r="T525" s="545"/>
      <c r="U525" s="221" t="s">
        <v>662</v>
      </c>
      <c r="V525" s="546" t="s">
        <v>107</v>
      </c>
      <c r="W525" s="547"/>
      <c r="X525" s="547"/>
      <c r="Y525" s="547"/>
      <c r="Z525" s="548"/>
      <c r="AA525" s="623" t="s">
        <v>108</v>
      </c>
      <c r="AB525" s="624"/>
      <c r="AC525" s="625"/>
      <c r="AD525" s="415">
        <v>3</v>
      </c>
      <c r="AE525" s="415">
        <v>0</v>
      </c>
      <c r="AF525" s="646"/>
      <c r="AG525" s="647"/>
      <c r="AH525" s="549"/>
      <c r="AI525" s="550"/>
      <c r="AJ525" s="551"/>
      <c r="AK525" s="332"/>
      <c r="AL525" s="48"/>
      <c r="AM525" s="26"/>
      <c r="AN525" s="1" t="str">
        <f t="shared" si="21"/>
        <v>■</v>
      </c>
    </row>
    <row r="526" spans="1:40" s="13" customFormat="1">
      <c r="A526" s="20" t="str">
        <f t="shared" si="20"/>
        <v>NI</v>
      </c>
      <c r="B526" s="20"/>
      <c r="C526" s="541">
        <v>24</v>
      </c>
      <c r="D526" s="542"/>
      <c r="E526" s="543" t="s">
        <v>663</v>
      </c>
      <c r="F526" s="544"/>
      <c r="G526" s="544"/>
      <c r="H526" s="544"/>
      <c r="I526" s="544"/>
      <c r="J526" s="544"/>
      <c r="K526" s="544"/>
      <c r="L526" s="544"/>
      <c r="M526" s="544"/>
      <c r="N526" s="544"/>
      <c r="O526" s="544"/>
      <c r="P526" s="544"/>
      <c r="Q526" s="544"/>
      <c r="R526" s="544"/>
      <c r="S526" s="544"/>
      <c r="T526" s="545"/>
      <c r="U526" s="221" t="s">
        <v>664</v>
      </c>
      <c r="V526" s="546" t="s">
        <v>107</v>
      </c>
      <c r="W526" s="547"/>
      <c r="X526" s="547"/>
      <c r="Y526" s="547"/>
      <c r="Z526" s="548"/>
      <c r="AA526" s="623" t="s">
        <v>108</v>
      </c>
      <c r="AB526" s="624"/>
      <c r="AC526" s="625"/>
      <c r="AD526" s="415">
        <v>3</v>
      </c>
      <c r="AE526" s="415">
        <v>0</v>
      </c>
      <c r="AF526" s="646"/>
      <c r="AG526" s="647"/>
      <c r="AH526" s="549"/>
      <c r="AI526" s="550"/>
      <c r="AJ526" s="551"/>
      <c r="AK526" s="118"/>
      <c r="AL526" s="48"/>
      <c r="AM526" s="54"/>
      <c r="AN526" s="1" t="str">
        <f t="shared" si="21"/>
        <v>■</v>
      </c>
    </row>
    <row r="527" spans="1:40" s="13" customFormat="1">
      <c r="A527" s="20" t="str">
        <f t="shared" si="20"/>
        <v>NI</v>
      </c>
      <c r="B527" s="20"/>
      <c r="C527" s="541">
        <v>25</v>
      </c>
      <c r="D527" s="542"/>
      <c r="E527" s="543" t="s">
        <v>665</v>
      </c>
      <c r="F527" s="544"/>
      <c r="G527" s="544"/>
      <c r="H527" s="544"/>
      <c r="I527" s="544"/>
      <c r="J527" s="544"/>
      <c r="K527" s="544"/>
      <c r="L527" s="544"/>
      <c r="M527" s="544"/>
      <c r="N527" s="544"/>
      <c r="O527" s="544"/>
      <c r="P527" s="544"/>
      <c r="Q527" s="544"/>
      <c r="R527" s="544"/>
      <c r="S527" s="544"/>
      <c r="T527" s="545"/>
      <c r="U527" s="221" t="s">
        <v>666</v>
      </c>
      <c r="V527" s="546" t="s">
        <v>107</v>
      </c>
      <c r="W527" s="547"/>
      <c r="X527" s="547"/>
      <c r="Y527" s="547"/>
      <c r="Z527" s="548"/>
      <c r="AA527" s="623" t="s">
        <v>108</v>
      </c>
      <c r="AB527" s="624"/>
      <c r="AC527" s="625"/>
      <c r="AD527" s="415">
        <v>3</v>
      </c>
      <c r="AE527" s="415">
        <v>0</v>
      </c>
      <c r="AF527" s="646"/>
      <c r="AG527" s="647"/>
      <c r="AH527" s="549"/>
      <c r="AI527" s="550"/>
      <c r="AJ527" s="551"/>
      <c r="AK527" s="118"/>
      <c r="AL527" s="48"/>
      <c r="AM527" s="54"/>
      <c r="AN527" s="1" t="str">
        <f t="shared" si="21"/>
        <v>■</v>
      </c>
    </row>
    <row r="528" spans="1:40" s="1" customFormat="1">
      <c r="A528" s="20" t="str">
        <f t="shared" si="20"/>
        <v>NI</v>
      </c>
      <c r="B528" s="20"/>
      <c r="C528" s="541">
        <v>26</v>
      </c>
      <c r="D528" s="542"/>
      <c r="E528" s="543" t="s">
        <v>667</v>
      </c>
      <c r="F528" s="544"/>
      <c r="G528" s="544"/>
      <c r="H528" s="544"/>
      <c r="I528" s="544"/>
      <c r="J528" s="544"/>
      <c r="K528" s="544"/>
      <c r="L528" s="544"/>
      <c r="M528" s="544"/>
      <c r="N528" s="544"/>
      <c r="O528" s="544"/>
      <c r="P528" s="544"/>
      <c r="Q528" s="544"/>
      <c r="R528" s="544"/>
      <c r="S528" s="544"/>
      <c r="T528" s="545"/>
      <c r="U528" s="221" t="s">
        <v>668</v>
      </c>
      <c r="V528" s="546" t="s">
        <v>107</v>
      </c>
      <c r="W528" s="547"/>
      <c r="X528" s="547"/>
      <c r="Y528" s="547"/>
      <c r="Z528" s="548"/>
      <c r="AA528" s="623" t="s">
        <v>108</v>
      </c>
      <c r="AB528" s="624"/>
      <c r="AC528" s="625"/>
      <c r="AD528" s="415">
        <v>3</v>
      </c>
      <c r="AE528" s="415">
        <v>0</v>
      </c>
      <c r="AF528" s="646"/>
      <c r="AG528" s="647"/>
      <c r="AH528" s="549"/>
      <c r="AI528" s="550"/>
      <c r="AJ528" s="551"/>
      <c r="AK528" s="332"/>
      <c r="AL528" s="38"/>
      <c r="AM528" s="26"/>
      <c r="AN528" s="1" t="str">
        <f t="shared" si="21"/>
        <v>■</v>
      </c>
    </row>
    <row r="529" spans="1:40" s="1" customFormat="1">
      <c r="A529" s="20" t="str">
        <f t="shared" si="20"/>
        <v>NI</v>
      </c>
      <c r="B529" s="20"/>
      <c r="C529" s="541">
        <v>27</v>
      </c>
      <c r="D529" s="542"/>
      <c r="E529" s="543" t="s">
        <v>669</v>
      </c>
      <c r="F529" s="544"/>
      <c r="G529" s="544"/>
      <c r="H529" s="544"/>
      <c r="I529" s="544"/>
      <c r="J529" s="544"/>
      <c r="K529" s="544"/>
      <c r="L529" s="544"/>
      <c r="M529" s="544"/>
      <c r="N529" s="544"/>
      <c r="O529" s="544"/>
      <c r="P529" s="544"/>
      <c r="Q529" s="544"/>
      <c r="R529" s="544"/>
      <c r="S529" s="544"/>
      <c r="T529" s="545"/>
      <c r="U529" s="221" t="s">
        <v>670</v>
      </c>
      <c r="V529" s="546" t="s">
        <v>107</v>
      </c>
      <c r="W529" s="547"/>
      <c r="X529" s="547"/>
      <c r="Y529" s="547"/>
      <c r="Z529" s="548"/>
      <c r="AA529" s="623" t="s">
        <v>108</v>
      </c>
      <c r="AB529" s="624"/>
      <c r="AC529" s="625"/>
      <c r="AD529" s="415">
        <v>3</v>
      </c>
      <c r="AE529" s="415">
        <v>0</v>
      </c>
      <c r="AF529" s="646"/>
      <c r="AG529" s="647"/>
      <c r="AH529" s="549"/>
      <c r="AI529" s="550"/>
      <c r="AJ529" s="551"/>
      <c r="AK529" s="332"/>
      <c r="AL529" s="38"/>
      <c r="AM529" s="26"/>
      <c r="AN529" s="1" t="str">
        <f t="shared" si="21"/>
        <v>■</v>
      </c>
    </row>
    <row r="530" spans="1:40" s="1" customFormat="1">
      <c r="A530" s="20" t="str">
        <f t="shared" si="20"/>
        <v>NI</v>
      </c>
      <c r="B530" s="20"/>
      <c r="C530" s="541">
        <v>28</v>
      </c>
      <c r="D530" s="542"/>
      <c r="E530" s="543" t="s">
        <v>671</v>
      </c>
      <c r="F530" s="544"/>
      <c r="G530" s="544"/>
      <c r="H530" s="544"/>
      <c r="I530" s="544"/>
      <c r="J530" s="544"/>
      <c r="K530" s="544"/>
      <c r="L530" s="544"/>
      <c r="M530" s="544"/>
      <c r="N530" s="544"/>
      <c r="O530" s="544"/>
      <c r="P530" s="544"/>
      <c r="Q530" s="544"/>
      <c r="R530" s="544"/>
      <c r="S530" s="544"/>
      <c r="T530" s="545"/>
      <c r="U530" s="221" t="s">
        <v>672</v>
      </c>
      <c r="V530" s="546" t="s">
        <v>107</v>
      </c>
      <c r="W530" s="547"/>
      <c r="X530" s="547"/>
      <c r="Y530" s="547"/>
      <c r="Z530" s="548"/>
      <c r="AA530" s="623" t="s">
        <v>108</v>
      </c>
      <c r="AB530" s="624"/>
      <c r="AC530" s="625"/>
      <c r="AD530" s="415">
        <v>3</v>
      </c>
      <c r="AE530" s="415">
        <v>0</v>
      </c>
      <c r="AF530" s="646"/>
      <c r="AG530" s="647"/>
      <c r="AH530" s="549"/>
      <c r="AI530" s="550"/>
      <c r="AJ530" s="551"/>
      <c r="AK530" s="332"/>
      <c r="AL530" s="48"/>
      <c r="AM530" s="26"/>
      <c r="AN530" s="1" t="str">
        <f t="shared" si="21"/>
        <v>■</v>
      </c>
    </row>
    <row r="531" spans="1:40" s="13" customFormat="1">
      <c r="A531" s="20" t="str">
        <f t="shared" si="20"/>
        <v>NI</v>
      </c>
      <c r="B531" s="20"/>
      <c r="C531" s="541">
        <v>29</v>
      </c>
      <c r="D531" s="542"/>
      <c r="E531" s="543" t="s">
        <v>673</v>
      </c>
      <c r="F531" s="544"/>
      <c r="G531" s="544"/>
      <c r="H531" s="544"/>
      <c r="I531" s="544"/>
      <c r="J531" s="544"/>
      <c r="K531" s="544"/>
      <c r="L531" s="544"/>
      <c r="M531" s="544"/>
      <c r="N531" s="544"/>
      <c r="O531" s="544"/>
      <c r="P531" s="544"/>
      <c r="Q531" s="544"/>
      <c r="R531" s="544"/>
      <c r="S531" s="544"/>
      <c r="T531" s="545"/>
      <c r="U531" s="221" t="s">
        <v>674</v>
      </c>
      <c r="V531" s="546" t="s">
        <v>107</v>
      </c>
      <c r="W531" s="547"/>
      <c r="X531" s="547"/>
      <c r="Y531" s="547"/>
      <c r="Z531" s="548"/>
      <c r="AA531" s="623" t="s">
        <v>108</v>
      </c>
      <c r="AB531" s="624"/>
      <c r="AC531" s="625"/>
      <c r="AD531" s="415">
        <v>3</v>
      </c>
      <c r="AE531" s="415">
        <v>0</v>
      </c>
      <c r="AF531" s="646"/>
      <c r="AG531" s="647"/>
      <c r="AH531" s="549"/>
      <c r="AI531" s="550"/>
      <c r="AJ531" s="551"/>
      <c r="AK531" s="118"/>
      <c r="AL531" s="38"/>
      <c r="AM531" s="54"/>
      <c r="AN531" s="1" t="str">
        <f t="shared" si="21"/>
        <v>■</v>
      </c>
    </row>
    <row r="532" spans="1:40" s="13" customFormat="1">
      <c r="A532" s="20" t="str">
        <f t="shared" si="20"/>
        <v>NI</v>
      </c>
      <c r="B532" s="20"/>
      <c r="C532" s="541">
        <v>30</v>
      </c>
      <c r="D532" s="542"/>
      <c r="E532" s="543" t="s">
        <v>675</v>
      </c>
      <c r="F532" s="544"/>
      <c r="G532" s="544"/>
      <c r="H532" s="544"/>
      <c r="I532" s="544"/>
      <c r="J532" s="544"/>
      <c r="K532" s="544"/>
      <c r="L532" s="544"/>
      <c r="M532" s="544"/>
      <c r="N532" s="544"/>
      <c r="O532" s="544"/>
      <c r="P532" s="544"/>
      <c r="Q532" s="544"/>
      <c r="R532" s="544"/>
      <c r="S532" s="544"/>
      <c r="T532" s="545"/>
      <c r="U532" s="221" t="s">
        <v>676</v>
      </c>
      <c r="V532" s="546" t="s">
        <v>107</v>
      </c>
      <c r="W532" s="547"/>
      <c r="X532" s="547"/>
      <c r="Y532" s="547"/>
      <c r="Z532" s="548"/>
      <c r="AA532" s="623" t="s">
        <v>108</v>
      </c>
      <c r="AB532" s="624"/>
      <c r="AC532" s="625"/>
      <c r="AD532" s="415">
        <v>3</v>
      </c>
      <c r="AE532" s="415">
        <v>0</v>
      </c>
      <c r="AF532" s="646"/>
      <c r="AG532" s="647"/>
      <c r="AH532" s="549"/>
      <c r="AI532" s="550"/>
      <c r="AJ532" s="551"/>
      <c r="AK532" s="118"/>
      <c r="AL532" s="38"/>
      <c r="AM532" s="54"/>
      <c r="AN532" s="1" t="str">
        <f t="shared" si="21"/>
        <v>■</v>
      </c>
    </row>
    <row r="533" spans="1:40" s="1" customFormat="1">
      <c r="A533" s="20" t="str">
        <f t="shared" si="20"/>
        <v>NI</v>
      </c>
      <c r="B533" s="20"/>
      <c r="C533" s="541">
        <v>31</v>
      </c>
      <c r="D533" s="542"/>
      <c r="E533" s="543" t="s">
        <v>677</v>
      </c>
      <c r="F533" s="544"/>
      <c r="G533" s="544"/>
      <c r="H533" s="544"/>
      <c r="I533" s="544"/>
      <c r="J533" s="544"/>
      <c r="K533" s="544"/>
      <c r="L533" s="544"/>
      <c r="M533" s="544"/>
      <c r="N533" s="544"/>
      <c r="O533" s="544"/>
      <c r="P533" s="544"/>
      <c r="Q533" s="544"/>
      <c r="R533" s="544"/>
      <c r="S533" s="544"/>
      <c r="T533" s="545"/>
      <c r="U533" s="221" t="s">
        <v>678</v>
      </c>
      <c r="V533" s="546" t="s">
        <v>107</v>
      </c>
      <c r="W533" s="547"/>
      <c r="X533" s="547"/>
      <c r="Y533" s="547"/>
      <c r="Z533" s="548"/>
      <c r="AA533" s="623" t="s">
        <v>108</v>
      </c>
      <c r="AB533" s="624"/>
      <c r="AC533" s="625"/>
      <c r="AD533" s="415">
        <v>3</v>
      </c>
      <c r="AE533" s="415">
        <v>0</v>
      </c>
      <c r="AF533" s="646"/>
      <c r="AG533" s="647"/>
      <c r="AH533" s="549"/>
      <c r="AI533" s="550"/>
      <c r="AJ533" s="551"/>
      <c r="AK533" s="332"/>
      <c r="AL533" s="48"/>
      <c r="AM533" s="26"/>
      <c r="AN533" s="1" t="str">
        <f t="shared" si="21"/>
        <v>■</v>
      </c>
    </row>
    <row r="534" spans="1:40" s="13" customFormat="1">
      <c r="A534" s="20" t="str">
        <f t="shared" si="20"/>
        <v>NI</v>
      </c>
      <c r="B534" s="20"/>
      <c r="C534" s="541">
        <v>32</v>
      </c>
      <c r="D534" s="542"/>
      <c r="E534" s="543" t="s">
        <v>679</v>
      </c>
      <c r="F534" s="544"/>
      <c r="G534" s="544"/>
      <c r="H534" s="544"/>
      <c r="I534" s="544"/>
      <c r="J534" s="544"/>
      <c r="K534" s="544"/>
      <c r="L534" s="544"/>
      <c r="M534" s="544"/>
      <c r="N534" s="544"/>
      <c r="O534" s="544"/>
      <c r="P534" s="544"/>
      <c r="Q534" s="544"/>
      <c r="R534" s="544"/>
      <c r="S534" s="544"/>
      <c r="T534" s="545"/>
      <c r="U534" s="221" t="s">
        <v>680</v>
      </c>
      <c r="V534" s="546" t="s">
        <v>107</v>
      </c>
      <c r="W534" s="547"/>
      <c r="X534" s="547"/>
      <c r="Y534" s="547"/>
      <c r="Z534" s="548"/>
      <c r="AA534" s="623" t="s">
        <v>108</v>
      </c>
      <c r="AB534" s="624"/>
      <c r="AC534" s="625"/>
      <c r="AD534" s="415">
        <v>3</v>
      </c>
      <c r="AE534" s="415">
        <v>0</v>
      </c>
      <c r="AF534" s="646"/>
      <c r="AG534" s="647"/>
      <c r="AH534" s="549"/>
      <c r="AI534" s="550"/>
      <c r="AJ534" s="551"/>
      <c r="AK534" s="118"/>
      <c r="AL534" s="48"/>
      <c r="AM534" s="54"/>
      <c r="AN534" s="1" t="str">
        <f t="shared" si="21"/>
        <v>■</v>
      </c>
    </row>
    <row r="535" spans="1:40" s="13" customFormat="1">
      <c r="A535" s="20" t="str">
        <f t="shared" si="20"/>
        <v>NI</v>
      </c>
      <c r="B535" s="20"/>
      <c r="C535" s="541">
        <v>33</v>
      </c>
      <c r="D535" s="542"/>
      <c r="E535" s="543" t="s">
        <v>681</v>
      </c>
      <c r="F535" s="544"/>
      <c r="G535" s="544"/>
      <c r="H535" s="544"/>
      <c r="I535" s="544"/>
      <c r="J535" s="544"/>
      <c r="K535" s="544"/>
      <c r="L535" s="544"/>
      <c r="M535" s="544"/>
      <c r="N535" s="544"/>
      <c r="O535" s="544"/>
      <c r="P535" s="544"/>
      <c r="Q535" s="544"/>
      <c r="R535" s="544"/>
      <c r="S535" s="544"/>
      <c r="T535" s="545"/>
      <c r="U535" s="221" t="s">
        <v>682</v>
      </c>
      <c r="V535" s="546" t="s">
        <v>107</v>
      </c>
      <c r="W535" s="547"/>
      <c r="X535" s="547"/>
      <c r="Y535" s="547"/>
      <c r="Z535" s="548"/>
      <c r="AA535" s="623" t="s">
        <v>108</v>
      </c>
      <c r="AB535" s="624"/>
      <c r="AC535" s="625"/>
      <c r="AD535" s="415">
        <v>3</v>
      </c>
      <c r="AE535" s="415">
        <v>0</v>
      </c>
      <c r="AF535" s="646"/>
      <c r="AG535" s="647"/>
      <c r="AH535" s="549"/>
      <c r="AI535" s="550"/>
      <c r="AJ535" s="551"/>
      <c r="AK535" s="118"/>
      <c r="AL535" s="48"/>
      <c r="AM535" s="54"/>
      <c r="AN535" s="1" t="str">
        <f t="shared" si="21"/>
        <v>■</v>
      </c>
    </row>
    <row r="536" spans="1:40" s="1" customFormat="1">
      <c r="A536" s="20" t="str">
        <f t="shared" si="20"/>
        <v>NI</v>
      </c>
      <c r="B536" s="20"/>
      <c r="C536" s="541">
        <v>34</v>
      </c>
      <c r="D536" s="542"/>
      <c r="E536" s="543" t="s">
        <v>683</v>
      </c>
      <c r="F536" s="544"/>
      <c r="G536" s="544"/>
      <c r="H536" s="544"/>
      <c r="I536" s="544"/>
      <c r="J536" s="544"/>
      <c r="K536" s="544"/>
      <c r="L536" s="544"/>
      <c r="M536" s="544"/>
      <c r="N536" s="544"/>
      <c r="O536" s="544"/>
      <c r="P536" s="544"/>
      <c r="Q536" s="544"/>
      <c r="R536" s="544"/>
      <c r="S536" s="544"/>
      <c r="T536" s="545"/>
      <c r="U536" s="221" t="s">
        <v>684</v>
      </c>
      <c r="V536" s="546" t="s">
        <v>107</v>
      </c>
      <c r="W536" s="547"/>
      <c r="X536" s="547"/>
      <c r="Y536" s="547"/>
      <c r="Z536" s="548"/>
      <c r="AA536" s="623" t="s">
        <v>108</v>
      </c>
      <c r="AB536" s="624"/>
      <c r="AC536" s="625"/>
      <c r="AD536" s="415">
        <v>3</v>
      </c>
      <c r="AE536" s="415">
        <v>0</v>
      </c>
      <c r="AF536" s="646"/>
      <c r="AG536" s="647"/>
      <c r="AH536" s="549"/>
      <c r="AI536" s="550"/>
      <c r="AJ536" s="551"/>
      <c r="AK536" s="332"/>
      <c r="AL536" s="48"/>
      <c r="AM536" s="26"/>
      <c r="AN536" s="1" t="str">
        <f t="shared" si="21"/>
        <v>■</v>
      </c>
    </row>
    <row r="537" spans="1:40" s="1" customFormat="1">
      <c r="A537" s="20" t="str">
        <f t="shared" si="20"/>
        <v>NI</v>
      </c>
      <c r="B537" s="20"/>
      <c r="C537" s="541">
        <v>35</v>
      </c>
      <c r="D537" s="542"/>
      <c r="E537" s="543" t="s">
        <v>685</v>
      </c>
      <c r="F537" s="544"/>
      <c r="G537" s="544"/>
      <c r="H537" s="544"/>
      <c r="I537" s="544"/>
      <c r="J537" s="544"/>
      <c r="K537" s="544"/>
      <c r="L537" s="544"/>
      <c r="M537" s="544"/>
      <c r="N537" s="544"/>
      <c r="O537" s="544"/>
      <c r="P537" s="544"/>
      <c r="Q537" s="544"/>
      <c r="R537" s="544"/>
      <c r="S537" s="544"/>
      <c r="T537" s="545"/>
      <c r="U537" s="221" t="s">
        <v>686</v>
      </c>
      <c r="V537" s="546" t="s">
        <v>107</v>
      </c>
      <c r="W537" s="547"/>
      <c r="X537" s="547"/>
      <c r="Y537" s="547"/>
      <c r="Z537" s="548"/>
      <c r="AA537" s="623" t="s">
        <v>108</v>
      </c>
      <c r="AB537" s="624"/>
      <c r="AC537" s="625"/>
      <c r="AD537" s="415">
        <v>3</v>
      </c>
      <c r="AE537" s="415">
        <v>0</v>
      </c>
      <c r="AF537" s="646"/>
      <c r="AG537" s="647"/>
      <c r="AH537" s="549"/>
      <c r="AI537" s="550"/>
      <c r="AJ537" s="551"/>
      <c r="AK537" s="332"/>
      <c r="AL537" s="48"/>
      <c r="AM537" s="26"/>
      <c r="AN537" s="1" t="str">
        <f t="shared" si="21"/>
        <v>■</v>
      </c>
    </row>
    <row r="538" spans="1:40" s="1" customFormat="1">
      <c r="A538" s="20" t="str">
        <f t="shared" si="20"/>
        <v>NI</v>
      </c>
      <c r="B538" s="20"/>
      <c r="C538" s="541">
        <v>36</v>
      </c>
      <c r="D538" s="542"/>
      <c r="E538" s="543" t="s">
        <v>687</v>
      </c>
      <c r="F538" s="544"/>
      <c r="G538" s="544"/>
      <c r="H538" s="544"/>
      <c r="I538" s="544"/>
      <c r="J538" s="544"/>
      <c r="K538" s="544"/>
      <c r="L538" s="544"/>
      <c r="M538" s="544"/>
      <c r="N538" s="544"/>
      <c r="O538" s="544"/>
      <c r="P538" s="544"/>
      <c r="Q538" s="544"/>
      <c r="R538" s="544"/>
      <c r="S538" s="544"/>
      <c r="T538" s="545"/>
      <c r="U538" s="221" t="s">
        <v>688</v>
      </c>
      <c r="V538" s="546" t="s">
        <v>107</v>
      </c>
      <c r="W538" s="547"/>
      <c r="X538" s="547"/>
      <c r="Y538" s="547"/>
      <c r="Z538" s="548"/>
      <c r="AA538" s="623" t="s">
        <v>108</v>
      </c>
      <c r="AB538" s="624"/>
      <c r="AC538" s="625"/>
      <c r="AD538" s="415">
        <v>3</v>
      </c>
      <c r="AE538" s="415">
        <v>0</v>
      </c>
      <c r="AF538" s="646"/>
      <c r="AG538" s="647"/>
      <c r="AH538" s="549"/>
      <c r="AI538" s="550"/>
      <c r="AJ538" s="551"/>
      <c r="AK538" s="332"/>
      <c r="AL538" s="29"/>
      <c r="AM538" s="26"/>
      <c r="AN538" s="1" t="str">
        <f t="shared" si="21"/>
        <v>■</v>
      </c>
    </row>
    <row r="539" spans="1:40" s="1" customFormat="1">
      <c r="A539" s="20" t="str">
        <f t="shared" si="20"/>
        <v>NI</v>
      </c>
      <c r="B539" s="20"/>
      <c r="C539" s="541">
        <v>37</v>
      </c>
      <c r="D539" s="542"/>
      <c r="E539" s="543" t="s">
        <v>409</v>
      </c>
      <c r="F539" s="544"/>
      <c r="G539" s="544"/>
      <c r="H539" s="544"/>
      <c r="I539" s="544"/>
      <c r="J539" s="544"/>
      <c r="K539" s="544"/>
      <c r="L539" s="544"/>
      <c r="M539" s="544"/>
      <c r="N539" s="544"/>
      <c r="O539" s="544"/>
      <c r="P539" s="544"/>
      <c r="Q539" s="544"/>
      <c r="R539" s="544"/>
      <c r="S539" s="544"/>
      <c r="T539" s="545"/>
      <c r="U539" s="221" t="s">
        <v>453</v>
      </c>
      <c r="V539" s="546" t="s">
        <v>107</v>
      </c>
      <c r="W539" s="547"/>
      <c r="X539" s="547"/>
      <c r="Y539" s="547"/>
      <c r="Z539" s="548"/>
      <c r="AA539" s="623" t="s">
        <v>102</v>
      </c>
      <c r="AB539" s="624"/>
      <c r="AC539" s="625"/>
      <c r="AD539" s="415">
        <v>6</v>
      </c>
      <c r="AE539" s="415" t="s">
        <v>103</v>
      </c>
      <c r="AF539" s="646"/>
      <c r="AG539" s="647"/>
      <c r="AH539" s="549"/>
      <c r="AI539" s="550"/>
      <c r="AJ539" s="551"/>
      <c r="AK539" s="332"/>
      <c r="AL539" s="48"/>
      <c r="AM539" s="26"/>
      <c r="AN539" s="1" t="str">
        <f t="shared" si="21"/>
        <v>■</v>
      </c>
    </row>
    <row r="540" spans="1:40" s="1" customFormat="1">
      <c r="A540" s="20" t="str">
        <f t="shared" si="20"/>
        <v>NI</v>
      </c>
      <c r="B540" s="20"/>
      <c r="C540" s="541">
        <v>38</v>
      </c>
      <c r="D540" s="542"/>
      <c r="E540" s="543" t="s">
        <v>411</v>
      </c>
      <c r="F540" s="544"/>
      <c r="G540" s="544"/>
      <c r="H540" s="544"/>
      <c r="I540" s="544"/>
      <c r="J540" s="544"/>
      <c r="K540" s="544"/>
      <c r="L540" s="544"/>
      <c r="M540" s="544"/>
      <c r="N540" s="544"/>
      <c r="O540" s="544"/>
      <c r="P540" s="544"/>
      <c r="Q540" s="544"/>
      <c r="R540" s="544"/>
      <c r="S540" s="544"/>
      <c r="T540" s="545"/>
      <c r="U540" s="221" t="s">
        <v>516</v>
      </c>
      <c r="V540" s="546" t="s">
        <v>107</v>
      </c>
      <c r="W540" s="547"/>
      <c r="X540" s="547"/>
      <c r="Y540" s="547"/>
      <c r="Z540" s="548"/>
      <c r="AA540" s="623" t="s">
        <v>102</v>
      </c>
      <c r="AB540" s="624"/>
      <c r="AC540" s="625"/>
      <c r="AD540" s="415">
        <v>6</v>
      </c>
      <c r="AE540" s="415" t="s">
        <v>103</v>
      </c>
      <c r="AF540" s="646"/>
      <c r="AG540" s="647"/>
      <c r="AH540" s="549"/>
      <c r="AI540" s="550"/>
      <c r="AJ540" s="551"/>
      <c r="AK540" s="332"/>
      <c r="AL540" s="48"/>
      <c r="AM540" s="26"/>
      <c r="AN540" s="1" t="str">
        <f t="shared" si="21"/>
        <v>■</v>
      </c>
    </row>
    <row r="541" spans="1:40" ht="13.4" customHeight="1">
      <c r="A541" s="20" t="str">
        <f t="shared" si="20"/>
        <v>NI</v>
      </c>
      <c r="B541" s="25"/>
      <c r="N541" s="50"/>
      <c r="V541" s="238"/>
      <c r="W541" s="238"/>
      <c r="X541" s="238"/>
      <c r="Y541" s="238"/>
      <c r="Z541" s="238"/>
      <c r="AA541" s="629"/>
      <c r="AB541" s="629"/>
      <c r="AC541" s="629"/>
      <c r="AF541" s="238"/>
      <c r="AG541" s="238"/>
      <c r="AH541" s="238"/>
      <c r="AI541" s="238"/>
      <c r="AJ541" s="238"/>
      <c r="AK541" s="55"/>
      <c r="AL541" s="48"/>
      <c r="AM541" s="16"/>
    </row>
    <row r="542" spans="1:40" s="1" customFormat="1" ht="13.4" customHeight="1">
      <c r="A542" s="20" t="str">
        <f t="shared" si="20"/>
        <v>SJ</v>
      </c>
      <c r="B542" s="20"/>
      <c r="C542" s="52" t="s">
        <v>380</v>
      </c>
      <c r="D542" s="53"/>
      <c r="E542" s="26"/>
      <c r="F542" s="26"/>
      <c r="G542" s="26"/>
      <c r="H542" s="26"/>
      <c r="I542" s="26"/>
      <c r="J542" s="26" t="s">
        <v>734</v>
      </c>
      <c r="K542" s="71"/>
      <c r="L542" s="26"/>
      <c r="M542" s="71"/>
      <c r="N542" s="26"/>
      <c r="O542" s="26"/>
      <c r="P542" s="26"/>
      <c r="Q542" s="26"/>
      <c r="R542" s="26"/>
      <c r="S542" s="26"/>
      <c r="T542" s="26"/>
      <c r="U542" s="26" t="s">
        <v>1337</v>
      </c>
      <c r="V542" s="122"/>
      <c r="W542" s="122"/>
      <c r="X542" s="122"/>
      <c r="Y542" s="122"/>
      <c r="Z542" s="122"/>
      <c r="AA542" s="630"/>
      <c r="AB542" s="630"/>
      <c r="AC542" s="630"/>
      <c r="AD542" s="122"/>
      <c r="AE542" s="122"/>
      <c r="AF542" s="122"/>
      <c r="AG542" s="122"/>
      <c r="AH542" s="122"/>
      <c r="AI542" s="122"/>
      <c r="AJ542" s="122"/>
      <c r="AK542" s="26"/>
      <c r="AL542" s="48"/>
      <c r="AM542" s="26"/>
    </row>
    <row r="543" spans="1:40" s="1" customFormat="1" ht="13.5" customHeight="1">
      <c r="A543" s="20" t="str">
        <f t="shared" si="20"/>
        <v>SJ</v>
      </c>
      <c r="B543" s="20"/>
      <c r="C543" s="583" t="s">
        <v>73</v>
      </c>
      <c r="D543" s="573"/>
      <c r="E543" s="583" t="s">
        <v>94</v>
      </c>
      <c r="F543" s="583"/>
      <c r="G543" s="583"/>
      <c r="H543" s="583"/>
      <c r="I543" s="583"/>
      <c r="J543" s="583"/>
      <c r="K543" s="583"/>
      <c r="L543" s="583"/>
      <c r="M543" s="583"/>
      <c r="N543" s="583"/>
      <c r="O543" s="583"/>
      <c r="P543" s="583"/>
      <c r="Q543" s="583"/>
      <c r="R543" s="583"/>
      <c r="S543" s="583"/>
      <c r="T543" s="583"/>
      <c r="U543" s="226" t="s">
        <v>383</v>
      </c>
      <c r="V543" s="572" t="s">
        <v>138</v>
      </c>
      <c r="W543" s="572"/>
      <c r="X543" s="572"/>
      <c r="Y543" s="572"/>
      <c r="Z543" s="572"/>
      <c r="AA543" s="652" t="s">
        <v>959</v>
      </c>
      <c r="AB543" s="653"/>
      <c r="AC543" s="654"/>
      <c r="AD543" s="572" t="s">
        <v>97</v>
      </c>
      <c r="AE543" s="572"/>
      <c r="AF543" s="572" t="s">
        <v>98</v>
      </c>
      <c r="AG543" s="572"/>
      <c r="AH543" s="583" t="s">
        <v>75</v>
      </c>
      <c r="AI543" s="583"/>
      <c r="AJ543" s="583"/>
      <c r="AK543" s="581" t="s">
        <v>159</v>
      </c>
      <c r="AL543" s="48"/>
      <c r="AM543" s="26"/>
    </row>
    <row r="544" spans="1:40" s="1" customFormat="1" ht="13.4" customHeight="1">
      <c r="A544" s="20" t="str">
        <f t="shared" si="20"/>
        <v>SJ</v>
      </c>
      <c r="B544" s="20"/>
      <c r="C544" s="573"/>
      <c r="D544" s="573"/>
      <c r="E544" s="583"/>
      <c r="F544" s="583"/>
      <c r="G544" s="583"/>
      <c r="H544" s="583"/>
      <c r="I544" s="583"/>
      <c r="J544" s="583"/>
      <c r="K544" s="583"/>
      <c r="L544" s="583"/>
      <c r="M544" s="583"/>
      <c r="N544" s="583"/>
      <c r="O544" s="583"/>
      <c r="P544" s="583"/>
      <c r="Q544" s="583"/>
      <c r="R544" s="583"/>
      <c r="S544" s="583"/>
      <c r="T544" s="583"/>
      <c r="U544" s="227"/>
      <c r="V544" s="572"/>
      <c r="W544" s="572"/>
      <c r="X544" s="572"/>
      <c r="Y544" s="572"/>
      <c r="Z544" s="572"/>
      <c r="AA544" s="655"/>
      <c r="AB544" s="656"/>
      <c r="AC544" s="657"/>
      <c r="AD544" s="572"/>
      <c r="AE544" s="572"/>
      <c r="AF544" s="572"/>
      <c r="AG544" s="572"/>
      <c r="AH544" s="583"/>
      <c r="AI544" s="583"/>
      <c r="AJ544" s="583"/>
      <c r="AK544" s="582"/>
      <c r="AL544" s="38"/>
      <c r="AM544" s="26"/>
    </row>
    <row r="545" spans="1:40" s="1" customFormat="1" ht="13.4" customHeight="1">
      <c r="A545" s="20" t="str">
        <f t="shared" si="20"/>
        <v>SJ</v>
      </c>
      <c r="B545" s="20"/>
      <c r="C545" s="541">
        <v>1</v>
      </c>
      <c r="D545" s="542"/>
      <c r="E545" s="563" t="s">
        <v>440</v>
      </c>
      <c r="F545" s="564"/>
      <c r="G545" s="564"/>
      <c r="H545" s="564"/>
      <c r="I545" s="564"/>
      <c r="J545" s="564"/>
      <c r="K545" s="564"/>
      <c r="L545" s="564"/>
      <c r="M545" s="564"/>
      <c r="N545" s="564"/>
      <c r="O545" s="564"/>
      <c r="P545" s="564"/>
      <c r="Q545" s="564"/>
      <c r="R545" s="564"/>
      <c r="S545" s="564"/>
      <c r="T545" s="565"/>
      <c r="U545" s="219" t="s">
        <v>441</v>
      </c>
      <c r="V545" s="546" t="s">
        <v>101</v>
      </c>
      <c r="W545" s="547"/>
      <c r="X545" s="547"/>
      <c r="Y545" s="547"/>
      <c r="Z545" s="548"/>
      <c r="AA545" s="623" t="s">
        <v>102</v>
      </c>
      <c r="AB545" s="624"/>
      <c r="AC545" s="625"/>
      <c r="AD545" s="415">
        <v>10</v>
      </c>
      <c r="AE545" s="415" t="s">
        <v>103</v>
      </c>
      <c r="AF545" s="646"/>
      <c r="AG545" s="647"/>
      <c r="AH545" s="549"/>
      <c r="AI545" s="550"/>
      <c r="AJ545" s="551"/>
      <c r="AK545" s="265"/>
      <c r="AL545" s="38"/>
      <c r="AM545" s="26"/>
      <c r="AN545" s="1" t="str">
        <f>$J$21</f>
        <v>■</v>
      </c>
    </row>
    <row r="546" spans="1:40" s="1" customFormat="1" ht="13.4" customHeight="1">
      <c r="A546" s="20" t="str">
        <f t="shared" si="20"/>
        <v>SJ</v>
      </c>
      <c r="B546" s="20"/>
      <c r="C546" s="541">
        <v>2</v>
      </c>
      <c r="D546" s="542"/>
      <c r="E546" s="563" t="s">
        <v>442</v>
      </c>
      <c r="F546" s="564"/>
      <c r="G546" s="564"/>
      <c r="H546" s="564"/>
      <c r="I546" s="564"/>
      <c r="J546" s="564"/>
      <c r="K546" s="564"/>
      <c r="L546" s="564"/>
      <c r="M546" s="564"/>
      <c r="N546" s="564"/>
      <c r="O546" s="564"/>
      <c r="P546" s="564"/>
      <c r="Q546" s="564"/>
      <c r="R546" s="564"/>
      <c r="S546" s="564"/>
      <c r="T546" s="565"/>
      <c r="U546" s="219" t="s">
        <v>443</v>
      </c>
      <c r="V546" s="546" t="s">
        <v>101</v>
      </c>
      <c r="W546" s="547"/>
      <c r="X546" s="547"/>
      <c r="Y546" s="547"/>
      <c r="Z546" s="548"/>
      <c r="AA546" s="623" t="s">
        <v>102</v>
      </c>
      <c r="AB546" s="624"/>
      <c r="AC546" s="625"/>
      <c r="AD546" s="415">
        <v>51</v>
      </c>
      <c r="AE546" s="415" t="s">
        <v>103</v>
      </c>
      <c r="AF546" s="646"/>
      <c r="AG546" s="647"/>
      <c r="AH546" s="549"/>
      <c r="AI546" s="550"/>
      <c r="AJ546" s="551"/>
      <c r="AK546" s="265"/>
      <c r="AL546" s="48"/>
      <c r="AM546" s="26"/>
      <c r="AN546" s="1" t="str">
        <f t="shared" ref="AN546:AN553" si="22">$J$21</f>
        <v>■</v>
      </c>
    </row>
    <row r="547" spans="1:40" s="13" customFormat="1" ht="13.4" customHeight="1">
      <c r="A547" s="20" t="str">
        <f t="shared" si="20"/>
        <v>SJ</v>
      </c>
      <c r="B547" s="20"/>
      <c r="C547" s="552">
        <v>3</v>
      </c>
      <c r="D547" s="553"/>
      <c r="E547" s="566" t="s">
        <v>106</v>
      </c>
      <c r="F547" s="567"/>
      <c r="G547" s="567"/>
      <c r="H547" s="567"/>
      <c r="I547" s="567"/>
      <c r="J547" s="567"/>
      <c r="K547" s="567"/>
      <c r="L547" s="567"/>
      <c r="M547" s="567"/>
      <c r="N547" s="567"/>
      <c r="O547" s="567"/>
      <c r="P547" s="567"/>
      <c r="Q547" s="567"/>
      <c r="R547" s="567"/>
      <c r="S547" s="567"/>
      <c r="T547" s="568"/>
      <c r="U547" s="230" t="s">
        <v>444</v>
      </c>
      <c r="V547" s="557" t="s">
        <v>107</v>
      </c>
      <c r="W547" s="558"/>
      <c r="X547" s="558"/>
      <c r="Y547" s="558"/>
      <c r="Z547" s="559"/>
      <c r="AA547" s="626" t="s">
        <v>108</v>
      </c>
      <c r="AB547" s="627"/>
      <c r="AC547" s="628"/>
      <c r="AD547" s="419">
        <v>1</v>
      </c>
      <c r="AE547" s="419">
        <v>0</v>
      </c>
      <c r="AF547" s="648" t="s">
        <v>109</v>
      </c>
      <c r="AG547" s="649"/>
      <c r="AH547" s="560"/>
      <c r="AI547" s="561"/>
      <c r="AJ547" s="562"/>
      <c r="AK547" s="346" t="s">
        <v>391</v>
      </c>
      <c r="AL547" s="48"/>
      <c r="AM547" s="54"/>
      <c r="AN547" s="1" t="str">
        <f t="shared" si="22"/>
        <v>■</v>
      </c>
    </row>
    <row r="548" spans="1:40" s="13" customFormat="1" ht="13.4" customHeight="1">
      <c r="A548" s="20" t="str">
        <f t="shared" si="20"/>
        <v>SJ</v>
      </c>
      <c r="B548" s="20"/>
      <c r="C548" s="541">
        <v>4</v>
      </c>
      <c r="D548" s="542"/>
      <c r="E548" s="563" t="s">
        <v>110</v>
      </c>
      <c r="F548" s="564"/>
      <c r="G548" s="564"/>
      <c r="H548" s="564"/>
      <c r="I548" s="564"/>
      <c r="J548" s="564"/>
      <c r="K548" s="564"/>
      <c r="L548" s="564"/>
      <c r="M548" s="564"/>
      <c r="N548" s="564"/>
      <c r="O548" s="564"/>
      <c r="P548" s="564"/>
      <c r="Q548" s="564"/>
      <c r="R548" s="564"/>
      <c r="S548" s="564"/>
      <c r="T548" s="565"/>
      <c r="U548" s="229" t="s">
        <v>445</v>
      </c>
      <c r="V548" s="546" t="s">
        <v>107</v>
      </c>
      <c r="W548" s="547"/>
      <c r="X548" s="547"/>
      <c r="Y548" s="547"/>
      <c r="Z548" s="548"/>
      <c r="AA548" s="623" t="s">
        <v>108</v>
      </c>
      <c r="AB548" s="624"/>
      <c r="AC548" s="625"/>
      <c r="AD548" s="415">
        <v>1</v>
      </c>
      <c r="AE548" s="415">
        <v>0</v>
      </c>
      <c r="AF548" s="646"/>
      <c r="AG548" s="647"/>
      <c r="AH548" s="549"/>
      <c r="AI548" s="550"/>
      <c r="AJ548" s="551"/>
      <c r="AK548" s="265"/>
      <c r="AL548" s="48"/>
      <c r="AM548" s="54"/>
      <c r="AN548" s="1" t="str">
        <f t="shared" si="22"/>
        <v>■</v>
      </c>
    </row>
    <row r="549" spans="1:40" s="1" customFormat="1">
      <c r="A549" s="20" t="str">
        <f t="shared" si="20"/>
        <v>SJ</v>
      </c>
      <c r="B549" s="20"/>
      <c r="C549" s="541">
        <v>5</v>
      </c>
      <c r="D549" s="542"/>
      <c r="E549" s="543" t="s">
        <v>80</v>
      </c>
      <c r="F549" s="544"/>
      <c r="G549" s="544"/>
      <c r="H549" s="544"/>
      <c r="I549" s="544"/>
      <c r="J549" s="544"/>
      <c r="K549" s="544"/>
      <c r="L549" s="544"/>
      <c r="M549" s="544"/>
      <c r="N549" s="544"/>
      <c r="O549" s="544"/>
      <c r="P549" s="544"/>
      <c r="Q549" s="544"/>
      <c r="R549" s="544"/>
      <c r="S549" s="544"/>
      <c r="T549" s="545"/>
      <c r="U549" s="229" t="s">
        <v>446</v>
      </c>
      <c r="V549" s="546" t="s">
        <v>101</v>
      </c>
      <c r="W549" s="547"/>
      <c r="X549" s="547"/>
      <c r="Y549" s="547"/>
      <c r="Z549" s="548"/>
      <c r="AA549" s="623" t="s">
        <v>102</v>
      </c>
      <c r="AB549" s="624"/>
      <c r="AC549" s="625"/>
      <c r="AD549" s="415">
        <v>2</v>
      </c>
      <c r="AE549" s="415" t="s">
        <v>103</v>
      </c>
      <c r="AF549" s="646"/>
      <c r="AG549" s="647"/>
      <c r="AH549" s="549"/>
      <c r="AI549" s="550"/>
      <c r="AJ549" s="551"/>
      <c r="AK549" s="265"/>
      <c r="AL549" s="38"/>
      <c r="AM549" s="26"/>
      <c r="AN549" s="1" t="str">
        <f t="shared" si="22"/>
        <v>■</v>
      </c>
    </row>
    <row r="550" spans="1:40" s="1" customFormat="1">
      <c r="A550" s="20" t="str">
        <f t="shared" si="20"/>
        <v>SJ</v>
      </c>
      <c r="B550" s="20"/>
      <c r="C550" s="541">
        <v>6</v>
      </c>
      <c r="D550" s="542"/>
      <c r="E550" s="543" t="s">
        <v>736</v>
      </c>
      <c r="F550" s="544"/>
      <c r="G550" s="544"/>
      <c r="H550" s="544"/>
      <c r="I550" s="544"/>
      <c r="J550" s="544"/>
      <c r="K550" s="544"/>
      <c r="L550" s="544"/>
      <c r="M550" s="544"/>
      <c r="N550" s="544"/>
      <c r="O550" s="544"/>
      <c r="P550" s="544"/>
      <c r="Q550" s="544"/>
      <c r="R550" s="544"/>
      <c r="S550" s="544"/>
      <c r="T550" s="545"/>
      <c r="U550" s="229" t="s">
        <v>737</v>
      </c>
      <c r="V550" s="546" t="s">
        <v>717</v>
      </c>
      <c r="W550" s="547"/>
      <c r="X550" s="547"/>
      <c r="Y550" s="547"/>
      <c r="Z550" s="548"/>
      <c r="AA550" s="623" t="s">
        <v>1120</v>
      </c>
      <c r="AB550" s="624"/>
      <c r="AC550" s="625"/>
      <c r="AD550" s="415">
        <v>2</v>
      </c>
      <c r="AE550" s="415" t="s">
        <v>103</v>
      </c>
      <c r="AF550" s="646"/>
      <c r="AG550" s="647"/>
      <c r="AH550" s="549"/>
      <c r="AI550" s="550"/>
      <c r="AJ550" s="551"/>
      <c r="AK550" s="265"/>
      <c r="AL550" s="38"/>
      <c r="AM550" s="26"/>
      <c r="AN550" s="1" t="str">
        <f t="shared" si="22"/>
        <v>■</v>
      </c>
    </row>
    <row r="551" spans="1:40" s="1" customFormat="1">
      <c r="A551" s="20" t="str">
        <f t="shared" si="20"/>
        <v>SJ</v>
      </c>
      <c r="B551" s="20"/>
      <c r="C551" s="676">
        <v>7</v>
      </c>
      <c r="D551" s="677"/>
      <c r="E551" s="678" t="s">
        <v>1338</v>
      </c>
      <c r="F551" s="679"/>
      <c r="G551" s="679"/>
      <c r="H551" s="679"/>
      <c r="I551" s="679"/>
      <c r="J551" s="679"/>
      <c r="K551" s="679"/>
      <c r="L551" s="679"/>
      <c r="M551" s="679"/>
      <c r="N551" s="679"/>
      <c r="O551" s="679"/>
      <c r="P551" s="679"/>
      <c r="Q551" s="679"/>
      <c r="R551" s="679"/>
      <c r="S551" s="679"/>
      <c r="T551" s="680"/>
      <c r="U551" s="262" t="s">
        <v>739</v>
      </c>
      <c r="V551" s="681" t="s">
        <v>398</v>
      </c>
      <c r="W551" s="682"/>
      <c r="X551" s="682"/>
      <c r="Y551" s="682"/>
      <c r="Z551" s="683"/>
      <c r="AA551" s="626" t="s">
        <v>1120</v>
      </c>
      <c r="AB551" s="627"/>
      <c r="AC551" s="628"/>
      <c r="AD551" s="417">
        <v>1200</v>
      </c>
      <c r="AE551" s="417" t="s">
        <v>103</v>
      </c>
      <c r="AF551" s="648" t="s">
        <v>109</v>
      </c>
      <c r="AG551" s="649"/>
      <c r="AH551" s="684"/>
      <c r="AI551" s="685"/>
      <c r="AJ551" s="686"/>
      <c r="AK551" s="333" t="s">
        <v>399</v>
      </c>
      <c r="AL551" s="38"/>
      <c r="AM551" s="26"/>
      <c r="AN551" s="1" t="str">
        <f t="shared" si="22"/>
        <v>■</v>
      </c>
    </row>
    <row r="552" spans="1:40" s="13" customFormat="1">
      <c r="A552" s="20" t="str">
        <f t="shared" si="20"/>
        <v>SJ</v>
      </c>
      <c r="B552" s="20"/>
      <c r="C552" s="541">
        <v>8</v>
      </c>
      <c r="D552" s="542"/>
      <c r="E552" s="670" t="s">
        <v>409</v>
      </c>
      <c r="F552" s="671"/>
      <c r="G552" s="671"/>
      <c r="H552" s="671"/>
      <c r="I552" s="671"/>
      <c r="J552" s="671"/>
      <c r="K552" s="671"/>
      <c r="L552" s="671"/>
      <c r="M552" s="671"/>
      <c r="N552" s="671"/>
      <c r="O552" s="671"/>
      <c r="P552" s="671"/>
      <c r="Q552" s="671"/>
      <c r="R552" s="671"/>
      <c r="S552" s="671"/>
      <c r="T552" s="672"/>
      <c r="U552" s="229" t="s">
        <v>453</v>
      </c>
      <c r="V552" s="673" t="s">
        <v>107</v>
      </c>
      <c r="W552" s="674"/>
      <c r="X552" s="674"/>
      <c r="Y552" s="674"/>
      <c r="Z552" s="675"/>
      <c r="AA552" s="623" t="s">
        <v>102</v>
      </c>
      <c r="AB552" s="624"/>
      <c r="AC552" s="625"/>
      <c r="AD552" s="420">
        <v>6</v>
      </c>
      <c r="AE552" s="420" t="s">
        <v>103</v>
      </c>
      <c r="AF552" s="646"/>
      <c r="AG552" s="647"/>
      <c r="AH552" s="549"/>
      <c r="AI552" s="550"/>
      <c r="AJ552" s="551"/>
      <c r="AK552" s="265"/>
      <c r="AL552" s="38"/>
      <c r="AM552" s="54"/>
      <c r="AN552" s="1" t="str">
        <f t="shared" si="22"/>
        <v>■</v>
      </c>
    </row>
    <row r="553" spans="1:40" s="13" customFormat="1">
      <c r="A553" s="20" t="str">
        <f t="shared" si="20"/>
        <v>SJ</v>
      </c>
      <c r="B553" s="20"/>
      <c r="C553" s="541">
        <v>9</v>
      </c>
      <c r="D553" s="542"/>
      <c r="E553" s="670" t="s">
        <v>411</v>
      </c>
      <c r="F553" s="671"/>
      <c r="G553" s="671"/>
      <c r="H553" s="671"/>
      <c r="I553" s="671"/>
      <c r="J553" s="671"/>
      <c r="K553" s="671"/>
      <c r="L553" s="671"/>
      <c r="M553" s="671"/>
      <c r="N553" s="671"/>
      <c r="O553" s="671"/>
      <c r="P553" s="671"/>
      <c r="Q553" s="671"/>
      <c r="R553" s="671"/>
      <c r="S553" s="671"/>
      <c r="T553" s="672"/>
      <c r="U553" s="229" t="s">
        <v>516</v>
      </c>
      <c r="V553" s="673" t="s">
        <v>107</v>
      </c>
      <c r="W553" s="674"/>
      <c r="X553" s="674"/>
      <c r="Y553" s="674"/>
      <c r="Z553" s="675"/>
      <c r="AA553" s="623" t="s">
        <v>102</v>
      </c>
      <c r="AB553" s="624"/>
      <c r="AC553" s="625"/>
      <c r="AD553" s="420">
        <v>6</v>
      </c>
      <c r="AE553" s="420" t="s">
        <v>103</v>
      </c>
      <c r="AF553" s="646"/>
      <c r="AG553" s="647"/>
      <c r="AH553" s="549"/>
      <c r="AI553" s="550"/>
      <c r="AJ553" s="551"/>
      <c r="AK553" s="265"/>
      <c r="AL553" s="38"/>
      <c r="AM553" s="54"/>
      <c r="AN553" s="1" t="str">
        <f t="shared" si="22"/>
        <v>■</v>
      </c>
    </row>
    <row r="554" spans="1:40" s="13" customFormat="1" ht="13.4" customHeight="1">
      <c r="A554" s="20" t="str">
        <f t="shared" si="20"/>
        <v>SJ</v>
      </c>
      <c r="B554" s="20"/>
      <c r="C554" s="122"/>
      <c r="D554" s="122"/>
      <c r="E554" s="215"/>
      <c r="F554" s="215"/>
      <c r="G554" s="215"/>
      <c r="H554" s="215"/>
      <c r="I554" s="215"/>
      <c r="J554" s="215"/>
      <c r="K554" s="215"/>
      <c r="L554" s="215"/>
      <c r="M554" s="215"/>
      <c r="N554" s="215"/>
      <c r="O554" s="215"/>
      <c r="P554" s="215"/>
      <c r="Q554" s="215"/>
      <c r="R554" s="215"/>
      <c r="S554" s="215"/>
      <c r="T554" s="215"/>
      <c r="U554" s="241"/>
      <c r="V554" s="75"/>
      <c r="W554" s="75"/>
      <c r="X554" s="75"/>
      <c r="Y554" s="75"/>
      <c r="Z554" s="75"/>
      <c r="AA554" s="650"/>
      <c r="AB554" s="650"/>
      <c r="AC554" s="650"/>
      <c r="AD554" s="216"/>
      <c r="AE554" s="216"/>
      <c r="AF554" s="124"/>
      <c r="AG554" s="73"/>
      <c r="AH554" s="124"/>
      <c r="AI554" s="122"/>
      <c r="AJ554" s="124"/>
      <c r="AK554" s="54"/>
      <c r="AL554" s="38"/>
      <c r="AM554" s="54"/>
    </row>
    <row r="555" spans="1:40" s="13" customFormat="1" ht="13.4" customHeight="1">
      <c r="A555" s="20" t="str">
        <f t="shared" si="20"/>
        <v>SN</v>
      </c>
      <c r="B555" s="20"/>
      <c r="C555" s="52" t="s">
        <v>380</v>
      </c>
      <c r="D555" s="122"/>
      <c r="E555" s="215"/>
      <c r="F555" s="215"/>
      <c r="G555" s="215"/>
      <c r="H555" s="215"/>
      <c r="I555" s="215"/>
      <c r="J555" s="26" t="s">
        <v>777</v>
      </c>
      <c r="K555" s="215"/>
      <c r="L555" s="215"/>
      <c r="M555" s="215"/>
      <c r="N555" s="215"/>
      <c r="O555" s="215"/>
      <c r="P555" s="215"/>
      <c r="Q555" s="215"/>
      <c r="R555" s="215"/>
      <c r="S555" s="215"/>
      <c r="T555" s="215"/>
      <c r="U555" s="26" t="s">
        <v>1339</v>
      </c>
      <c r="V555" s="75"/>
      <c r="W555" s="75"/>
      <c r="X555" s="75"/>
      <c r="Y555" s="75"/>
      <c r="Z555" s="75"/>
      <c r="AA555" s="651"/>
      <c r="AB555" s="651"/>
      <c r="AC555" s="651"/>
      <c r="AD555" s="216"/>
      <c r="AE555" s="216"/>
      <c r="AF555" s="124"/>
      <c r="AG555" s="348"/>
      <c r="AH555" s="124"/>
      <c r="AI555" s="122"/>
      <c r="AJ555" s="124"/>
      <c r="AK555" s="54"/>
      <c r="AL555" s="38"/>
      <c r="AM555" s="54"/>
    </row>
    <row r="556" spans="1:40" s="13" customFormat="1" ht="13.4" customHeight="1">
      <c r="A556" s="20" t="str">
        <f t="shared" ref="A556:A619" si="23">IF(LEN(J556)&gt;0,MID(J556,FIND("（",J556,1)+1,2),A555)</f>
        <v>SN</v>
      </c>
      <c r="B556" s="20"/>
      <c r="C556" s="583" t="s">
        <v>73</v>
      </c>
      <c r="D556" s="573"/>
      <c r="E556" s="583" t="s">
        <v>94</v>
      </c>
      <c r="F556" s="583"/>
      <c r="G556" s="583"/>
      <c r="H556" s="583"/>
      <c r="I556" s="583"/>
      <c r="J556" s="583"/>
      <c r="K556" s="583"/>
      <c r="L556" s="583"/>
      <c r="M556" s="583"/>
      <c r="N556" s="583"/>
      <c r="O556" s="583"/>
      <c r="P556" s="583"/>
      <c r="Q556" s="583"/>
      <c r="R556" s="583"/>
      <c r="S556" s="583"/>
      <c r="T556" s="583"/>
      <c r="U556" s="226" t="s">
        <v>383</v>
      </c>
      <c r="V556" s="572" t="s">
        <v>138</v>
      </c>
      <c r="W556" s="572"/>
      <c r="X556" s="572"/>
      <c r="Y556" s="572"/>
      <c r="Z556" s="572"/>
      <c r="AA556" s="652" t="s">
        <v>959</v>
      </c>
      <c r="AB556" s="653"/>
      <c r="AC556" s="654"/>
      <c r="AD556" s="572" t="s">
        <v>97</v>
      </c>
      <c r="AE556" s="572"/>
      <c r="AF556" s="572" t="s">
        <v>98</v>
      </c>
      <c r="AG556" s="572"/>
      <c r="AH556" s="583" t="s">
        <v>75</v>
      </c>
      <c r="AI556" s="583"/>
      <c r="AJ556" s="583"/>
      <c r="AK556" s="581" t="s">
        <v>159</v>
      </c>
      <c r="AL556" s="38"/>
      <c r="AM556" s="54"/>
      <c r="AN556" s="1"/>
    </row>
    <row r="557" spans="1:40" s="13" customFormat="1" ht="13.4" customHeight="1">
      <c r="A557" s="20" t="str">
        <f t="shared" si="23"/>
        <v>SN</v>
      </c>
      <c r="B557" s="20"/>
      <c r="C557" s="573"/>
      <c r="D557" s="573"/>
      <c r="E557" s="583"/>
      <c r="F557" s="583"/>
      <c r="G557" s="583"/>
      <c r="H557" s="583"/>
      <c r="I557" s="583"/>
      <c r="J557" s="583"/>
      <c r="K557" s="583"/>
      <c r="L557" s="583"/>
      <c r="M557" s="583"/>
      <c r="N557" s="583"/>
      <c r="O557" s="583"/>
      <c r="P557" s="583"/>
      <c r="Q557" s="583"/>
      <c r="R557" s="583"/>
      <c r="S557" s="583"/>
      <c r="T557" s="583"/>
      <c r="U557" s="227"/>
      <c r="V557" s="572"/>
      <c r="W557" s="572"/>
      <c r="X557" s="572"/>
      <c r="Y557" s="572"/>
      <c r="Z557" s="572"/>
      <c r="AA557" s="655"/>
      <c r="AB557" s="656"/>
      <c r="AC557" s="657"/>
      <c r="AD557" s="572"/>
      <c r="AE557" s="572"/>
      <c r="AF557" s="572"/>
      <c r="AG557" s="572"/>
      <c r="AH557" s="583"/>
      <c r="AI557" s="583"/>
      <c r="AJ557" s="583"/>
      <c r="AK557" s="582"/>
      <c r="AL557" s="38"/>
      <c r="AM557" s="54"/>
      <c r="AN557" s="1"/>
    </row>
    <row r="558" spans="1:40" s="13" customFormat="1" ht="13.4" customHeight="1">
      <c r="A558" s="20" t="str">
        <f t="shared" si="23"/>
        <v>SN</v>
      </c>
      <c r="B558" s="20"/>
      <c r="C558" s="541">
        <v>1</v>
      </c>
      <c r="D558" s="542"/>
      <c r="E558" s="563" t="s">
        <v>440</v>
      </c>
      <c r="F558" s="564"/>
      <c r="G558" s="564"/>
      <c r="H558" s="564"/>
      <c r="I558" s="564"/>
      <c r="J558" s="564"/>
      <c r="K558" s="564"/>
      <c r="L558" s="564"/>
      <c r="M558" s="564"/>
      <c r="N558" s="564"/>
      <c r="O558" s="564"/>
      <c r="P558" s="564"/>
      <c r="Q558" s="564"/>
      <c r="R558" s="564"/>
      <c r="S558" s="564"/>
      <c r="T558" s="565"/>
      <c r="U558" s="219" t="s">
        <v>441</v>
      </c>
      <c r="V558" s="546" t="s">
        <v>101</v>
      </c>
      <c r="W558" s="547"/>
      <c r="X558" s="547"/>
      <c r="Y558" s="547"/>
      <c r="Z558" s="548"/>
      <c r="AA558" s="546" t="s">
        <v>102</v>
      </c>
      <c r="AB558" s="547"/>
      <c r="AC558" s="548"/>
      <c r="AD558" s="415">
        <v>10</v>
      </c>
      <c r="AE558" s="415" t="s">
        <v>103</v>
      </c>
      <c r="AF558" s="646"/>
      <c r="AG558" s="647"/>
      <c r="AH558" s="549"/>
      <c r="AI558" s="550"/>
      <c r="AJ558" s="551"/>
      <c r="AK558" s="265"/>
      <c r="AL558" s="38"/>
      <c r="AM558" s="54"/>
      <c r="AN558" s="1" t="str">
        <f>$M$21</f>
        <v>■</v>
      </c>
    </row>
    <row r="559" spans="1:40" s="13" customFormat="1" ht="13.4" customHeight="1">
      <c r="A559" s="20" t="str">
        <f t="shared" si="23"/>
        <v>SN</v>
      </c>
      <c r="B559" s="20"/>
      <c r="C559" s="541">
        <v>2</v>
      </c>
      <c r="D559" s="542"/>
      <c r="E559" s="563" t="s">
        <v>442</v>
      </c>
      <c r="F559" s="564"/>
      <c r="G559" s="564"/>
      <c r="H559" s="564"/>
      <c r="I559" s="564"/>
      <c r="J559" s="564"/>
      <c r="K559" s="564"/>
      <c r="L559" s="564"/>
      <c r="M559" s="564"/>
      <c r="N559" s="564"/>
      <c r="O559" s="564"/>
      <c r="P559" s="564"/>
      <c r="Q559" s="564"/>
      <c r="R559" s="564"/>
      <c r="S559" s="564"/>
      <c r="T559" s="565"/>
      <c r="U559" s="219" t="s">
        <v>443</v>
      </c>
      <c r="V559" s="546" t="s">
        <v>101</v>
      </c>
      <c r="W559" s="547"/>
      <c r="X559" s="547"/>
      <c r="Y559" s="547"/>
      <c r="Z559" s="548"/>
      <c r="AA559" s="546" t="s">
        <v>102</v>
      </c>
      <c r="AB559" s="547"/>
      <c r="AC559" s="548"/>
      <c r="AD559" s="415">
        <v>51</v>
      </c>
      <c r="AE559" s="415" t="s">
        <v>103</v>
      </c>
      <c r="AF559" s="646"/>
      <c r="AG559" s="647"/>
      <c r="AH559" s="549"/>
      <c r="AI559" s="550"/>
      <c r="AJ559" s="551"/>
      <c r="AK559" s="265"/>
      <c r="AL559" s="38"/>
      <c r="AM559" s="54"/>
      <c r="AN559" s="1" t="str">
        <f t="shared" ref="AN559:AN567" si="24">$M$21</f>
        <v>■</v>
      </c>
    </row>
    <row r="560" spans="1:40" s="13" customFormat="1" ht="13.4" customHeight="1">
      <c r="A560" s="20" t="str">
        <f t="shared" si="23"/>
        <v>SN</v>
      </c>
      <c r="B560" s="20"/>
      <c r="C560" s="552">
        <v>3</v>
      </c>
      <c r="D560" s="553"/>
      <c r="E560" s="566" t="s">
        <v>106</v>
      </c>
      <c r="F560" s="567"/>
      <c r="G560" s="567"/>
      <c r="H560" s="567"/>
      <c r="I560" s="567"/>
      <c r="J560" s="567"/>
      <c r="K560" s="567"/>
      <c r="L560" s="567"/>
      <c r="M560" s="567"/>
      <c r="N560" s="567"/>
      <c r="O560" s="567"/>
      <c r="P560" s="567"/>
      <c r="Q560" s="567"/>
      <c r="R560" s="567"/>
      <c r="S560" s="567"/>
      <c r="T560" s="568"/>
      <c r="U560" s="230" t="s">
        <v>444</v>
      </c>
      <c r="V560" s="557" t="s">
        <v>107</v>
      </c>
      <c r="W560" s="558"/>
      <c r="X560" s="558"/>
      <c r="Y560" s="558"/>
      <c r="Z560" s="559"/>
      <c r="AA560" s="557" t="s">
        <v>108</v>
      </c>
      <c r="AB560" s="558"/>
      <c r="AC560" s="559"/>
      <c r="AD560" s="419">
        <v>1</v>
      </c>
      <c r="AE560" s="419">
        <v>0</v>
      </c>
      <c r="AF560" s="648" t="s">
        <v>109</v>
      </c>
      <c r="AG560" s="649"/>
      <c r="AH560" s="560"/>
      <c r="AI560" s="561"/>
      <c r="AJ560" s="562"/>
      <c r="AK560" s="350" t="s">
        <v>416</v>
      </c>
      <c r="AL560" s="38"/>
      <c r="AM560" s="54"/>
      <c r="AN560" s="1" t="str">
        <f t="shared" si="24"/>
        <v>■</v>
      </c>
    </row>
    <row r="561" spans="1:40" s="13" customFormat="1" ht="13.4" customHeight="1">
      <c r="A561" s="20" t="str">
        <f t="shared" si="23"/>
        <v>SN</v>
      </c>
      <c r="B561" s="20"/>
      <c r="C561" s="541">
        <v>4</v>
      </c>
      <c r="D561" s="542"/>
      <c r="E561" s="563" t="s">
        <v>110</v>
      </c>
      <c r="F561" s="564"/>
      <c r="G561" s="564"/>
      <c r="H561" s="564"/>
      <c r="I561" s="564"/>
      <c r="J561" s="564"/>
      <c r="K561" s="564"/>
      <c r="L561" s="564"/>
      <c r="M561" s="564"/>
      <c r="N561" s="564"/>
      <c r="O561" s="564"/>
      <c r="P561" s="564"/>
      <c r="Q561" s="564"/>
      <c r="R561" s="564"/>
      <c r="S561" s="564"/>
      <c r="T561" s="565"/>
      <c r="U561" s="229" t="s">
        <v>445</v>
      </c>
      <c r="V561" s="546" t="s">
        <v>107</v>
      </c>
      <c r="W561" s="547"/>
      <c r="X561" s="547"/>
      <c r="Y561" s="547"/>
      <c r="Z561" s="548"/>
      <c r="AA561" s="546" t="s">
        <v>108</v>
      </c>
      <c r="AB561" s="547"/>
      <c r="AC561" s="548"/>
      <c r="AD561" s="415">
        <v>1</v>
      </c>
      <c r="AE561" s="415">
        <v>0</v>
      </c>
      <c r="AF561" s="646"/>
      <c r="AG561" s="647"/>
      <c r="AH561" s="549"/>
      <c r="AI561" s="550"/>
      <c r="AJ561" s="551"/>
      <c r="AK561" s="265"/>
      <c r="AL561" s="38"/>
      <c r="AM561" s="54"/>
      <c r="AN561" s="1" t="str">
        <f t="shared" si="24"/>
        <v>■</v>
      </c>
    </row>
    <row r="562" spans="1:40" s="13" customFormat="1">
      <c r="A562" s="20" t="str">
        <f t="shared" si="23"/>
        <v>SN</v>
      </c>
      <c r="B562" s="20"/>
      <c r="C562" s="541">
        <v>5</v>
      </c>
      <c r="D562" s="542"/>
      <c r="E562" s="543" t="s">
        <v>80</v>
      </c>
      <c r="F562" s="544"/>
      <c r="G562" s="544"/>
      <c r="H562" s="544"/>
      <c r="I562" s="544"/>
      <c r="J562" s="544"/>
      <c r="K562" s="544"/>
      <c r="L562" s="544"/>
      <c r="M562" s="544"/>
      <c r="N562" s="544"/>
      <c r="O562" s="544"/>
      <c r="P562" s="544"/>
      <c r="Q562" s="544"/>
      <c r="R562" s="544"/>
      <c r="S562" s="544"/>
      <c r="T562" s="545"/>
      <c r="U562" s="229" t="s">
        <v>446</v>
      </c>
      <c r="V562" s="546" t="s">
        <v>101</v>
      </c>
      <c r="W562" s="547"/>
      <c r="X562" s="547"/>
      <c r="Y562" s="547"/>
      <c r="Z562" s="548"/>
      <c r="AA562" s="546" t="s">
        <v>102</v>
      </c>
      <c r="AB562" s="547"/>
      <c r="AC562" s="548"/>
      <c r="AD562" s="415">
        <v>2</v>
      </c>
      <c r="AE562" s="415" t="s">
        <v>103</v>
      </c>
      <c r="AF562" s="646"/>
      <c r="AG562" s="647"/>
      <c r="AH562" s="549"/>
      <c r="AI562" s="550"/>
      <c r="AJ562" s="551"/>
      <c r="AK562" s="265"/>
      <c r="AL562" s="38"/>
      <c r="AM562" s="54"/>
      <c r="AN562" s="1" t="str">
        <f t="shared" si="24"/>
        <v>■</v>
      </c>
    </row>
    <row r="563" spans="1:40" s="13" customFormat="1">
      <c r="A563" s="20" t="str">
        <f t="shared" si="23"/>
        <v>SN</v>
      </c>
      <c r="B563" s="20"/>
      <c r="C563" s="541">
        <v>6</v>
      </c>
      <c r="D563" s="542"/>
      <c r="E563" s="670" t="s">
        <v>779</v>
      </c>
      <c r="F563" s="671"/>
      <c r="G563" s="671"/>
      <c r="H563" s="671"/>
      <c r="I563" s="671"/>
      <c r="J563" s="671"/>
      <c r="K563" s="671"/>
      <c r="L563" s="671"/>
      <c r="M563" s="671"/>
      <c r="N563" s="671"/>
      <c r="O563" s="671"/>
      <c r="P563" s="671"/>
      <c r="Q563" s="671"/>
      <c r="R563" s="671"/>
      <c r="S563" s="671"/>
      <c r="T563" s="672"/>
      <c r="U563" s="229" t="s">
        <v>780</v>
      </c>
      <c r="V563" s="546" t="s">
        <v>107</v>
      </c>
      <c r="W563" s="547"/>
      <c r="X563" s="547"/>
      <c r="Y563" s="547"/>
      <c r="Z563" s="548"/>
      <c r="AA563" s="546" t="s">
        <v>108</v>
      </c>
      <c r="AB563" s="547"/>
      <c r="AC563" s="548"/>
      <c r="AD563" s="415">
        <v>1</v>
      </c>
      <c r="AE563" s="415">
        <v>0</v>
      </c>
      <c r="AF563" s="646"/>
      <c r="AG563" s="647"/>
      <c r="AH563" s="549"/>
      <c r="AI563" s="550"/>
      <c r="AJ563" s="551"/>
      <c r="AK563" s="265"/>
      <c r="AL563" s="38"/>
      <c r="AM563" s="54"/>
      <c r="AN563" s="1" t="str">
        <f t="shared" si="24"/>
        <v>■</v>
      </c>
    </row>
    <row r="564" spans="1:40" s="13" customFormat="1">
      <c r="A564" s="20" t="str">
        <f t="shared" si="23"/>
        <v>SN</v>
      </c>
      <c r="B564" s="20"/>
      <c r="C564" s="541">
        <v>7</v>
      </c>
      <c r="D564" s="542"/>
      <c r="E564" s="543" t="s">
        <v>1119</v>
      </c>
      <c r="F564" s="544"/>
      <c r="G564" s="544"/>
      <c r="H564" s="544"/>
      <c r="I564" s="544"/>
      <c r="J564" s="544"/>
      <c r="K564" s="544"/>
      <c r="L564" s="544"/>
      <c r="M564" s="544"/>
      <c r="N564" s="544"/>
      <c r="O564" s="544"/>
      <c r="P564" s="544"/>
      <c r="Q564" s="544"/>
      <c r="R564" s="544"/>
      <c r="S564" s="544"/>
      <c r="T564" s="545"/>
      <c r="U564" s="229" t="s">
        <v>782</v>
      </c>
      <c r="V564" s="546" t="s">
        <v>107</v>
      </c>
      <c r="W564" s="547"/>
      <c r="X564" s="547"/>
      <c r="Y564" s="547"/>
      <c r="Z564" s="548"/>
      <c r="AA564" s="546" t="s">
        <v>1120</v>
      </c>
      <c r="AB564" s="547"/>
      <c r="AC564" s="548"/>
      <c r="AD564" s="415">
        <v>2</v>
      </c>
      <c r="AE564" s="415" t="s">
        <v>103</v>
      </c>
      <c r="AF564" s="646"/>
      <c r="AG564" s="647"/>
      <c r="AH564" s="549"/>
      <c r="AI564" s="550"/>
      <c r="AJ564" s="551"/>
      <c r="AK564" s="265"/>
      <c r="AL564" s="38"/>
      <c r="AM564" s="54"/>
      <c r="AN564" s="1" t="str">
        <f t="shared" si="24"/>
        <v>■</v>
      </c>
    </row>
    <row r="565" spans="1:40" s="13" customFormat="1">
      <c r="A565" s="20" t="str">
        <f t="shared" si="23"/>
        <v>SN</v>
      </c>
      <c r="B565" s="20"/>
      <c r="C565" s="541">
        <v>8</v>
      </c>
      <c r="D565" s="542"/>
      <c r="E565" s="543" t="s">
        <v>540</v>
      </c>
      <c r="F565" s="544"/>
      <c r="G565" s="544"/>
      <c r="H565" s="544"/>
      <c r="I565" s="544"/>
      <c r="J565" s="544"/>
      <c r="K565" s="544"/>
      <c r="L565" s="544"/>
      <c r="M565" s="544"/>
      <c r="N565" s="544"/>
      <c r="O565" s="544"/>
      <c r="P565" s="544"/>
      <c r="Q565" s="544"/>
      <c r="R565" s="544"/>
      <c r="S565" s="544"/>
      <c r="T565" s="545"/>
      <c r="U565" s="229" t="s">
        <v>541</v>
      </c>
      <c r="V565" s="546" t="s">
        <v>107</v>
      </c>
      <c r="W565" s="547"/>
      <c r="X565" s="547"/>
      <c r="Y565" s="547"/>
      <c r="Z565" s="548"/>
      <c r="AA565" s="546" t="s">
        <v>102</v>
      </c>
      <c r="AB565" s="547"/>
      <c r="AC565" s="548"/>
      <c r="AD565" s="415">
        <v>2</v>
      </c>
      <c r="AE565" s="415" t="s">
        <v>103</v>
      </c>
      <c r="AF565" s="646"/>
      <c r="AG565" s="647"/>
      <c r="AH565" s="549"/>
      <c r="AI565" s="550"/>
      <c r="AJ565" s="551"/>
      <c r="AK565" s="265"/>
      <c r="AL565" s="38"/>
      <c r="AM565" s="54"/>
      <c r="AN565" s="1" t="str">
        <f t="shared" si="24"/>
        <v>■</v>
      </c>
    </row>
    <row r="566" spans="1:40" s="13" customFormat="1">
      <c r="A566" s="20" t="str">
        <f t="shared" si="23"/>
        <v>SN</v>
      </c>
      <c r="B566" s="20"/>
      <c r="C566" s="541">
        <v>9</v>
      </c>
      <c r="D566" s="542"/>
      <c r="E566" s="543" t="s">
        <v>906</v>
      </c>
      <c r="F566" s="544"/>
      <c r="G566" s="544"/>
      <c r="H566" s="544"/>
      <c r="I566" s="544"/>
      <c r="J566" s="544"/>
      <c r="K566" s="544"/>
      <c r="L566" s="544"/>
      <c r="M566" s="544"/>
      <c r="N566" s="544"/>
      <c r="O566" s="544"/>
      <c r="P566" s="544"/>
      <c r="Q566" s="544"/>
      <c r="R566" s="544"/>
      <c r="S566" s="544"/>
      <c r="T566" s="545"/>
      <c r="U566" s="229" t="s">
        <v>453</v>
      </c>
      <c r="V566" s="546" t="s">
        <v>107</v>
      </c>
      <c r="W566" s="547"/>
      <c r="X566" s="547"/>
      <c r="Y566" s="547"/>
      <c r="Z566" s="548"/>
      <c r="AA566" s="546" t="s">
        <v>102</v>
      </c>
      <c r="AB566" s="547"/>
      <c r="AC566" s="548"/>
      <c r="AD566" s="415">
        <v>6</v>
      </c>
      <c r="AE566" s="415" t="s">
        <v>103</v>
      </c>
      <c r="AF566" s="646"/>
      <c r="AG566" s="647"/>
      <c r="AH566" s="549"/>
      <c r="AI566" s="550"/>
      <c r="AJ566" s="551"/>
      <c r="AK566" s="265"/>
      <c r="AL566" s="38"/>
      <c r="AM566" s="54"/>
      <c r="AN566" s="1" t="str">
        <f t="shared" si="24"/>
        <v>■</v>
      </c>
    </row>
    <row r="567" spans="1:40" s="13" customFormat="1" ht="13.4" customHeight="1">
      <c r="A567" s="20" t="str">
        <f t="shared" si="23"/>
        <v>SN</v>
      </c>
      <c r="B567" s="20"/>
      <c r="C567" s="541">
        <v>10</v>
      </c>
      <c r="D567" s="542"/>
      <c r="E567" s="563" t="s">
        <v>783</v>
      </c>
      <c r="F567" s="564"/>
      <c r="G567" s="564"/>
      <c r="H567" s="564"/>
      <c r="I567" s="564"/>
      <c r="J567" s="564"/>
      <c r="K567" s="564"/>
      <c r="L567" s="564"/>
      <c r="M567" s="564"/>
      <c r="N567" s="564"/>
      <c r="O567" s="564"/>
      <c r="P567" s="564"/>
      <c r="Q567" s="564"/>
      <c r="R567" s="564"/>
      <c r="S567" s="564"/>
      <c r="T567" s="565"/>
      <c r="U567" s="229" t="s">
        <v>516</v>
      </c>
      <c r="V567" s="546" t="s">
        <v>107</v>
      </c>
      <c r="W567" s="547"/>
      <c r="X567" s="547"/>
      <c r="Y567" s="547"/>
      <c r="Z567" s="548"/>
      <c r="AA567" s="546" t="s">
        <v>102</v>
      </c>
      <c r="AB567" s="547"/>
      <c r="AC567" s="548"/>
      <c r="AD567" s="415">
        <v>6</v>
      </c>
      <c r="AE567" s="415" t="s">
        <v>103</v>
      </c>
      <c r="AF567" s="646"/>
      <c r="AG567" s="647"/>
      <c r="AH567" s="549"/>
      <c r="AI567" s="550"/>
      <c r="AJ567" s="551"/>
      <c r="AK567" s="265"/>
      <c r="AL567" s="38"/>
      <c r="AM567" s="54"/>
      <c r="AN567" s="1" t="str">
        <f t="shared" si="24"/>
        <v>■</v>
      </c>
    </row>
    <row r="568" spans="1:40" s="13" customFormat="1" ht="13.4" customHeight="1">
      <c r="A568" s="20" t="str">
        <f t="shared" si="23"/>
        <v>SN</v>
      </c>
      <c r="B568" s="20"/>
      <c r="C568" s="122"/>
      <c r="D568" s="122"/>
      <c r="E568" s="215"/>
      <c r="F568" s="215"/>
      <c r="G568" s="215"/>
      <c r="H568" s="215"/>
      <c r="I568" s="215"/>
      <c r="J568" s="215"/>
      <c r="K568" s="215"/>
      <c r="L568" s="215"/>
      <c r="M568" s="215"/>
      <c r="N568" s="215"/>
      <c r="O568" s="215"/>
      <c r="P568" s="215"/>
      <c r="Q568" s="215"/>
      <c r="R568" s="215"/>
      <c r="S568" s="215"/>
      <c r="T568" s="215"/>
      <c r="U568" s="241"/>
      <c r="V568" s="75"/>
      <c r="W568" s="75"/>
      <c r="X568" s="75"/>
      <c r="Y568" s="75"/>
      <c r="Z568" s="75"/>
      <c r="AA568" s="650"/>
      <c r="AB568" s="650"/>
      <c r="AC568" s="650"/>
      <c r="AD568" s="216"/>
      <c r="AE568" s="216"/>
      <c r="AF568" s="124"/>
      <c r="AG568" s="73"/>
      <c r="AH568" s="124"/>
      <c r="AI568" s="122"/>
      <c r="AJ568" s="124"/>
      <c r="AK568" s="54"/>
      <c r="AL568" s="38"/>
      <c r="AM568" s="54"/>
    </row>
    <row r="569" spans="1:40" s="13" customFormat="1" ht="13.4" customHeight="1">
      <c r="A569" s="20" t="str">
        <f t="shared" si="23"/>
        <v>JD</v>
      </c>
      <c r="B569" s="20"/>
      <c r="C569" s="52" t="s">
        <v>380</v>
      </c>
      <c r="D569" s="122"/>
      <c r="E569" s="215"/>
      <c r="F569" s="215"/>
      <c r="G569" s="215"/>
      <c r="H569" s="215"/>
      <c r="I569" s="215"/>
      <c r="J569" s="26" t="s">
        <v>784</v>
      </c>
      <c r="K569" s="215"/>
      <c r="L569" s="215"/>
      <c r="M569" s="215"/>
      <c r="N569" s="215"/>
      <c r="O569" s="215"/>
      <c r="P569" s="215"/>
      <c r="Q569" s="215"/>
      <c r="R569" s="215"/>
      <c r="S569" s="215"/>
      <c r="T569" s="215"/>
      <c r="U569" s="26" t="s">
        <v>1340</v>
      </c>
      <c r="V569" s="75"/>
      <c r="W569" s="75"/>
      <c r="X569" s="75"/>
      <c r="Y569" s="75"/>
      <c r="Z569" s="75"/>
      <c r="AA569" s="651"/>
      <c r="AB569" s="651"/>
      <c r="AC569" s="651"/>
      <c r="AD569" s="216"/>
      <c r="AE569" s="216"/>
      <c r="AF569" s="124"/>
      <c r="AG569" s="348"/>
      <c r="AH569" s="124"/>
      <c r="AI569" s="122"/>
      <c r="AJ569" s="124"/>
      <c r="AK569" s="54"/>
      <c r="AL569" s="38"/>
      <c r="AM569" s="54"/>
    </row>
    <row r="570" spans="1:40" s="13" customFormat="1" ht="13.4" customHeight="1">
      <c r="A570" s="20" t="str">
        <f t="shared" si="23"/>
        <v>JD</v>
      </c>
      <c r="B570" s="20"/>
      <c r="C570" s="662" t="s">
        <v>73</v>
      </c>
      <c r="D570" s="664"/>
      <c r="E570" s="662" t="s">
        <v>94</v>
      </c>
      <c r="F570" s="663"/>
      <c r="G570" s="663"/>
      <c r="H570" s="663"/>
      <c r="I570" s="663"/>
      <c r="J570" s="663"/>
      <c r="K570" s="663"/>
      <c r="L570" s="663"/>
      <c r="M570" s="663"/>
      <c r="N570" s="663"/>
      <c r="O570" s="663"/>
      <c r="P570" s="663"/>
      <c r="Q570" s="663"/>
      <c r="R570" s="663"/>
      <c r="S570" s="663"/>
      <c r="T570" s="664"/>
      <c r="U570" s="226" t="s">
        <v>383</v>
      </c>
      <c r="V570" s="658" t="s">
        <v>138</v>
      </c>
      <c r="W570" s="668"/>
      <c r="X570" s="668"/>
      <c r="Y570" s="668"/>
      <c r="Z570" s="659"/>
      <c r="AA570" s="652" t="s">
        <v>959</v>
      </c>
      <c r="AB570" s="653"/>
      <c r="AC570" s="654"/>
      <c r="AD570" s="658" t="s">
        <v>97</v>
      </c>
      <c r="AE570" s="659"/>
      <c r="AF570" s="658" t="s">
        <v>98</v>
      </c>
      <c r="AG570" s="659"/>
      <c r="AH570" s="662" t="s">
        <v>75</v>
      </c>
      <c r="AI570" s="663"/>
      <c r="AJ570" s="664"/>
      <c r="AK570" s="621" t="s">
        <v>159</v>
      </c>
      <c r="AL570" s="38"/>
      <c r="AM570" s="54"/>
      <c r="AN570" s="1"/>
    </row>
    <row r="571" spans="1:40" s="13" customFormat="1" ht="13.4" customHeight="1">
      <c r="A571" s="20" t="str">
        <f t="shared" si="23"/>
        <v>JD</v>
      </c>
      <c r="B571" s="20"/>
      <c r="C571" s="665"/>
      <c r="D571" s="667"/>
      <c r="E571" s="665"/>
      <c r="F571" s="666"/>
      <c r="G571" s="666"/>
      <c r="H571" s="666"/>
      <c r="I571" s="666"/>
      <c r="J571" s="666"/>
      <c r="K571" s="666"/>
      <c r="L571" s="666"/>
      <c r="M571" s="666"/>
      <c r="N571" s="666"/>
      <c r="O571" s="666"/>
      <c r="P571" s="666"/>
      <c r="Q571" s="666"/>
      <c r="R571" s="666"/>
      <c r="S571" s="666"/>
      <c r="T571" s="667"/>
      <c r="U571" s="227"/>
      <c r="V571" s="660"/>
      <c r="W571" s="669"/>
      <c r="X571" s="669"/>
      <c r="Y571" s="669"/>
      <c r="Z571" s="661"/>
      <c r="AA571" s="655"/>
      <c r="AB571" s="656"/>
      <c r="AC571" s="657"/>
      <c r="AD571" s="660"/>
      <c r="AE571" s="661"/>
      <c r="AF571" s="660"/>
      <c r="AG571" s="661"/>
      <c r="AH571" s="665"/>
      <c r="AI571" s="666"/>
      <c r="AJ571" s="667"/>
      <c r="AK571" s="622"/>
      <c r="AL571" s="38"/>
      <c r="AM571" s="54"/>
      <c r="AN571" s="1"/>
    </row>
    <row r="572" spans="1:40" s="13" customFormat="1" ht="13.4" customHeight="1">
      <c r="A572" s="20" t="str">
        <f t="shared" si="23"/>
        <v>JD</v>
      </c>
      <c r="B572" s="20"/>
      <c r="C572" s="644">
        <v>1</v>
      </c>
      <c r="D572" s="645"/>
      <c r="E572" s="563" t="s">
        <v>440</v>
      </c>
      <c r="F572" s="564"/>
      <c r="G572" s="564"/>
      <c r="H572" s="564"/>
      <c r="I572" s="564"/>
      <c r="J572" s="564"/>
      <c r="K572" s="564"/>
      <c r="L572" s="564"/>
      <c r="M572" s="564"/>
      <c r="N572" s="564"/>
      <c r="O572" s="564"/>
      <c r="P572" s="564"/>
      <c r="Q572" s="564"/>
      <c r="R572" s="564"/>
      <c r="S572" s="564"/>
      <c r="T572" s="565"/>
      <c r="U572" s="219" t="s">
        <v>441</v>
      </c>
      <c r="V572" s="546" t="s">
        <v>101</v>
      </c>
      <c r="W572" s="547"/>
      <c r="X572" s="547"/>
      <c r="Y572" s="547"/>
      <c r="Z572" s="548"/>
      <c r="AA572" s="546" t="s">
        <v>102</v>
      </c>
      <c r="AB572" s="547"/>
      <c r="AC572" s="548"/>
      <c r="AD572" s="415">
        <v>10</v>
      </c>
      <c r="AE572" s="415" t="s">
        <v>103</v>
      </c>
      <c r="AF572" s="646"/>
      <c r="AG572" s="647"/>
      <c r="AH572" s="549"/>
      <c r="AI572" s="550"/>
      <c r="AJ572" s="551"/>
      <c r="AK572" s="118"/>
      <c r="AL572" s="38"/>
      <c r="AM572" s="54"/>
      <c r="AN572" s="1" t="str">
        <f>$P$21</f>
        <v>■</v>
      </c>
    </row>
    <row r="573" spans="1:40" s="13" customFormat="1">
      <c r="A573" s="20" t="str">
        <f t="shared" si="23"/>
        <v>JD</v>
      </c>
      <c r="B573" s="20"/>
      <c r="C573" s="644">
        <v>2</v>
      </c>
      <c r="D573" s="645"/>
      <c r="E573" s="563" t="s">
        <v>442</v>
      </c>
      <c r="F573" s="564"/>
      <c r="G573" s="564"/>
      <c r="H573" s="564"/>
      <c r="I573" s="564"/>
      <c r="J573" s="564"/>
      <c r="K573" s="564"/>
      <c r="L573" s="564"/>
      <c r="M573" s="564"/>
      <c r="N573" s="564"/>
      <c r="O573" s="564"/>
      <c r="P573" s="564"/>
      <c r="Q573" s="564"/>
      <c r="R573" s="564"/>
      <c r="S573" s="564"/>
      <c r="T573" s="565"/>
      <c r="U573" s="219" t="s">
        <v>443</v>
      </c>
      <c r="V573" s="546" t="s">
        <v>101</v>
      </c>
      <c r="W573" s="547"/>
      <c r="X573" s="547"/>
      <c r="Y573" s="547"/>
      <c r="Z573" s="548"/>
      <c r="AA573" s="546" t="s">
        <v>102</v>
      </c>
      <c r="AB573" s="547"/>
      <c r="AC573" s="548"/>
      <c r="AD573" s="415">
        <v>51</v>
      </c>
      <c r="AE573" s="415" t="s">
        <v>103</v>
      </c>
      <c r="AF573" s="646"/>
      <c r="AG573" s="647"/>
      <c r="AH573" s="549"/>
      <c r="AI573" s="550"/>
      <c r="AJ573" s="551"/>
      <c r="AK573" s="118"/>
      <c r="AL573" s="38"/>
      <c r="AM573" s="54"/>
      <c r="AN573" s="1" t="str">
        <f t="shared" ref="AN573:AN610" si="25">$P$21</f>
        <v>■</v>
      </c>
    </row>
    <row r="574" spans="1:40" s="13" customFormat="1">
      <c r="A574" s="20" t="str">
        <f t="shared" si="23"/>
        <v>JD</v>
      </c>
      <c r="B574" s="20"/>
      <c r="C574" s="552">
        <v>3</v>
      </c>
      <c r="D574" s="553"/>
      <c r="E574" s="566" t="s">
        <v>106</v>
      </c>
      <c r="F574" s="567"/>
      <c r="G574" s="567"/>
      <c r="H574" s="567"/>
      <c r="I574" s="567"/>
      <c r="J574" s="567"/>
      <c r="K574" s="567"/>
      <c r="L574" s="567"/>
      <c r="M574" s="567"/>
      <c r="N574" s="567"/>
      <c r="O574" s="567"/>
      <c r="P574" s="567"/>
      <c r="Q574" s="567"/>
      <c r="R574" s="567"/>
      <c r="S574" s="567"/>
      <c r="T574" s="568"/>
      <c r="U574" s="220" t="s">
        <v>444</v>
      </c>
      <c r="V574" s="557" t="s">
        <v>107</v>
      </c>
      <c r="W574" s="558"/>
      <c r="X574" s="558"/>
      <c r="Y574" s="558"/>
      <c r="Z574" s="559"/>
      <c r="AA574" s="557" t="s">
        <v>108</v>
      </c>
      <c r="AB574" s="558"/>
      <c r="AC574" s="559"/>
      <c r="AD574" s="419">
        <v>1</v>
      </c>
      <c r="AE574" s="419">
        <v>0</v>
      </c>
      <c r="AF574" s="648" t="s">
        <v>109</v>
      </c>
      <c r="AG574" s="649"/>
      <c r="AH574" s="560"/>
      <c r="AI574" s="561"/>
      <c r="AJ574" s="562"/>
      <c r="AK574" s="333" t="s">
        <v>416</v>
      </c>
      <c r="AL574" s="38"/>
      <c r="AM574" s="54"/>
      <c r="AN574" s="1" t="str">
        <f t="shared" si="25"/>
        <v>■</v>
      </c>
    </row>
    <row r="575" spans="1:40" s="13" customFormat="1">
      <c r="A575" s="20" t="str">
        <f t="shared" si="23"/>
        <v>JD</v>
      </c>
      <c r="B575" s="20"/>
      <c r="C575" s="541">
        <v>4</v>
      </c>
      <c r="D575" s="542"/>
      <c r="E575" s="563" t="s">
        <v>110</v>
      </c>
      <c r="F575" s="564"/>
      <c r="G575" s="564"/>
      <c r="H575" s="564"/>
      <c r="I575" s="564"/>
      <c r="J575" s="564"/>
      <c r="K575" s="564"/>
      <c r="L575" s="564"/>
      <c r="M575" s="564"/>
      <c r="N575" s="564"/>
      <c r="O575" s="564"/>
      <c r="P575" s="564"/>
      <c r="Q575" s="564"/>
      <c r="R575" s="564"/>
      <c r="S575" s="564"/>
      <c r="T575" s="565"/>
      <c r="U575" s="221" t="s">
        <v>445</v>
      </c>
      <c r="V575" s="546" t="s">
        <v>107</v>
      </c>
      <c r="W575" s="547"/>
      <c r="X575" s="547"/>
      <c r="Y575" s="547"/>
      <c r="Z575" s="548"/>
      <c r="AA575" s="546" t="s">
        <v>108</v>
      </c>
      <c r="AB575" s="547"/>
      <c r="AC575" s="548"/>
      <c r="AD575" s="415">
        <v>1</v>
      </c>
      <c r="AE575" s="415">
        <v>0</v>
      </c>
      <c r="AF575" s="646"/>
      <c r="AG575" s="647"/>
      <c r="AH575" s="549"/>
      <c r="AI575" s="550"/>
      <c r="AJ575" s="551"/>
      <c r="AK575" s="332"/>
      <c r="AL575" s="38"/>
      <c r="AM575" s="54"/>
      <c r="AN575" s="1" t="str">
        <f t="shared" si="25"/>
        <v>■</v>
      </c>
    </row>
    <row r="576" spans="1:40" s="13" customFormat="1">
      <c r="A576" s="20" t="str">
        <f t="shared" si="23"/>
        <v>JD</v>
      </c>
      <c r="B576" s="20"/>
      <c r="C576" s="644">
        <v>5</v>
      </c>
      <c r="D576" s="645"/>
      <c r="E576" s="543" t="s">
        <v>80</v>
      </c>
      <c r="F576" s="544"/>
      <c r="G576" s="544"/>
      <c r="H576" s="544"/>
      <c r="I576" s="544"/>
      <c r="J576" s="544"/>
      <c r="K576" s="544"/>
      <c r="L576" s="544"/>
      <c r="M576" s="544"/>
      <c r="N576" s="544"/>
      <c r="O576" s="544"/>
      <c r="P576" s="544"/>
      <c r="Q576" s="544"/>
      <c r="R576" s="544"/>
      <c r="S576" s="544"/>
      <c r="T576" s="545"/>
      <c r="U576" s="221" t="s">
        <v>446</v>
      </c>
      <c r="V576" s="546" t="s">
        <v>101</v>
      </c>
      <c r="W576" s="547"/>
      <c r="X576" s="547"/>
      <c r="Y576" s="547"/>
      <c r="Z576" s="548"/>
      <c r="AA576" s="546" t="s">
        <v>102</v>
      </c>
      <c r="AB576" s="547"/>
      <c r="AC576" s="548"/>
      <c r="AD576" s="415">
        <v>2</v>
      </c>
      <c r="AE576" s="415" t="s">
        <v>103</v>
      </c>
      <c r="AF576" s="646"/>
      <c r="AG576" s="647"/>
      <c r="AH576" s="549"/>
      <c r="AI576" s="550"/>
      <c r="AJ576" s="551"/>
      <c r="AK576" s="118"/>
      <c r="AL576" s="38"/>
      <c r="AM576" s="54"/>
      <c r="AN576" s="1" t="str">
        <f t="shared" si="25"/>
        <v>■</v>
      </c>
    </row>
    <row r="577" spans="1:40" s="13" customFormat="1">
      <c r="A577" s="20" t="str">
        <f t="shared" si="23"/>
        <v>JD</v>
      </c>
      <c r="B577" s="20"/>
      <c r="C577" s="644">
        <v>6</v>
      </c>
      <c r="D577" s="645"/>
      <c r="E577" s="543" t="s">
        <v>779</v>
      </c>
      <c r="F577" s="544"/>
      <c r="G577" s="544"/>
      <c r="H577" s="544"/>
      <c r="I577" s="544"/>
      <c r="J577" s="544"/>
      <c r="K577" s="544"/>
      <c r="L577" s="544"/>
      <c r="M577" s="544"/>
      <c r="N577" s="544"/>
      <c r="O577" s="544"/>
      <c r="P577" s="544"/>
      <c r="Q577" s="544"/>
      <c r="R577" s="544"/>
      <c r="S577" s="544"/>
      <c r="T577" s="545"/>
      <c r="U577" s="221" t="s">
        <v>780</v>
      </c>
      <c r="V577" s="546" t="s">
        <v>107</v>
      </c>
      <c r="W577" s="547"/>
      <c r="X577" s="547"/>
      <c r="Y577" s="547"/>
      <c r="Z577" s="548"/>
      <c r="AA577" s="546" t="s">
        <v>108</v>
      </c>
      <c r="AB577" s="547"/>
      <c r="AC577" s="548"/>
      <c r="AD577" s="415">
        <v>1</v>
      </c>
      <c r="AE577" s="415">
        <v>0</v>
      </c>
      <c r="AF577" s="646"/>
      <c r="AG577" s="647"/>
      <c r="AH577" s="549"/>
      <c r="AI577" s="550"/>
      <c r="AJ577" s="551"/>
      <c r="AK577" s="118"/>
      <c r="AL577" s="38"/>
      <c r="AM577" s="54"/>
      <c r="AN577" s="1" t="str">
        <f t="shared" si="25"/>
        <v>■</v>
      </c>
    </row>
    <row r="578" spans="1:40" s="13" customFormat="1">
      <c r="A578" s="20" t="str">
        <f t="shared" si="23"/>
        <v>JD</v>
      </c>
      <c r="B578" s="20"/>
      <c r="C578" s="644">
        <v>7</v>
      </c>
      <c r="D578" s="645"/>
      <c r="E578" s="543" t="s">
        <v>786</v>
      </c>
      <c r="F578" s="544"/>
      <c r="G578" s="544"/>
      <c r="H578" s="544"/>
      <c r="I578" s="544"/>
      <c r="J578" s="544"/>
      <c r="K578" s="544"/>
      <c r="L578" s="544"/>
      <c r="M578" s="544"/>
      <c r="N578" s="544"/>
      <c r="O578" s="544"/>
      <c r="P578" s="544"/>
      <c r="Q578" s="544"/>
      <c r="R578" s="544"/>
      <c r="S578" s="544"/>
      <c r="T578" s="545"/>
      <c r="U578" s="221" t="s">
        <v>628</v>
      </c>
      <c r="V578" s="546" t="s">
        <v>107</v>
      </c>
      <c r="W578" s="547"/>
      <c r="X578" s="547"/>
      <c r="Y578" s="547"/>
      <c r="Z578" s="548"/>
      <c r="AA578" s="546" t="s">
        <v>108</v>
      </c>
      <c r="AB578" s="547"/>
      <c r="AC578" s="548"/>
      <c r="AD578" s="415">
        <v>1</v>
      </c>
      <c r="AE578" s="415">
        <v>0</v>
      </c>
      <c r="AF578" s="646"/>
      <c r="AG578" s="647"/>
      <c r="AH578" s="549"/>
      <c r="AI578" s="550"/>
      <c r="AJ578" s="551"/>
      <c r="AK578" s="118"/>
      <c r="AL578" s="38"/>
      <c r="AM578" s="54"/>
      <c r="AN578" s="1" t="str">
        <f t="shared" si="25"/>
        <v>■</v>
      </c>
    </row>
    <row r="579" spans="1:40" s="13" customFormat="1">
      <c r="A579" s="20" t="str">
        <f t="shared" si="23"/>
        <v>JD</v>
      </c>
      <c r="B579" s="20"/>
      <c r="C579" s="644">
        <v>8</v>
      </c>
      <c r="D579" s="645"/>
      <c r="E579" s="543" t="s">
        <v>787</v>
      </c>
      <c r="F579" s="544"/>
      <c r="G579" s="544"/>
      <c r="H579" s="544"/>
      <c r="I579" s="544"/>
      <c r="J579" s="544"/>
      <c r="K579" s="544"/>
      <c r="L579" s="544"/>
      <c r="M579" s="544"/>
      <c r="N579" s="544"/>
      <c r="O579" s="544"/>
      <c r="P579" s="544"/>
      <c r="Q579" s="544"/>
      <c r="R579" s="544"/>
      <c r="S579" s="544"/>
      <c r="T579" s="545"/>
      <c r="U579" s="221" t="s">
        <v>630</v>
      </c>
      <c r="V579" s="546" t="s">
        <v>107</v>
      </c>
      <c r="W579" s="547"/>
      <c r="X579" s="547"/>
      <c r="Y579" s="547"/>
      <c r="Z579" s="548"/>
      <c r="AA579" s="546" t="s">
        <v>108</v>
      </c>
      <c r="AB579" s="547"/>
      <c r="AC579" s="548"/>
      <c r="AD579" s="415">
        <v>1</v>
      </c>
      <c r="AE579" s="415">
        <v>0</v>
      </c>
      <c r="AF579" s="646"/>
      <c r="AG579" s="647"/>
      <c r="AH579" s="549"/>
      <c r="AI579" s="550"/>
      <c r="AJ579" s="551"/>
      <c r="AK579" s="118"/>
      <c r="AL579" s="38"/>
      <c r="AM579" s="54"/>
      <c r="AN579" s="1" t="str">
        <f t="shared" si="25"/>
        <v>■</v>
      </c>
    </row>
    <row r="580" spans="1:40" s="13" customFormat="1">
      <c r="A580" s="20" t="str">
        <f t="shared" si="23"/>
        <v>JD</v>
      </c>
      <c r="B580" s="20"/>
      <c r="C580" s="644">
        <v>9</v>
      </c>
      <c r="D580" s="645"/>
      <c r="E580" s="543" t="s">
        <v>788</v>
      </c>
      <c r="F580" s="544"/>
      <c r="G580" s="544"/>
      <c r="H580" s="544"/>
      <c r="I580" s="544"/>
      <c r="J580" s="544"/>
      <c r="K580" s="544"/>
      <c r="L580" s="544"/>
      <c r="M580" s="544"/>
      <c r="N580" s="544"/>
      <c r="O580" s="544"/>
      <c r="P580" s="544"/>
      <c r="Q580" s="544"/>
      <c r="R580" s="544"/>
      <c r="S580" s="544"/>
      <c r="T580" s="545"/>
      <c r="U580" s="221" t="s">
        <v>632</v>
      </c>
      <c r="V580" s="546" t="s">
        <v>107</v>
      </c>
      <c r="W580" s="547"/>
      <c r="X580" s="547"/>
      <c r="Y580" s="547"/>
      <c r="Z580" s="548"/>
      <c r="AA580" s="546" t="s">
        <v>108</v>
      </c>
      <c r="AB580" s="547"/>
      <c r="AC580" s="548"/>
      <c r="AD580" s="415">
        <v>1</v>
      </c>
      <c r="AE580" s="415">
        <v>0</v>
      </c>
      <c r="AF580" s="646"/>
      <c r="AG580" s="647"/>
      <c r="AH580" s="549"/>
      <c r="AI580" s="550"/>
      <c r="AJ580" s="551"/>
      <c r="AK580" s="118"/>
      <c r="AL580" s="38"/>
      <c r="AM580" s="54"/>
      <c r="AN580" s="1" t="str">
        <f t="shared" si="25"/>
        <v>■</v>
      </c>
    </row>
    <row r="581" spans="1:40" s="13" customFormat="1">
      <c r="A581" s="20" t="str">
        <f t="shared" si="23"/>
        <v>JD</v>
      </c>
      <c r="B581" s="20"/>
      <c r="C581" s="644">
        <v>10</v>
      </c>
      <c r="D581" s="645"/>
      <c r="E581" s="543" t="s">
        <v>789</v>
      </c>
      <c r="F581" s="544"/>
      <c r="G581" s="544"/>
      <c r="H581" s="544"/>
      <c r="I581" s="544"/>
      <c r="J581" s="544"/>
      <c r="K581" s="544"/>
      <c r="L581" s="544"/>
      <c r="M581" s="544"/>
      <c r="N581" s="544"/>
      <c r="O581" s="544"/>
      <c r="P581" s="544"/>
      <c r="Q581" s="544"/>
      <c r="R581" s="544"/>
      <c r="S581" s="544"/>
      <c r="T581" s="545"/>
      <c r="U581" s="221" t="s">
        <v>634</v>
      </c>
      <c r="V581" s="546" t="s">
        <v>107</v>
      </c>
      <c r="W581" s="547"/>
      <c r="X581" s="547"/>
      <c r="Y581" s="547"/>
      <c r="Z581" s="548"/>
      <c r="AA581" s="546" t="s">
        <v>108</v>
      </c>
      <c r="AB581" s="547"/>
      <c r="AC581" s="548"/>
      <c r="AD581" s="415">
        <v>1</v>
      </c>
      <c r="AE581" s="415">
        <v>0</v>
      </c>
      <c r="AF581" s="646"/>
      <c r="AG581" s="647"/>
      <c r="AH581" s="549"/>
      <c r="AI581" s="550"/>
      <c r="AJ581" s="551"/>
      <c r="AK581" s="118"/>
      <c r="AL581" s="38"/>
      <c r="AM581" s="54"/>
      <c r="AN581" s="1" t="str">
        <f t="shared" si="25"/>
        <v>■</v>
      </c>
    </row>
    <row r="582" spans="1:40" s="13" customFormat="1">
      <c r="A582" s="20" t="str">
        <f t="shared" si="23"/>
        <v>JD</v>
      </c>
      <c r="B582" s="20"/>
      <c r="C582" s="644">
        <v>11</v>
      </c>
      <c r="D582" s="645"/>
      <c r="E582" s="543" t="s">
        <v>790</v>
      </c>
      <c r="F582" s="544"/>
      <c r="G582" s="544"/>
      <c r="H582" s="544"/>
      <c r="I582" s="544"/>
      <c r="J582" s="544"/>
      <c r="K582" s="544"/>
      <c r="L582" s="544"/>
      <c r="M582" s="544"/>
      <c r="N582" s="544"/>
      <c r="O582" s="544"/>
      <c r="P582" s="544"/>
      <c r="Q582" s="544"/>
      <c r="R582" s="544"/>
      <c r="S582" s="544"/>
      <c r="T582" s="545"/>
      <c r="U582" s="221" t="s">
        <v>636</v>
      </c>
      <c r="V582" s="546" t="s">
        <v>107</v>
      </c>
      <c r="W582" s="547"/>
      <c r="X582" s="547"/>
      <c r="Y582" s="547"/>
      <c r="Z582" s="548"/>
      <c r="AA582" s="546" t="s">
        <v>108</v>
      </c>
      <c r="AB582" s="547"/>
      <c r="AC582" s="548"/>
      <c r="AD582" s="415">
        <v>1</v>
      </c>
      <c r="AE582" s="415">
        <v>0</v>
      </c>
      <c r="AF582" s="646"/>
      <c r="AG582" s="647"/>
      <c r="AH582" s="549"/>
      <c r="AI582" s="550"/>
      <c r="AJ582" s="551"/>
      <c r="AK582" s="118"/>
      <c r="AL582" s="38"/>
      <c r="AM582" s="54"/>
      <c r="AN582" s="1" t="str">
        <f t="shared" si="25"/>
        <v>■</v>
      </c>
    </row>
    <row r="583" spans="1:40" s="13" customFormat="1">
      <c r="A583" s="20" t="str">
        <f t="shared" si="23"/>
        <v>JD</v>
      </c>
      <c r="B583" s="20"/>
      <c r="C583" s="644">
        <v>12</v>
      </c>
      <c r="D583" s="645"/>
      <c r="E583" s="543" t="s">
        <v>791</v>
      </c>
      <c r="F583" s="544"/>
      <c r="G583" s="544"/>
      <c r="H583" s="544"/>
      <c r="I583" s="544"/>
      <c r="J583" s="544"/>
      <c r="K583" s="544"/>
      <c r="L583" s="544"/>
      <c r="M583" s="544"/>
      <c r="N583" s="544"/>
      <c r="O583" s="544"/>
      <c r="P583" s="544"/>
      <c r="Q583" s="544"/>
      <c r="R583" s="544"/>
      <c r="S583" s="544"/>
      <c r="T583" s="545"/>
      <c r="U583" s="221" t="s">
        <v>638</v>
      </c>
      <c r="V583" s="546" t="s">
        <v>107</v>
      </c>
      <c r="W583" s="547"/>
      <c r="X583" s="547"/>
      <c r="Y583" s="547"/>
      <c r="Z583" s="548"/>
      <c r="AA583" s="546" t="s">
        <v>108</v>
      </c>
      <c r="AB583" s="547"/>
      <c r="AC583" s="548"/>
      <c r="AD583" s="415">
        <v>1</v>
      </c>
      <c r="AE583" s="415">
        <v>0</v>
      </c>
      <c r="AF583" s="646"/>
      <c r="AG583" s="647"/>
      <c r="AH583" s="549"/>
      <c r="AI583" s="550"/>
      <c r="AJ583" s="551"/>
      <c r="AK583" s="118"/>
      <c r="AL583" s="38"/>
      <c r="AM583" s="54"/>
      <c r="AN583" s="1" t="str">
        <f t="shared" si="25"/>
        <v>■</v>
      </c>
    </row>
    <row r="584" spans="1:40" s="13" customFormat="1">
      <c r="A584" s="20" t="str">
        <f t="shared" si="23"/>
        <v>JD</v>
      </c>
      <c r="B584" s="20"/>
      <c r="C584" s="644">
        <v>13</v>
      </c>
      <c r="D584" s="645"/>
      <c r="E584" s="543" t="s">
        <v>792</v>
      </c>
      <c r="F584" s="544"/>
      <c r="G584" s="544"/>
      <c r="H584" s="544"/>
      <c r="I584" s="544"/>
      <c r="J584" s="544"/>
      <c r="K584" s="544"/>
      <c r="L584" s="544"/>
      <c r="M584" s="544"/>
      <c r="N584" s="544"/>
      <c r="O584" s="544"/>
      <c r="P584" s="544"/>
      <c r="Q584" s="544"/>
      <c r="R584" s="544"/>
      <c r="S584" s="544"/>
      <c r="T584" s="545"/>
      <c r="U584" s="221" t="s">
        <v>640</v>
      </c>
      <c r="V584" s="546" t="s">
        <v>107</v>
      </c>
      <c r="W584" s="547"/>
      <c r="X584" s="547"/>
      <c r="Y584" s="547"/>
      <c r="Z584" s="548"/>
      <c r="AA584" s="546" t="s">
        <v>108</v>
      </c>
      <c r="AB584" s="547"/>
      <c r="AC584" s="548"/>
      <c r="AD584" s="415">
        <v>1</v>
      </c>
      <c r="AE584" s="415">
        <v>0</v>
      </c>
      <c r="AF584" s="646"/>
      <c r="AG584" s="647"/>
      <c r="AH584" s="549"/>
      <c r="AI584" s="550"/>
      <c r="AJ584" s="551"/>
      <c r="AK584" s="118"/>
      <c r="AL584" s="38"/>
      <c r="AM584" s="54"/>
      <c r="AN584" s="1" t="str">
        <f t="shared" si="25"/>
        <v>■</v>
      </c>
    </row>
    <row r="585" spans="1:40" s="13" customFormat="1">
      <c r="A585" s="20" t="str">
        <f t="shared" si="23"/>
        <v>JD</v>
      </c>
      <c r="B585" s="20"/>
      <c r="C585" s="644">
        <v>14</v>
      </c>
      <c r="D585" s="645"/>
      <c r="E585" s="543" t="s">
        <v>793</v>
      </c>
      <c r="F585" s="544"/>
      <c r="G585" s="544"/>
      <c r="H585" s="544"/>
      <c r="I585" s="544"/>
      <c r="J585" s="544"/>
      <c r="K585" s="544"/>
      <c r="L585" s="544"/>
      <c r="M585" s="544"/>
      <c r="N585" s="544"/>
      <c r="O585" s="544"/>
      <c r="P585" s="544"/>
      <c r="Q585" s="544"/>
      <c r="R585" s="544"/>
      <c r="S585" s="544"/>
      <c r="T585" s="545"/>
      <c r="U585" s="221" t="s">
        <v>642</v>
      </c>
      <c r="V585" s="546" t="s">
        <v>107</v>
      </c>
      <c r="W585" s="547"/>
      <c r="X585" s="547"/>
      <c r="Y585" s="547"/>
      <c r="Z585" s="548"/>
      <c r="AA585" s="546" t="s">
        <v>108</v>
      </c>
      <c r="AB585" s="547"/>
      <c r="AC585" s="548"/>
      <c r="AD585" s="415">
        <v>1</v>
      </c>
      <c r="AE585" s="415">
        <v>0</v>
      </c>
      <c r="AF585" s="646"/>
      <c r="AG585" s="647"/>
      <c r="AH585" s="549"/>
      <c r="AI585" s="550"/>
      <c r="AJ585" s="551"/>
      <c r="AK585" s="118"/>
      <c r="AL585" s="38"/>
      <c r="AM585" s="54"/>
      <c r="AN585" s="1" t="str">
        <f t="shared" si="25"/>
        <v>■</v>
      </c>
    </row>
    <row r="586" spans="1:40" s="13" customFormat="1">
      <c r="A586" s="20" t="str">
        <f t="shared" si="23"/>
        <v>JD</v>
      </c>
      <c r="B586" s="20"/>
      <c r="C586" s="644">
        <v>15</v>
      </c>
      <c r="D586" s="645"/>
      <c r="E586" s="543" t="s">
        <v>794</v>
      </c>
      <c r="F586" s="544"/>
      <c r="G586" s="544"/>
      <c r="H586" s="544"/>
      <c r="I586" s="544"/>
      <c r="J586" s="544"/>
      <c r="K586" s="544"/>
      <c r="L586" s="544"/>
      <c r="M586" s="544"/>
      <c r="N586" s="544"/>
      <c r="O586" s="544"/>
      <c r="P586" s="544"/>
      <c r="Q586" s="544"/>
      <c r="R586" s="544"/>
      <c r="S586" s="544"/>
      <c r="T586" s="545"/>
      <c r="U586" s="221" t="s">
        <v>644</v>
      </c>
      <c r="V586" s="546" t="s">
        <v>107</v>
      </c>
      <c r="W586" s="547"/>
      <c r="X586" s="547"/>
      <c r="Y586" s="547"/>
      <c r="Z586" s="548"/>
      <c r="AA586" s="546" t="s">
        <v>108</v>
      </c>
      <c r="AB586" s="547"/>
      <c r="AC586" s="548"/>
      <c r="AD586" s="415">
        <v>1</v>
      </c>
      <c r="AE586" s="415">
        <v>0</v>
      </c>
      <c r="AF586" s="646"/>
      <c r="AG586" s="647"/>
      <c r="AH586" s="549"/>
      <c r="AI586" s="550"/>
      <c r="AJ586" s="551"/>
      <c r="AK586" s="118"/>
      <c r="AL586" s="38"/>
      <c r="AM586" s="54"/>
      <c r="AN586" s="1" t="str">
        <f t="shared" si="25"/>
        <v>■</v>
      </c>
    </row>
    <row r="587" spans="1:40" s="13" customFormat="1">
      <c r="A587" s="20" t="str">
        <f t="shared" si="23"/>
        <v>JD</v>
      </c>
      <c r="B587" s="20"/>
      <c r="C587" s="644">
        <v>16</v>
      </c>
      <c r="D587" s="645"/>
      <c r="E587" s="543" t="s">
        <v>795</v>
      </c>
      <c r="F587" s="544"/>
      <c r="G587" s="544"/>
      <c r="H587" s="544"/>
      <c r="I587" s="544"/>
      <c r="J587" s="544"/>
      <c r="K587" s="544"/>
      <c r="L587" s="544"/>
      <c r="M587" s="544"/>
      <c r="N587" s="544"/>
      <c r="O587" s="544"/>
      <c r="P587" s="544"/>
      <c r="Q587" s="544"/>
      <c r="R587" s="544"/>
      <c r="S587" s="544"/>
      <c r="T587" s="545"/>
      <c r="U587" s="221" t="s">
        <v>646</v>
      </c>
      <c r="V587" s="546" t="s">
        <v>107</v>
      </c>
      <c r="W587" s="547"/>
      <c r="X587" s="547"/>
      <c r="Y587" s="547"/>
      <c r="Z587" s="548"/>
      <c r="AA587" s="546" t="s">
        <v>108</v>
      </c>
      <c r="AB587" s="547"/>
      <c r="AC587" s="548"/>
      <c r="AD587" s="415">
        <v>1</v>
      </c>
      <c r="AE587" s="415">
        <v>0</v>
      </c>
      <c r="AF587" s="646"/>
      <c r="AG587" s="647"/>
      <c r="AH587" s="549"/>
      <c r="AI587" s="550"/>
      <c r="AJ587" s="551"/>
      <c r="AK587" s="118"/>
      <c r="AL587" s="38"/>
      <c r="AM587" s="54"/>
      <c r="AN587" s="1" t="str">
        <f t="shared" si="25"/>
        <v>■</v>
      </c>
    </row>
    <row r="588" spans="1:40" s="13" customFormat="1">
      <c r="A588" s="20" t="str">
        <f t="shared" si="23"/>
        <v>JD</v>
      </c>
      <c r="B588" s="20"/>
      <c r="C588" s="644">
        <v>17</v>
      </c>
      <c r="D588" s="645"/>
      <c r="E588" s="543" t="s">
        <v>796</v>
      </c>
      <c r="F588" s="544"/>
      <c r="G588" s="544"/>
      <c r="H588" s="544"/>
      <c r="I588" s="544"/>
      <c r="J588" s="544"/>
      <c r="K588" s="544"/>
      <c r="L588" s="544"/>
      <c r="M588" s="544"/>
      <c r="N588" s="544"/>
      <c r="O588" s="544"/>
      <c r="P588" s="544"/>
      <c r="Q588" s="544"/>
      <c r="R588" s="544"/>
      <c r="S588" s="544"/>
      <c r="T588" s="545"/>
      <c r="U588" s="221" t="s">
        <v>648</v>
      </c>
      <c r="V588" s="546" t="s">
        <v>107</v>
      </c>
      <c r="W588" s="547"/>
      <c r="X588" s="547"/>
      <c r="Y588" s="547"/>
      <c r="Z588" s="548"/>
      <c r="AA588" s="546" t="s">
        <v>108</v>
      </c>
      <c r="AB588" s="547"/>
      <c r="AC588" s="548"/>
      <c r="AD588" s="415">
        <v>1</v>
      </c>
      <c r="AE588" s="415">
        <v>0</v>
      </c>
      <c r="AF588" s="646"/>
      <c r="AG588" s="647"/>
      <c r="AH588" s="549"/>
      <c r="AI588" s="550"/>
      <c r="AJ588" s="551"/>
      <c r="AK588" s="118"/>
      <c r="AL588" s="38"/>
      <c r="AM588" s="54"/>
      <c r="AN588" s="1" t="str">
        <f t="shared" si="25"/>
        <v>■</v>
      </c>
    </row>
    <row r="589" spans="1:40" s="13" customFormat="1">
      <c r="A589" s="20" t="str">
        <f t="shared" si="23"/>
        <v>JD</v>
      </c>
      <c r="B589" s="20"/>
      <c r="C589" s="644">
        <v>18</v>
      </c>
      <c r="D589" s="645"/>
      <c r="E589" s="543" t="s">
        <v>797</v>
      </c>
      <c r="F589" s="544"/>
      <c r="G589" s="544"/>
      <c r="H589" s="544"/>
      <c r="I589" s="544"/>
      <c r="J589" s="544"/>
      <c r="K589" s="544"/>
      <c r="L589" s="544"/>
      <c r="M589" s="544"/>
      <c r="N589" s="544"/>
      <c r="O589" s="544"/>
      <c r="P589" s="544"/>
      <c r="Q589" s="544"/>
      <c r="R589" s="544"/>
      <c r="S589" s="544"/>
      <c r="T589" s="545"/>
      <c r="U589" s="221" t="s">
        <v>650</v>
      </c>
      <c r="V589" s="546" t="s">
        <v>107</v>
      </c>
      <c r="W589" s="547"/>
      <c r="X589" s="547"/>
      <c r="Y589" s="547"/>
      <c r="Z589" s="548"/>
      <c r="AA589" s="546" t="s">
        <v>108</v>
      </c>
      <c r="AB589" s="547"/>
      <c r="AC589" s="548"/>
      <c r="AD589" s="415">
        <v>1</v>
      </c>
      <c r="AE589" s="415">
        <v>0</v>
      </c>
      <c r="AF589" s="646"/>
      <c r="AG589" s="647"/>
      <c r="AH589" s="549"/>
      <c r="AI589" s="550"/>
      <c r="AJ589" s="551"/>
      <c r="AK589" s="118"/>
      <c r="AL589" s="38"/>
      <c r="AM589" s="54"/>
      <c r="AN589" s="1" t="str">
        <f t="shared" si="25"/>
        <v>■</v>
      </c>
    </row>
    <row r="590" spans="1:40" s="13" customFormat="1">
      <c r="A590" s="20" t="str">
        <f t="shared" si="23"/>
        <v>JD</v>
      </c>
      <c r="B590" s="20"/>
      <c r="C590" s="644">
        <v>19</v>
      </c>
      <c r="D590" s="645"/>
      <c r="E590" s="543" t="s">
        <v>798</v>
      </c>
      <c r="F590" s="544"/>
      <c r="G590" s="544"/>
      <c r="H590" s="544"/>
      <c r="I590" s="544"/>
      <c r="J590" s="544"/>
      <c r="K590" s="544"/>
      <c r="L590" s="544"/>
      <c r="M590" s="544"/>
      <c r="N590" s="544"/>
      <c r="O590" s="544"/>
      <c r="P590" s="544"/>
      <c r="Q590" s="544"/>
      <c r="R590" s="544"/>
      <c r="S590" s="544"/>
      <c r="T590" s="545"/>
      <c r="U590" s="221" t="s">
        <v>652</v>
      </c>
      <c r="V590" s="546" t="s">
        <v>107</v>
      </c>
      <c r="W590" s="547"/>
      <c r="X590" s="547"/>
      <c r="Y590" s="547"/>
      <c r="Z590" s="548"/>
      <c r="AA590" s="546" t="s">
        <v>108</v>
      </c>
      <c r="AB590" s="547"/>
      <c r="AC590" s="548"/>
      <c r="AD590" s="415">
        <v>1</v>
      </c>
      <c r="AE590" s="415">
        <v>0</v>
      </c>
      <c r="AF590" s="646"/>
      <c r="AG590" s="647"/>
      <c r="AH590" s="549"/>
      <c r="AI590" s="550"/>
      <c r="AJ590" s="551"/>
      <c r="AK590" s="118"/>
      <c r="AL590" s="38"/>
      <c r="AM590" s="54"/>
      <c r="AN590" s="1" t="str">
        <f t="shared" si="25"/>
        <v>■</v>
      </c>
    </row>
    <row r="591" spans="1:40" s="13" customFormat="1">
      <c r="A591" s="20" t="str">
        <f t="shared" si="23"/>
        <v>JD</v>
      </c>
      <c r="B591" s="20"/>
      <c r="C591" s="644">
        <v>20</v>
      </c>
      <c r="D591" s="645"/>
      <c r="E591" s="543" t="s">
        <v>799</v>
      </c>
      <c r="F591" s="544"/>
      <c r="G591" s="544"/>
      <c r="H591" s="544"/>
      <c r="I591" s="544"/>
      <c r="J591" s="544"/>
      <c r="K591" s="544"/>
      <c r="L591" s="544"/>
      <c r="M591" s="544"/>
      <c r="N591" s="544"/>
      <c r="O591" s="544"/>
      <c r="P591" s="544"/>
      <c r="Q591" s="544"/>
      <c r="R591" s="544"/>
      <c r="S591" s="544"/>
      <c r="T591" s="545"/>
      <c r="U591" s="221" t="s">
        <v>654</v>
      </c>
      <c r="V591" s="546" t="s">
        <v>107</v>
      </c>
      <c r="W591" s="547"/>
      <c r="X591" s="547"/>
      <c r="Y591" s="547"/>
      <c r="Z591" s="548"/>
      <c r="AA591" s="546" t="s">
        <v>108</v>
      </c>
      <c r="AB591" s="547"/>
      <c r="AC591" s="548"/>
      <c r="AD591" s="415">
        <v>1</v>
      </c>
      <c r="AE591" s="415">
        <v>0</v>
      </c>
      <c r="AF591" s="646"/>
      <c r="AG591" s="647"/>
      <c r="AH591" s="549"/>
      <c r="AI591" s="550"/>
      <c r="AJ591" s="551"/>
      <c r="AK591" s="118"/>
      <c r="AL591" s="38"/>
      <c r="AM591" s="54"/>
      <c r="AN591" s="1" t="str">
        <f t="shared" si="25"/>
        <v>■</v>
      </c>
    </row>
    <row r="592" spans="1:40" s="13" customFormat="1">
      <c r="A592" s="20" t="str">
        <f t="shared" si="23"/>
        <v>JD</v>
      </c>
      <c r="B592" s="20"/>
      <c r="C592" s="644">
        <v>21</v>
      </c>
      <c r="D592" s="645"/>
      <c r="E592" s="543" t="s">
        <v>800</v>
      </c>
      <c r="F592" s="544"/>
      <c r="G592" s="544"/>
      <c r="H592" s="544"/>
      <c r="I592" s="544"/>
      <c r="J592" s="544"/>
      <c r="K592" s="544"/>
      <c r="L592" s="544"/>
      <c r="M592" s="544"/>
      <c r="N592" s="544"/>
      <c r="O592" s="544"/>
      <c r="P592" s="544"/>
      <c r="Q592" s="544"/>
      <c r="R592" s="544"/>
      <c r="S592" s="544"/>
      <c r="T592" s="545"/>
      <c r="U592" s="221" t="s">
        <v>656</v>
      </c>
      <c r="V592" s="546" t="s">
        <v>107</v>
      </c>
      <c r="W592" s="547"/>
      <c r="X592" s="547"/>
      <c r="Y592" s="547"/>
      <c r="Z592" s="548"/>
      <c r="AA592" s="546" t="s">
        <v>108</v>
      </c>
      <c r="AB592" s="547"/>
      <c r="AC592" s="548"/>
      <c r="AD592" s="415">
        <v>1</v>
      </c>
      <c r="AE592" s="415">
        <v>0</v>
      </c>
      <c r="AF592" s="646"/>
      <c r="AG592" s="647"/>
      <c r="AH592" s="549"/>
      <c r="AI592" s="550"/>
      <c r="AJ592" s="551"/>
      <c r="AK592" s="118"/>
      <c r="AL592" s="38"/>
      <c r="AM592" s="54"/>
      <c r="AN592" s="1" t="str">
        <f t="shared" si="25"/>
        <v>■</v>
      </c>
    </row>
    <row r="593" spans="1:40" s="13" customFormat="1">
      <c r="A593" s="20" t="str">
        <f t="shared" si="23"/>
        <v>JD</v>
      </c>
      <c r="B593" s="20"/>
      <c r="C593" s="644">
        <v>22</v>
      </c>
      <c r="D593" s="645"/>
      <c r="E593" s="543" t="s">
        <v>801</v>
      </c>
      <c r="F593" s="544"/>
      <c r="G593" s="544"/>
      <c r="H593" s="544"/>
      <c r="I593" s="544"/>
      <c r="J593" s="544"/>
      <c r="K593" s="544"/>
      <c r="L593" s="544"/>
      <c r="M593" s="544"/>
      <c r="N593" s="544"/>
      <c r="O593" s="544"/>
      <c r="P593" s="544"/>
      <c r="Q593" s="544"/>
      <c r="R593" s="544"/>
      <c r="S593" s="544"/>
      <c r="T593" s="545"/>
      <c r="U593" s="221" t="s">
        <v>658</v>
      </c>
      <c r="V593" s="546" t="s">
        <v>107</v>
      </c>
      <c r="W593" s="547"/>
      <c r="X593" s="547"/>
      <c r="Y593" s="547"/>
      <c r="Z593" s="548"/>
      <c r="AA593" s="546" t="s">
        <v>108</v>
      </c>
      <c r="AB593" s="547"/>
      <c r="AC593" s="548"/>
      <c r="AD593" s="415">
        <v>1</v>
      </c>
      <c r="AE593" s="415">
        <v>0</v>
      </c>
      <c r="AF593" s="646"/>
      <c r="AG593" s="647"/>
      <c r="AH593" s="549"/>
      <c r="AI593" s="550"/>
      <c r="AJ593" s="551"/>
      <c r="AK593" s="118"/>
      <c r="AL593" s="38"/>
      <c r="AM593" s="54"/>
      <c r="AN593" s="1" t="str">
        <f t="shared" si="25"/>
        <v>■</v>
      </c>
    </row>
    <row r="594" spans="1:40" s="13" customFormat="1">
      <c r="A594" s="20" t="str">
        <f t="shared" si="23"/>
        <v>JD</v>
      </c>
      <c r="B594" s="20"/>
      <c r="C594" s="644">
        <v>23</v>
      </c>
      <c r="D594" s="645"/>
      <c r="E594" s="543" t="s">
        <v>802</v>
      </c>
      <c r="F594" s="544"/>
      <c r="G594" s="544"/>
      <c r="H594" s="544"/>
      <c r="I594" s="544"/>
      <c r="J594" s="544"/>
      <c r="K594" s="544"/>
      <c r="L594" s="544"/>
      <c r="M594" s="544"/>
      <c r="N594" s="544"/>
      <c r="O594" s="544"/>
      <c r="P594" s="544"/>
      <c r="Q594" s="544"/>
      <c r="R594" s="544"/>
      <c r="S594" s="544"/>
      <c r="T594" s="545"/>
      <c r="U594" s="221" t="s">
        <v>660</v>
      </c>
      <c r="V594" s="546" t="s">
        <v>107</v>
      </c>
      <c r="W594" s="547"/>
      <c r="X594" s="547"/>
      <c r="Y594" s="547"/>
      <c r="Z594" s="548"/>
      <c r="AA594" s="546" t="s">
        <v>108</v>
      </c>
      <c r="AB594" s="547"/>
      <c r="AC594" s="548"/>
      <c r="AD594" s="415">
        <v>1</v>
      </c>
      <c r="AE594" s="415">
        <v>0</v>
      </c>
      <c r="AF594" s="646"/>
      <c r="AG594" s="647"/>
      <c r="AH594" s="549"/>
      <c r="AI594" s="550"/>
      <c r="AJ594" s="551"/>
      <c r="AK594" s="118"/>
      <c r="AL594" s="38"/>
      <c r="AM594" s="54"/>
      <c r="AN594" s="1" t="str">
        <f t="shared" si="25"/>
        <v>■</v>
      </c>
    </row>
    <row r="595" spans="1:40" s="13" customFormat="1">
      <c r="A595" s="20" t="str">
        <f t="shared" si="23"/>
        <v>JD</v>
      </c>
      <c r="B595" s="20"/>
      <c r="C595" s="644">
        <v>24</v>
      </c>
      <c r="D595" s="645"/>
      <c r="E595" s="543" t="s">
        <v>803</v>
      </c>
      <c r="F595" s="544"/>
      <c r="G595" s="544"/>
      <c r="H595" s="544"/>
      <c r="I595" s="544"/>
      <c r="J595" s="544"/>
      <c r="K595" s="544"/>
      <c r="L595" s="544"/>
      <c r="M595" s="544"/>
      <c r="N595" s="544"/>
      <c r="O595" s="544"/>
      <c r="P595" s="544"/>
      <c r="Q595" s="544"/>
      <c r="R595" s="544"/>
      <c r="S595" s="544"/>
      <c r="T595" s="545"/>
      <c r="U595" s="221" t="s">
        <v>662</v>
      </c>
      <c r="V595" s="546" t="s">
        <v>107</v>
      </c>
      <c r="W595" s="547"/>
      <c r="X595" s="547"/>
      <c r="Y595" s="547"/>
      <c r="Z595" s="548"/>
      <c r="AA595" s="546" t="s">
        <v>108</v>
      </c>
      <c r="AB595" s="547"/>
      <c r="AC595" s="548"/>
      <c r="AD595" s="415">
        <v>1</v>
      </c>
      <c r="AE595" s="415">
        <v>0</v>
      </c>
      <c r="AF595" s="646"/>
      <c r="AG595" s="647"/>
      <c r="AH595" s="549"/>
      <c r="AI595" s="550"/>
      <c r="AJ595" s="551"/>
      <c r="AK595" s="118"/>
      <c r="AL595" s="38"/>
      <c r="AM595" s="54"/>
      <c r="AN595" s="1" t="str">
        <f t="shared" si="25"/>
        <v>■</v>
      </c>
    </row>
    <row r="596" spans="1:40" s="13" customFormat="1">
      <c r="A596" s="20" t="str">
        <f t="shared" si="23"/>
        <v>JD</v>
      </c>
      <c r="B596" s="20"/>
      <c r="C596" s="644">
        <v>25</v>
      </c>
      <c r="D596" s="645"/>
      <c r="E596" s="543" t="s">
        <v>804</v>
      </c>
      <c r="F596" s="544"/>
      <c r="G596" s="544"/>
      <c r="H596" s="544"/>
      <c r="I596" s="544"/>
      <c r="J596" s="544"/>
      <c r="K596" s="544"/>
      <c r="L596" s="544"/>
      <c r="M596" s="544"/>
      <c r="N596" s="544"/>
      <c r="O596" s="544"/>
      <c r="P596" s="544"/>
      <c r="Q596" s="544"/>
      <c r="R596" s="544"/>
      <c r="S596" s="544"/>
      <c r="T596" s="545"/>
      <c r="U596" s="221" t="s">
        <v>664</v>
      </c>
      <c r="V596" s="546" t="s">
        <v>107</v>
      </c>
      <c r="W596" s="547"/>
      <c r="X596" s="547"/>
      <c r="Y596" s="547"/>
      <c r="Z596" s="548"/>
      <c r="AA596" s="546" t="s">
        <v>108</v>
      </c>
      <c r="AB596" s="547"/>
      <c r="AC596" s="548"/>
      <c r="AD596" s="415">
        <v>1</v>
      </c>
      <c r="AE596" s="415">
        <v>0</v>
      </c>
      <c r="AF596" s="646"/>
      <c r="AG596" s="647"/>
      <c r="AH596" s="549"/>
      <c r="AI596" s="550"/>
      <c r="AJ596" s="551"/>
      <c r="AK596" s="118"/>
      <c r="AL596" s="38"/>
      <c r="AM596" s="54"/>
      <c r="AN596" s="1" t="str">
        <f t="shared" si="25"/>
        <v>■</v>
      </c>
    </row>
    <row r="597" spans="1:40" s="13" customFormat="1">
      <c r="A597" s="20" t="str">
        <f t="shared" si="23"/>
        <v>JD</v>
      </c>
      <c r="B597" s="20"/>
      <c r="C597" s="644">
        <v>26</v>
      </c>
      <c r="D597" s="645"/>
      <c r="E597" s="543" t="s">
        <v>805</v>
      </c>
      <c r="F597" s="544"/>
      <c r="G597" s="544"/>
      <c r="H597" s="544"/>
      <c r="I597" s="544"/>
      <c r="J597" s="544"/>
      <c r="K597" s="544"/>
      <c r="L597" s="544"/>
      <c r="M597" s="544"/>
      <c r="N597" s="544"/>
      <c r="O597" s="544"/>
      <c r="P597" s="544"/>
      <c r="Q597" s="544"/>
      <c r="R597" s="544"/>
      <c r="S597" s="544"/>
      <c r="T597" s="545"/>
      <c r="U597" s="221" t="s">
        <v>666</v>
      </c>
      <c r="V597" s="546" t="s">
        <v>107</v>
      </c>
      <c r="W597" s="547"/>
      <c r="X597" s="547"/>
      <c r="Y597" s="547"/>
      <c r="Z597" s="548"/>
      <c r="AA597" s="546" t="s">
        <v>108</v>
      </c>
      <c r="AB597" s="547"/>
      <c r="AC597" s="548"/>
      <c r="AD597" s="415">
        <v>1</v>
      </c>
      <c r="AE597" s="415">
        <v>0</v>
      </c>
      <c r="AF597" s="646"/>
      <c r="AG597" s="647"/>
      <c r="AH597" s="549"/>
      <c r="AI597" s="550"/>
      <c r="AJ597" s="551"/>
      <c r="AK597" s="118"/>
      <c r="AL597" s="38"/>
      <c r="AM597" s="54"/>
      <c r="AN597" s="1" t="str">
        <f t="shared" si="25"/>
        <v>■</v>
      </c>
    </row>
    <row r="598" spans="1:40" s="13" customFormat="1">
      <c r="A598" s="20" t="str">
        <f t="shared" si="23"/>
        <v>JD</v>
      </c>
      <c r="B598" s="20"/>
      <c r="C598" s="644">
        <v>27</v>
      </c>
      <c r="D598" s="645"/>
      <c r="E598" s="543" t="s">
        <v>806</v>
      </c>
      <c r="F598" s="544"/>
      <c r="G598" s="544"/>
      <c r="H598" s="544"/>
      <c r="I598" s="544"/>
      <c r="J598" s="544"/>
      <c r="K598" s="544"/>
      <c r="L598" s="544"/>
      <c r="M598" s="544"/>
      <c r="N598" s="544"/>
      <c r="O598" s="544"/>
      <c r="P598" s="544"/>
      <c r="Q598" s="544"/>
      <c r="R598" s="544"/>
      <c r="S598" s="544"/>
      <c r="T598" s="545"/>
      <c r="U598" s="221" t="s">
        <v>668</v>
      </c>
      <c r="V598" s="546" t="s">
        <v>107</v>
      </c>
      <c r="W598" s="547"/>
      <c r="X598" s="547"/>
      <c r="Y598" s="547"/>
      <c r="Z598" s="548"/>
      <c r="AA598" s="546" t="s">
        <v>108</v>
      </c>
      <c r="AB598" s="547"/>
      <c r="AC598" s="548"/>
      <c r="AD598" s="415">
        <v>1</v>
      </c>
      <c r="AE598" s="415">
        <v>0</v>
      </c>
      <c r="AF598" s="646"/>
      <c r="AG598" s="647"/>
      <c r="AH598" s="549"/>
      <c r="AI598" s="550"/>
      <c r="AJ598" s="551"/>
      <c r="AK598" s="118"/>
      <c r="AL598" s="38"/>
      <c r="AM598" s="54"/>
      <c r="AN598" s="1" t="str">
        <f t="shared" si="25"/>
        <v>■</v>
      </c>
    </row>
    <row r="599" spans="1:40" s="13" customFormat="1">
      <c r="A599" s="20" t="str">
        <f t="shared" si="23"/>
        <v>JD</v>
      </c>
      <c r="B599" s="20"/>
      <c r="C599" s="644">
        <v>28</v>
      </c>
      <c r="D599" s="645"/>
      <c r="E599" s="543" t="s">
        <v>807</v>
      </c>
      <c r="F599" s="544"/>
      <c r="G599" s="544"/>
      <c r="H599" s="544"/>
      <c r="I599" s="544"/>
      <c r="J599" s="544"/>
      <c r="K599" s="544"/>
      <c r="L599" s="544"/>
      <c r="M599" s="544"/>
      <c r="N599" s="544"/>
      <c r="O599" s="544"/>
      <c r="P599" s="544"/>
      <c r="Q599" s="544"/>
      <c r="R599" s="544"/>
      <c r="S599" s="544"/>
      <c r="T599" s="545"/>
      <c r="U599" s="221" t="s">
        <v>670</v>
      </c>
      <c r="V599" s="546" t="s">
        <v>107</v>
      </c>
      <c r="W599" s="547"/>
      <c r="X599" s="547"/>
      <c r="Y599" s="547"/>
      <c r="Z599" s="548"/>
      <c r="AA599" s="546" t="s">
        <v>108</v>
      </c>
      <c r="AB599" s="547"/>
      <c r="AC599" s="548"/>
      <c r="AD599" s="415">
        <v>1</v>
      </c>
      <c r="AE599" s="415">
        <v>0</v>
      </c>
      <c r="AF599" s="646"/>
      <c r="AG599" s="647"/>
      <c r="AH599" s="549"/>
      <c r="AI599" s="550"/>
      <c r="AJ599" s="551"/>
      <c r="AK599" s="118"/>
      <c r="AL599" s="38"/>
      <c r="AM599" s="54"/>
      <c r="AN599" s="1" t="str">
        <f t="shared" si="25"/>
        <v>■</v>
      </c>
    </row>
    <row r="600" spans="1:40" s="13" customFormat="1">
      <c r="A600" s="20" t="str">
        <f t="shared" si="23"/>
        <v>JD</v>
      </c>
      <c r="B600" s="20"/>
      <c r="C600" s="644">
        <v>29</v>
      </c>
      <c r="D600" s="645"/>
      <c r="E600" s="543" t="s">
        <v>808</v>
      </c>
      <c r="F600" s="544"/>
      <c r="G600" s="544"/>
      <c r="H600" s="544"/>
      <c r="I600" s="544"/>
      <c r="J600" s="544"/>
      <c r="K600" s="544"/>
      <c r="L600" s="544"/>
      <c r="M600" s="544"/>
      <c r="N600" s="544"/>
      <c r="O600" s="544"/>
      <c r="P600" s="544"/>
      <c r="Q600" s="544"/>
      <c r="R600" s="544"/>
      <c r="S600" s="544"/>
      <c r="T600" s="545"/>
      <c r="U600" s="221" t="s">
        <v>672</v>
      </c>
      <c r="V600" s="546" t="s">
        <v>107</v>
      </c>
      <c r="W600" s="547"/>
      <c r="X600" s="547"/>
      <c r="Y600" s="547"/>
      <c r="Z600" s="548"/>
      <c r="AA600" s="546" t="s">
        <v>108</v>
      </c>
      <c r="AB600" s="547"/>
      <c r="AC600" s="548"/>
      <c r="AD600" s="415">
        <v>1</v>
      </c>
      <c r="AE600" s="415">
        <v>0</v>
      </c>
      <c r="AF600" s="646"/>
      <c r="AG600" s="647"/>
      <c r="AH600" s="549"/>
      <c r="AI600" s="550"/>
      <c r="AJ600" s="551"/>
      <c r="AK600" s="118"/>
      <c r="AL600" s="38"/>
      <c r="AM600" s="54"/>
      <c r="AN600" s="1" t="str">
        <f t="shared" si="25"/>
        <v>■</v>
      </c>
    </row>
    <row r="601" spans="1:40" s="13" customFormat="1">
      <c r="A601" s="20" t="str">
        <f t="shared" si="23"/>
        <v>JD</v>
      </c>
      <c r="B601" s="20"/>
      <c r="C601" s="644">
        <v>30</v>
      </c>
      <c r="D601" s="645"/>
      <c r="E601" s="543" t="s">
        <v>809</v>
      </c>
      <c r="F601" s="544"/>
      <c r="G601" s="544"/>
      <c r="H601" s="544"/>
      <c r="I601" s="544"/>
      <c r="J601" s="544"/>
      <c r="K601" s="544"/>
      <c r="L601" s="544"/>
      <c r="M601" s="544"/>
      <c r="N601" s="544"/>
      <c r="O601" s="544"/>
      <c r="P601" s="544"/>
      <c r="Q601" s="544"/>
      <c r="R601" s="544"/>
      <c r="S601" s="544"/>
      <c r="T601" s="545"/>
      <c r="U601" s="221" t="s">
        <v>674</v>
      </c>
      <c r="V601" s="546" t="s">
        <v>107</v>
      </c>
      <c r="W601" s="547"/>
      <c r="X601" s="547"/>
      <c r="Y601" s="547"/>
      <c r="Z601" s="548"/>
      <c r="AA601" s="546" t="s">
        <v>108</v>
      </c>
      <c r="AB601" s="547"/>
      <c r="AC601" s="548"/>
      <c r="AD601" s="415">
        <v>1</v>
      </c>
      <c r="AE601" s="415">
        <v>0</v>
      </c>
      <c r="AF601" s="646"/>
      <c r="AG601" s="647"/>
      <c r="AH601" s="549"/>
      <c r="AI601" s="550"/>
      <c r="AJ601" s="551"/>
      <c r="AK601" s="118"/>
      <c r="AL601" s="38"/>
      <c r="AM601" s="54"/>
      <c r="AN601" s="1" t="str">
        <f t="shared" si="25"/>
        <v>■</v>
      </c>
    </row>
    <row r="602" spans="1:40" s="13" customFormat="1">
      <c r="A602" s="20" t="str">
        <f t="shared" si="23"/>
        <v>JD</v>
      </c>
      <c r="B602" s="20"/>
      <c r="C602" s="644">
        <v>31</v>
      </c>
      <c r="D602" s="645"/>
      <c r="E602" s="543" t="s">
        <v>810</v>
      </c>
      <c r="F602" s="544"/>
      <c r="G602" s="544"/>
      <c r="H602" s="544"/>
      <c r="I602" s="544"/>
      <c r="J602" s="544"/>
      <c r="K602" s="544"/>
      <c r="L602" s="544"/>
      <c r="M602" s="544"/>
      <c r="N602" s="544"/>
      <c r="O602" s="544"/>
      <c r="P602" s="544"/>
      <c r="Q602" s="544"/>
      <c r="R602" s="544"/>
      <c r="S602" s="544"/>
      <c r="T602" s="545"/>
      <c r="U602" s="221" t="s">
        <v>676</v>
      </c>
      <c r="V602" s="546" t="s">
        <v>107</v>
      </c>
      <c r="W602" s="547"/>
      <c r="X602" s="547"/>
      <c r="Y602" s="547"/>
      <c r="Z602" s="548"/>
      <c r="AA602" s="546" t="s">
        <v>108</v>
      </c>
      <c r="AB602" s="547"/>
      <c r="AC602" s="548"/>
      <c r="AD602" s="415">
        <v>1</v>
      </c>
      <c r="AE602" s="415">
        <v>0</v>
      </c>
      <c r="AF602" s="646"/>
      <c r="AG602" s="647"/>
      <c r="AH602" s="549"/>
      <c r="AI602" s="550"/>
      <c r="AJ602" s="551"/>
      <c r="AK602" s="118"/>
      <c r="AL602" s="38"/>
      <c r="AM602" s="54"/>
      <c r="AN602" s="1" t="str">
        <f t="shared" si="25"/>
        <v>■</v>
      </c>
    </row>
    <row r="603" spans="1:40" s="13" customFormat="1">
      <c r="A603" s="20" t="str">
        <f t="shared" si="23"/>
        <v>JD</v>
      </c>
      <c r="B603" s="20"/>
      <c r="C603" s="644">
        <v>32</v>
      </c>
      <c r="D603" s="645"/>
      <c r="E603" s="543" t="s">
        <v>811</v>
      </c>
      <c r="F603" s="544"/>
      <c r="G603" s="544"/>
      <c r="H603" s="544"/>
      <c r="I603" s="544"/>
      <c r="J603" s="544"/>
      <c r="K603" s="544"/>
      <c r="L603" s="544"/>
      <c r="M603" s="544"/>
      <c r="N603" s="544"/>
      <c r="O603" s="544"/>
      <c r="P603" s="544"/>
      <c r="Q603" s="544"/>
      <c r="R603" s="544"/>
      <c r="S603" s="544"/>
      <c r="T603" s="545"/>
      <c r="U603" s="221" t="s">
        <v>678</v>
      </c>
      <c r="V603" s="546" t="s">
        <v>107</v>
      </c>
      <c r="W603" s="547"/>
      <c r="X603" s="547"/>
      <c r="Y603" s="547"/>
      <c r="Z603" s="548"/>
      <c r="AA603" s="546" t="s">
        <v>108</v>
      </c>
      <c r="AB603" s="547"/>
      <c r="AC603" s="548"/>
      <c r="AD603" s="415">
        <v>1</v>
      </c>
      <c r="AE603" s="415">
        <v>0</v>
      </c>
      <c r="AF603" s="646"/>
      <c r="AG603" s="647"/>
      <c r="AH603" s="549"/>
      <c r="AI603" s="550"/>
      <c r="AJ603" s="551"/>
      <c r="AK603" s="118"/>
      <c r="AL603" s="38"/>
      <c r="AM603" s="54"/>
      <c r="AN603" s="1" t="str">
        <f t="shared" si="25"/>
        <v>■</v>
      </c>
    </row>
    <row r="604" spans="1:40" s="13" customFormat="1">
      <c r="A604" s="20" t="str">
        <f t="shared" si="23"/>
        <v>JD</v>
      </c>
      <c r="B604" s="20"/>
      <c r="C604" s="644">
        <v>33</v>
      </c>
      <c r="D604" s="645"/>
      <c r="E604" s="543" t="s">
        <v>812</v>
      </c>
      <c r="F604" s="544"/>
      <c r="G604" s="544"/>
      <c r="H604" s="544"/>
      <c r="I604" s="544"/>
      <c r="J604" s="544"/>
      <c r="K604" s="544"/>
      <c r="L604" s="544"/>
      <c r="M604" s="544"/>
      <c r="N604" s="544"/>
      <c r="O604" s="544"/>
      <c r="P604" s="544"/>
      <c r="Q604" s="544"/>
      <c r="R604" s="544"/>
      <c r="S604" s="544"/>
      <c r="T604" s="545"/>
      <c r="U604" s="221" t="s">
        <v>680</v>
      </c>
      <c r="V604" s="546" t="s">
        <v>107</v>
      </c>
      <c r="W604" s="547"/>
      <c r="X604" s="547"/>
      <c r="Y604" s="547"/>
      <c r="Z604" s="548"/>
      <c r="AA604" s="546" t="s">
        <v>108</v>
      </c>
      <c r="AB604" s="547"/>
      <c r="AC604" s="548"/>
      <c r="AD604" s="415">
        <v>1</v>
      </c>
      <c r="AE604" s="415">
        <v>0</v>
      </c>
      <c r="AF604" s="646"/>
      <c r="AG604" s="647"/>
      <c r="AH604" s="549"/>
      <c r="AI604" s="550"/>
      <c r="AJ604" s="551"/>
      <c r="AK604" s="118"/>
      <c r="AL604" s="38"/>
      <c r="AM604" s="54"/>
      <c r="AN604" s="1" t="str">
        <f t="shared" si="25"/>
        <v>■</v>
      </c>
    </row>
    <row r="605" spans="1:40" s="13" customFormat="1">
      <c r="A605" s="20" t="str">
        <f t="shared" si="23"/>
        <v>JD</v>
      </c>
      <c r="B605" s="20"/>
      <c r="C605" s="644">
        <v>34</v>
      </c>
      <c r="D605" s="645"/>
      <c r="E605" s="543" t="s">
        <v>813</v>
      </c>
      <c r="F605" s="544"/>
      <c r="G605" s="544"/>
      <c r="H605" s="544"/>
      <c r="I605" s="544"/>
      <c r="J605" s="544"/>
      <c r="K605" s="544"/>
      <c r="L605" s="544"/>
      <c r="M605" s="544"/>
      <c r="N605" s="544"/>
      <c r="O605" s="544"/>
      <c r="P605" s="544"/>
      <c r="Q605" s="544"/>
      <c r="R605" s="544"/>
      <c r="S605" s="544"/>
      <c r="T605" s="545"/>
      <c r="U605" s="221" t="s">
        <v>682</v>
      </c>
      <c r="V605" s="546" t="s">
        <v>107</v>
      </c>
      <c r="W605" s="547"/>
      <c r="X605" s="547"/>
      <c r="Y605" s="547"/>
      <c r="Z605" s="548"/>
      <c r="AA605" s="546" t="s">
        <v>108</v>
      </c>
      <c r="AB605" s="547"/>
      <c r="AC605" s="548"/>
      <c r="AD605" s="415">
        <v>1</v>
      </c>
      <c r="AE605" s="415">
        <v>0</v>
      </c>
      <c r="AF605" s="646"/>
      <c r="AG605" s="647"/>
      <c r="AH605" s="549"/>
      <c r="AI605" s="550"/>
      <c r="AJ605" s="551"/>
      <c r="AK605" s="118"/>
      <c r="AL605" s="38"/>
      <c r="AM605" s="54"/>
      <c r="AN605" s="1" t="str">
        <f t="shared" si="25"/>
        <v>■</v>
      </c>
    </row>
    <row r="606" spans="1:40" s="13" customFormat="1">
      <c r="A606" s="20" t="str">
        <f t="shared" si="23"/>
        <v>JD</v>
      </c>
      <c r="B606" s="20"/>
      <c r="C606" s="644">
        <v>35</v>
      </c>
      <c r="D606" s="645"/>
      <c r="E606" s="543" t="s">
        <v>814</v>
      </c>
      <c r="F606" s="544"/>
      <c r="G606" s="544"/>
      <c r="H606" s="544"/>
      <c r="I606" s="544"/>
      <c r="J606" s="544"/>
      <c r="K606" s="544"/>
      <c r="L606" s="544"/>
      <c r="M606" s="544"/>
      <c r="N606" s="544"/>
      <c r="O606" s="544"/>
      <c r="P606" s="544"/>
      <c r="Q606" s="544"/>
      <c r="R606" s="544"/>
      <c r="S606" s="544"/>
      <c r="T606" s="545"/>
      <c r="U606" s="221" t="s">
        <v>684</v>
      </c>
      <c r="V606" s="546" t="s">
        <v>107</v>
      </c>
      <c r="W606" s="547"/>
      <c r="X606" s="547"/>
      <c r="Y606" s="547"/>
      <c r="Z606" s="548"/>
      <c r="AA606" s="546" t="s">
        <v>108</v>
      </c>
      <c r="AB606" s="547"/>
      <c r="AC606" s="548"/>
      <c r="AD606" s="415">
        <v>1</v>
      </c>
      <c r="AE606" s="415">
        <v>0</v>
      </c>
      <c r="AF606" s="646"/>
      <c r="AG606" s="647"/>
      <c r="AH606" s="549"/>
      <c r="AI606" s="550"/>
      <c r="AJ606" s="551"/>
      <c r="AK606" s="118"/>
      <c r="AL606" s="38"/>
      <c r="AM606" s="54"/>
      <c r="AN606" s="1" t="str">
        <f t="shared" si="25"/>
        <v>■</v>
      </c>
    </row>
    <row r="607" spans="1:40" s="13" customFormat="1">
      <c r="A607" s="20" t="str">
        <f t="shared" si="23"/>
        <v>JD</v>
      </c>
      <c r="B607" s="20"/>
      <c r="C607" s="644">
        <v>36</v>
      </c>
      <c r="D607" s="645"/>
      <c r="E607" s="543" t="s">
        <v>815</v>
      </c>
      <c r="F607" s="544"/>
      <c r="G607" s="544"/>
      <c r="H607" s="544"/>
      <c r="I607" s="544"/>
      <c r="J607" s="544"/>
      <c r="K607" s="544"/>
      <c r="L607" s="544"/>
      <c r="M607" s="544"/>
      <c r="N607" s="544"/>
      <c r="O607" s="544"/>
      <c r="P607" s="544"/>
      <c r="Q607" s="544"/>
      <c r="R607" s="544"/>
      <c r="S607" s="544"/>
      <c r="T607" s="545"/>
      <c r="U607" s="221" t="s">
        <v>686</v>
      </c>
      <c r="V607" s="546" t="s">
        <v>107</v>
      </c>
      <c r="W607" s="547"/>
      <c r="X607" s="547"/>
      <c r="Y607" s="547"/>
      <c r="Z607" s="548"/>
      <c r="AA607" s="546" t="s">
        <v>108</v>
      </c>
      <c r="AB607" s="547"/>
      <c r="AC607" s="548"/>
      <c r="AD607" s="415">
        <v>1</v>
      </c>
      <c r="AE607" s="415">
        <v>0</v>
      </c>
      <c r="AF607" s="646"/>
      <c r="AG607" s="647"/>
      <c r="AH607" s="549"/>
      <c r="AI607" s="550"/>
      <c r="AJ607" s="551"/>
      <c r="AK607" s="118"/>
      <c r="AL607" s="38"/>
      <c r="AM607" s="54"/>
      <c r="AN607" s="1" t="str">
        <f t="shared" si="25"/>
        <v>■</v>
      </c>
    </row>
    <row r="608" spans="1:40" s="13" customFormat="1">
      <c r="A608" s="20" t="str">
        <f t="shared" si="23"/>
        <v>JD</v>
      </c>
      <c r="B608" s="20"/>
      <c r="C608" s="644">
        <v>37</v>
      </c>
      <c r="D608" s="645"/>
      <c r="E608" s="543" t="s">
        <v>816</v>
      </c>
      <c r="F608" s="544"/>
      <c r="G608" s="544"/>
      <c r="H608" s="544"/>
      <c r="I608" s="544"/>
      <c r="J608" s="544"/>
      <c r="K608" s="544"/>
      <c r="L608" s="544"/>
      <c r="M608" s="544"/>
      <c r="N608" s="544"/>
      <c r="O608" s="544"/>
      <c r="P608" s="544"/>
      <c r="Q608" s="544"/>
      <c r="R608" s="544"/>
      <c r="S608" s="544"/>
      <c r="T608" s="545"/>
      <c r="U608" s="221" t="s">
        <v>688</v>
      </c>
      <c r="V608" s="546" t="s">
        <v>107</v>
      </c>
      <c r="W608" s="547"/>
      <c r="X608" s="547"/>
      <c r="Y608" s="547"/>
      <c r="Z608" s="548"/>
      <c r="AA608" s="546" t="s">
        <v>108</v>
      </c>
      <c r="AB608" s="547"/>
      <c r="AC608" s="548"/>
      <c r="AD608" s="415">
        <v>1</v>
      </c>
      <c r="AE608" s="415">
        <v>0</v>
      </c>
      <c r="AF608" s="646"/>
      <c r="AG608" s="647"/>
      <c r="AH608" s="549"/>
      <c r="AI608" s="550"/>
      <c r="AJ608" s="551"/>
      <c r="AK608" s="118"/>
      <c r="AL608" s="38"/>
      <c r="AM608" s="54"/>
      <c r="AN608" s="1" t="str">
        <f t="shared" si="25"/>
        <v>■</v>
      </c>
    </row>
    <row r="609" spans="1:40" s="13" customFormat="1">
      <c r="A609" s="20" t="str">
        <f t="shared" si="23"/>
        <v>JD</v>
      </c>
      <c r="B609" s="20"/>
      <c r="C609" s="644">
        <v>38</v>
      </c>
      <c r="D609" s="645"/>
      <c r="E609" s="543" t="s">
        <v>817</v>
      </c>
      <c r="F609" s="544"/>
      <c r="G609" s="544"/>
      <c r="H609" s="544"/>
      <c r="I609" s="544"/>
      <c r="J609" s="544"/>
      <c r="K609" s="544"/>
      <c r="L609" s="544"/>
      <c r="M609" s="544"/>
      <c r="N609" s="544"/>
      <c r="O609" s="544"/>
      <c r="P609" s="544"/>
      <c r="Q609" s="544"/>
      <c r="R609" s="544"/>
      <c r="S609" s="544"/>
      <c r="T609" s="545"/>
      <c r="U609" s="221" t="s">
        <v>453</v>
      </c>
      <c r="V609" s="546" t="s">
        <v>107</v>
      </c>
      <c r="W609" s="547"/>
      <c r="X609" s="547"/>
      <c r="Y609" s="547"/>
      <c r="Z609" s="548"/>
      <c r="AA609" s="546" t="s">
        <v>102</v>
      </c>
      <c r="AB609" s="547"/>
      <c r="AC609" s="548"/>
      <c r="AD609" s="415">
        <v>6</v>
      </c>
      <c r="AE609" s="415" t="s">
        <v>103</v>
      </c>
      <c r="AF609" s="646"/>
      <c r="AG609" s="647"/>
      <c r="AH609" s="549"/>
      <c r="AI609" s="550"/>
      <c r="AJ609" s="551"/>
      <c r="AK609" s="118"/>
      <c r="AL609" s="38"/>
      <c r="AM609" s="54"/>
      <c r="AN609" s="1" t="str">
        <f t="shared" si="25"/>
        <v>■</v>
      </c>
    </row>
    <row r="610" spans="1:40" s="13" customFormat="1">
      <c r="A610" s="20" t="str">
        <f t="shared" si="23"/>
        <v>JD</v>
      </c>
      <c r="B610" s="20"/>
      <c r="C610" s="644">
        <v>39</v>
      </c>
      <c r="D610" s="645"/>
      <c r="E610" s="543" t="s">
        <v>411</v>
      </c>
      <c r="F610" s="544"/>
      <c r="G610" s="544"/>
      <c r="H610" s="544"/>
      <c r="I610" s="544"/>
      <c r="J610" s="544"/>
      <c r="K610" s="544"/>
      <c r="L610" s="544"/>
      <c r="M610" s="544"/>
      <c r="N610" s="544"/>
      <c r="O610" s="544"/>
      <c r="P610" s="544"/>
      <c r="Q610" s="544"/>
      <c r="R610" s="544"/>
      <c r="S610" s="544"/>
      <c r="T610" s="545"/>
      <c r="U610" s="221" t="s">
        <v>516</v>
      </c>
      <c r="V610" s="546" t="s">
        <v>107</v>
      </c>
      <c r="W610" s="547"/>
      <c r="X610" s="547"/>
      <c r="Y610" s="547"/>
      <c r="Z610" s="548"/>
      <c r="AA610" s="546" t="s">
        <v>102</v>
      </c>
      <c r="AB610" s="547"/>
      <c r="AC610" s="548"/>
      <c r="AD610" s="415">
        <v>6</v>
      </c>
      <c r="AE610" s="415" t="s">
        <v>103</v>
      </c>
      <c r="AF610" s="646"/>
      <c r="AG610" s="647"/>
      <c r="AH610" s="549"/>
      <c r="AI610" s="550"/>
      <c r="AJ610" s="551"/>
      <c r="AK610" s="118"/>
      <c r="AL610" s="38"/>
      <c r="AM610" s="54"/>
      <c r="AN610" s="1" t="str">
        <f t="shared" si="25"/>
        <v>■</v>
      </c>
    </row>
    <row r="611" spans="1:40" s="13" customFormat="1" ht="13.4" customHeight="1">
      <c r="A611" s="20" t="str">
        <f t="shared" si="23"/>
        <v>JD</v>
      </c>
      <c r="B611" s="20"/>
      <c r="C611" s="122"/>
      <c r="D611" s="122"/>
      <c r="E611" s="215"/>
      <c r="F611" s="215"/>
      <c r="G611" s="215"/>
      <c r="H611" s="215"/>
      <c r="I611" s="215"/>
      <c r="J611" s="215"/>
      <c r="K611" s="215"/>
      <c r="L611" s="215"/>
      <c r="M611" s="215"/>
      <c r="N611" s="215"/>
      <c r="O611" s="215"/>
      <c r="P611" s="215"/>
      <c r="Q611" s="215"/>
      <c r="R611" s="215"/>
      <c r="S611" s="215"/>
      <c r="T611" s="215"/>
      <c r="U611" s="241"/>
      <c r="V611" s="75"/>
      <c r="W611" s="75"/>
      <c r="X611" s="75"/>
      <c r="Y611" s="75"/>
      <c r="Z611" s="75"/>
      <c r="AA611" s="650"/>
      <c r="AB611" s="650"/>
      <c r="AC611" s="650"/>
      <c r="AD611" s="216"/>
      <c r="AE611" s="216"/>
      <c r="AF611" s="124"/>
      <c r="AG611" s="73"/>
      <c r="AH611" s="124"/>
      <c r="AI611" s="122"/>
      <c r="AJ611" s="124"/>
      <c r="AK611" s="54"/>
      <c r="AL611" s="38"/>
      <c r="AM611" s="54"/>
    </row>
    <row r="612" spans="1:40" s="13" customFormat="1" ht="13.4" customHeight="1">
      <c r="A612" s="20" t="str">
        <f t="shared" si="23"/>
        <v>MF</v>
      </c>
      <c r="B612" s="20"/>
      <c r="C612" s="52" t="s">
        <v>380</v>
      </c>
      <c r="D612" s="122"/>
      <c r="E612" s="215"/>
      <c r="F612" s="215"/>
      <c r="G612" s="215"/>
      <c r="H612" s="215"/>
      <c r="I612" s="215"/>
      <c r="J612" s="26" t="s">
        <v>818</v>
      </c>
      <c r="K612" s="215"/>
      <c r="L612" s="215"/>
      <c r="M612" s="215"/>
      <c r="N612" s="215"/>
      <c r="O612" s="215"/>
      <c r="P612" s="215"/>
      <c r="Q612" s="215"/>
      <c r="R612" s="215"/>
      <c r="S612" s="215"/>
      <c r="T612" s="215"/>
      <c r="U612" s="26" t="s">
        <v>1341</v>
      </c>
      <c r="V612" s="75"/>
      <c r="W612" s="75"/>
      <c r="X612" s="75"/>
      <c r="Y612" s="75"/>
      <c r="Z612" s="75"/>
      <c r="AA612" s="651"/>
      <c r="AB612" s="651"/>
      <c r="AC612" s="651"/>
      <c r="AD612" s="216"/>
      <c r="AE612" s="216"/>
      <c r="AF612" s="124"/>
      <c r="AG612" s="348"/>
      <c r="AH612" s="124"/>
      <c r="AI612" s="122"/>
      <c r="AJ612" s="124"/>
      <c r="AK612" s="54"/>
      <c r="AL612" s="38"/>
      <c r="AM612" s="54"/>
    </row>
    <row r="613" spans="1:40" s="13" customFormat="1" ht="13.4" customHeight="1">
      <c r="A613" s="20" t="str">
        <f t="shared" si="23"/>
        <v>MF</v>
      </c>
      <c r="B613" s="20"/>
      <c r="C613" s="662" t="s">
        <v>73</v>
      </c>
      <c r="D613" s="664"/>
      <c r="E613" s="662" t="s">
        <v>94</v>
      </c>
      <c r="F613" s="663"/>
      <c r="G613" s="663"/>
      <c r="H613" s="663"/>
      <c r="I613" s="663"/>
      <c r="J613" s="663"/>
      <c r="K613" s="663"/>
      <c r="L613" s="663"/>
      <c r="M613" s="663"/>
      <c r="N613" s="663"/>
      <c r="O613" s="663"/>
      <c r="P613" s="663"/>
      <c r="Q613" s="663"/>
      <c r="R613" s="663"/>
      <c r="S613" s="663"/>
      <c r="T613" s="664"/>
      <c r="U613" s="226" t="s">
        <v>383</v>
      </c>
      <c r="V613" s="658" t="s">
        <v>138</v>
      </c>
      <c r="W613" s="668"/>
      <c r="X613" s="668"/>
      <c r="Y613" s="668"/>
      <c r="Z613" s="659"/>
      <c r="AA613" s="652" t="s">
        <v>959</v>
      </c>
      <c r="AB613" s="653"/>
      <c r="AC613" s="654"/>
      <c r="AD613" s="658" t="s">
        <v>97</v>
      </c>
      <c r="AE613" s="659"/>
      <c r="AF613" s="658" t="s">
        <v>98</v>
      </c>
      <c r="AG613" s="659"/>
      <c r="AH613" s="662" t="s">
        <v>75</v>
      </c>
      <c r="AI613" s="663"/>
      <c r="AJ613" s="664"/>
      <c r="AK613" s="621" t="s">
        <v>159</v>
      </c>
      <c r="AL613" s="38"/>
      <c r="AM613" s="54"/>
      <c r="AN613" s="1"/>
    </row>
    <row r="614" spans="1:40" s="13" customFormat="1" ht="13.4" customHeight="1">
      <c r="A614" s="20" t="str">
        <f t="shared" si="23"/>
        <v>MF</v>
      </c>
      <c r="B614" s="20"/>
      <c r="C614" s="665"/>
      <c r="D614" s="667"/>
      <c r="E614" s="665"/>
      <c r="F614" s="666"/>
      <c r="G614" s="666"/>
      <c r="H614" s="666"/>
      <c r="I614" s="666"/>
      <c r="J614" s="666"/>
      <c r="K614" s="666"/>
      <c r="L614" s="666"/>
      <c r="M614" s="666"/>
      <c r="N614" s="666"/>
      <c r="O614" s="666"/>
      <c r="P614" s="666"/>
      <c r="Q614" s="666"/>
      <c r="R614" s="666"/>
      <c r="S614" s="666"/>
      <c r="T614" s="667"/>
      <c r="U614" s="227"/>
      <c r="V614" s="660"/>
      <c r="W614" s="669"/>
      <c r="X614" s="669"/>
      <c r="Y614" s="669"/>
      <c r="Z614" s="661"/>
      <c r="AA614" s="655"/>
      <c r="AB614" s="656"/>
      <c r="AC614" s="657"/>
      <c r="AD614" s="660"/>
      <c r="AE614" s="661"/>
      <c r="AF614" s="660"/>
      <c r="AG614" s="661"/>
      <c r="AH614" s="665"/>
      <c r="AI614" s="666"/>
      <c r="AJ614" s="667"/>
      <c r="AK614" s="622"/>
      <c r="AL614" s="38"/>
      <c r="AM614" s="54"/>
      <c r="AN614" s="1"/>
    </row>
    <row r="615" spans="1:40" s="13" customFormat="1" ht="13.4" customHeight="1">
      <c r="A615" s="20" t="str">
        <f t="shared" si="23"/>
        <v>MF</v>
      </c>
      <c r="B615" s="20"/>
      <c r="C615" s="644">
        <v>1</v>
      </c>
      <c r="D615" s="645"/>
      <c r="E615" s="563" t="s">
        <v>440</v>
      </c>
      <c r="F615" s="564"/>
      <c r="G615" s="564"/>
      <c r="H615" s="564"/>
      <c r="I615" s="564"/>
      <c r="J615" s="564"/>
      <c r="K615" s="564"/>
      <c r="L615" s="564"/>
      <c r="M615" s="564"/>
      <c r="N615" s="564"/>
      <c r="O615" s="564"/>
      <c r="P615" s="564"/>
      <c r="Q615" s="564"/>
      <c r="R615" s="564"/>
      <c r="S615" s="564"/>
      <c r="T615" s="565"/>
      <c r="U615" s="219" t="s">
        <v>441</v>
      </c>
      <c r="V615" s="546" t="s">
        <v>101</v>
      </c>
      <c r="W615" s="547"/>
      <c r="X615" s="547"/>
      <c r="Y615" s="547"/>
      <c r="Z615" s="548"/>
      <c r="AA615" s="546" t="s">
        <v>102</v>
      </c>
      <c r="AB615" s="547"/>
      <c r="AC615" s="548"/>
      <c r="AD615" s="415">
        <v>10</v>
      </c>
      <c r="AE615" s="415" t="s">
        <v>103</v>
      </c>
      <c r="AF615" s="646"/>
      <c r="AG615" s="647"/>
      <c r="AH615" s="549"/>
      <c r="AI615" s="550"/>
      <c r="AJ615" s="551"/>
      <c r="AK615" s="118"/>
      <c r="AL615" s="38"/>
      <c r="AM615" s="54"/>
      <c r="AN615" s="1" t="str">
        <f>$S$21</f>
        <v>■</v>
      </c>
    </row>
    <row r="616" spans="1:40" s="13" customFormat="1" ht="13.4" customHeight="1">
      <c r="A616" s="20" t="str">
        <f t="shared" si="23"/>
        <v>MF</v>
      </c>
      <c r="B616" s="20"/>
      <c r="C616" s="644">
        <v>2</v>
      </c>
      <c r="D616" s="645"/>
      <c r="E616" s="563" t="s">
        <v>442</v>
      </c>
      <c r="F616" s="564"/>
      <c r="G616" s="564"/>
      <c r="H616" s="564"/>
      <c r="I616" s="564"/>
      <c r="J616" s="564"/>
      <c r="K616" s="564"/>
      <c r="L616" s="564"/>
      <c r="M616" s="564"/>
      <c r="N616" s="564"/>
      <c r="O616" s="564"/>
      <c r="P616" s="564"/>
      <c r="Q616" s="564"/>
      <c r="R616" s="564"/>
      <c r="S616" s="564"/>
      <c r="T616" s="565"/>
      <c r="U616" s="219" t="s">
        <v>443</v>
      </c>
      <c r="V616" s="546" t="s">
        <v>101</v>
      </c>
      <c r="W616" s="547"/>
      <c r="X616" s="547"/>
      <c r="Y616" s="547"/>
      <c r="Z616" s="548"/>
      <c r="AA616" s="546" t="s">
        <v>102</v>
      </c>
      <c r="AB616" s="547"/>
      <c r="AC616" s="548"/>
      <c r="AD616" s="415">
        <v>51</v>
      </c>
      <c r="AE616" s="415" t="s">
        <v>103</v>
      </c>
      <c r="AF616" s="646"/>
      <c r="AG616" s="647"/>
      <c r="AH616" s="549"/>
      <c r="AI616" s="550"/>
      <c r="AJ616" s="551"/>
      <c r="AK616" s="118"/>
      <c r="AL616" s="38"/>
      <c r="AM616" s="54"/>
      <c r="AN616" s="1" t="str">
        <f t="shared" ref="AN616:AN653" si="26">$S$21</f>
        <v>■</v>
      </c>
    </row>
    <row r="617" spans="1:40" s="13" customFormat="1" ht="13.4" customHeight="1">
      <c r="A617" s="20" t="str">
        <f t="shared" si="23"/>
        <v>MF</v>
      </c>
      <c r="B617" s="20"/>
      <c r="C617" s="552">
        <v>3</v>
      </c>
      <c r="D617" s="553"/>
      <c r="E617" s="566" t="s">
        <v>106</v>
      </c>
      <c r="F617" s="567"/>
      <c r="G617" s="567"/>
      <c r="H617" s="567"/>
      <c r="I617" s="567"/>
      <c r="J617" s="567"/>
      <c r="K617" s="567"/>
      <c r="L617" s="567"/>
      <c r="M617" s="567"/>
      <c r="N617" s="567"/>
      <c r="O617" s="567"/>
      <c r="P617" s="567"/>
      <c r="Q617" s="567"/>
      <c r="R617" s="567"/>
      <c r="S617" s="567"/>
      <c r="T617" s="568"/>
      <c r="U617" s="220" t="s">
        <v>444</v>
      </c>
      <c r="V617" s="557" t="s">
        <v>107</v>
      </c>
      <c r="W617" s="558"/>
      <c r="X617" s="558"/>
      <c r="Y617" s="558"/>
      <c r="Z617" s="559"/>
      <c r="AA617" s="557" t="s">
        <v>108</v>
      </c>
      <c r="AB617" s="558"/>
      <c r="AC617" s="559"/>
      <c r="AD617" s="419">
        <v>1</v>
      </c>
      <c r="AE617" s="419">
        <v>0</v>
      </c>
      <c r="AF617" s="648" t="s">
        <v>109</v>
      </c>
      <c r="AG617" s="649"/>
      <c r="AH617" s="560"/>
      <c r="AI617" s="561"/>
      <c r="AJ617" s="562"/>
      <c r="AK617" s="333" t="s">
        <v>416</v>
      </c>
      <c r="AL617" s="38"/>
      <c r="AM617" s="54"/>
      <c r="AN617" s="1" t="str">
        <f t="shared" si="26"/>
        <v>■</v>
      </c>
    </row>
    <row r="618" spans="1:40" s="13" customFormat="1" ht="13.4" customHeight="1">
      <c r="A618" s="20" t="str">
        <f t="shared" si="23"/>
        <v>MF</v>
      </c>
      <c r="B618" s="20"/>
      <c r="C618" s="541">
        <v>4</v>
      </c>
      <c r="D618" s="542"/>
      <c r="E618" s="563" t="s">
        <v>110</v>
      </c>
      <c r="F618" s="564"/>
      <c r="G618" s="564"/>
      <c r="H618" s="564"/>
      <c r="I618" s="564"/>
      <c r="J618" s="564"/>
      <c r="K618" s="564"/>
      <c r="L618" s="564"/>
      <c r="M618" s="564"/>
      <c r="N618" s="564"/>
      <c r="O618" s="564"/>
      <c r="P618" s="564"/>
      <c r="Q618" s="564"/>
      <c r="R618" s="564"/>
      <c r="S618" s="564"/>
      <c r="T618" s="565"/>
      <c r="U618" s="221" t="s">
        <v>445</v>
      </c>
      <c r="V618" s="546" t="s">
        <v>107</v>
      </c>
      <c r="W618" s="547"/>
      <c r="X618" s="547"/>
      <c r="Y618" s="547"/>
      <c r="Z618" s="548"/>
      <c r="AA618" s="546" t="s">
        <v>108</v>
      </c>
      <c r="AB618" s="547"/>
      <c r="AC618" s="548"/>
      <c r="AD618" s="415">
        <v>1</v>
      </c>
      <c r="AE618" s="415">
        <v>0</v>
      </c>
      <c r="AF618" s="646"/>
      <c r="AG618" s="647"/>
      <c r="AH618" s="549"/>
      <c r="AI618" s="550"/>
      <c r="AJ618" s="551"/>
      <c r="AK618" s="332"/>
      <c r="AL618" s="38"/>
      <c r="AM618" s="54"/>
      <c r="AN618" s="1" t="str">
        <f t="shared" si="26"/>
        <v>■</v>
      </c>
    </row>
    <row r="619" spans="1:40" s="13" customFormat="1" ht="13.4" customHeight="1">
      <c r="A619" s="20" t="str">
        <f t="shared" si="23"/>
        <v>MF</v>
      </c>
      <c r="B619" s="20"/>
      <c r="C619" s="644">
        <v>5</v>
      </c>
      <c r="D619" s="645"/>
      <c r="E619" s="543" t="s">
        <v>80</v>
      </c>
      <c r="F619" s="544"/>
      <c r="G619" s="544"/>
      <c r="H619" s="544"/>
      <c r="I619" s="544"/>
      <c r="J619" s="544"/>
      <c r="K619" s="544"/>
      <c r="L619" s="544"/>
      <c r="M619" s="544"/>
      <c r="N619" s="544"/>
      <c r="O619" s="544"/>
      <c r="P619" s="544"/>
      <c r="Q619" s="544"/>
      <c r="R619" s="544"/>
      <c r="S619" s="544"/>
      <c r="T619" s="545"/>
      <c r="U619" s="221" t="s">
        <v>446</v>
      </c>
      <c r="V619" s="546" t="s">
        <v>101</v>
      </c>
      <c r="W619" s="547"/>
      <c r="X619" s="547"/>
      <c r="Y619" s="547"/>
      <c r="Z619" s="548"/>
      <c r="AA619" s="546" t="s">
        <v>102</v>
      </c>
      <c r="AB619" s="547"/>
      <c r="AC619" s="548"/>
      <c r="AD619" s="415">
        <v>2</v>
      </c>
      <c r="AE619" s="415" t="s">
        <v>103</v>
      </c>
      <c r="AF619" s="646"/>
      <c r="AG619" s="647"/>
      <c r="AH619" s="549"/>
      <c r="AI619" s="550"/>
      <c r="AJ619" s="551"/>
      <c r="AK619" s="118"/>
      <c r="AL619" s="38"/>
      <c r="AM619" s="54"/>
      <c r="AN619" s="1" t="str">
        <f t="shared" si="26"/>
        <v>■</v>
      </c>
    </row>
    <row r="620" spans="1:40" s="13" customFormat="1">
      <c r="A620" s="20" t="str">
        <f t="shared" ref="A620:A678" si="27">IF(LEN(J620)&gt;0,MID(J620,FIND("（",J620,1)+1,2),A619)</f>
        <v>MF</v>
      </c>
      <c r="B620" s="20"/>
      <c r="C620" s="644">
        <v>6</v>
      </c>
      <c r="D620" s="645"/>
      <c r="E620" s="543" t="s">
        <v>820</v>
      </c>
      <c r="F620" s="544"/>
      <c r="G620" s="544"/>
      <c r="H620" s="544"/>
      <c r="I620" s="544"/>
      <c r="J620" s="544"/>
      <c r="K620" s="544"/>
      <c r="L620" s="544"/>
      <c r="M620" s="544"/>
      <c r="N620" s="544"/>
      <c r="O620" s="544"/>
      <c r="P620" s="544"/>
      <c r="Q620" s="544"/>
      <c r="R620" s="544"/>
      <c r="S620" s="544"/>
      <c r="T620" s="545"/>
      <c r="U620" s="221" t="s">
        <v>821</v>
      </c>
      <c r="V620" s="546" t="s">
        <v>107</v>
      </c>
      <c r="W620" s="547"/>
      <c r="X620" s="547"/>
      <c r="Y620" s="547"/>
      <c r="Z620" s="548"/>
      <c r="AA620" s="546" t="s">
        <v>102</v>
      </c>
      <c r="AB620" s="547"/>
      <c r="AC620" s="548"/>
      <c r="AD620" s="415">
        <v>2</v>
      </c>
      <c r="AE620" s="415" t="s">
        <v>103</v>
      </c>
      <c r="AF620" s="646"/>
      <c r="AG620" s="647"/>
      <c r="AH620" s="549"/>
      <c r="AI620" s="550"/>
      <c r="AJ620" s="551"/>
      <c r="AK620" s="118"/>
      <c r="AL620" s="38"/>
      <c r="AM620" s="54"/>
      <c r="AN620" s="1" t="str">
        <f t="shared" si="26"/>
        <v>■</v>
      </c>
    </row>
    <row r="621" spans="1:40" s="13" customFormat="1" ht="13" customHeight="1">
      <c r="A621" s="20" t="str">
        <f t="shared" si="27"/>
        <v>MF</v>
      </c>
      <c r="B621" s="20"/>
      <c r="C621" s="552">
        <v>7</v>
      </c>
      <c r="D621" s="553"/>
      <c r="E621" s="566" t="s">
        <v>822</v>
      </c>
      <c r="F621" s="567"/>
      <c r="G621" s="567"/>
      <c r="H621" s="567"/>
      <c r="I621" s="567"/>
      <c r="J621" s="567"/>
      <c r="K621" s="567"/>
      <c r="L621" s="567"/>
      <c r="M621" s="567"/>
      <c r="N621" s="567"/>
      <c r="O621" s="567"/>
      <c r="P621" s="567"/>
      <c r="Q621" s="567"/>
      <c r="R621" s="567"/>
      <c r="S621" s="567"/>
      <c r="T621" s="568"/>
      <c r="U621" s="220" t="s">
        <v>474</v>
      </c>
      <c r="V621" s="557" t="s">
        <v>107</v>
      </c>
      <c r="W621" s="558"/>
      <c r="X621" s="558"/>
      <c r="Y621" s="558"/>
      <c r="Z621" s="559"/>
      <c r="AA621" s="557" t="s">
        <v>102</v>
      </c>
      <c r="AB621" s="558"/>
      <c r="AC621" s="559"/>
      <c r="AD621" s="419">
        <v>9</v>
      </c>
      <c r="AE621" s="419" t="s">
        <v>103</v>
      </c>
      <c r="AF621" s="648" t="s">
        <v>109</v>
      </c>
      <c r="AG621" s="649"/>
      <c r="AH621" s="560"/>
      <c r="AI621" s="561"/>
      <c r="AJ621" s="562"/>
      <c r="AK621" s="333" t="s">
        <v>399</v>
      </c>
      <c r="AL621" s="38"/>
      <c r="AM621" s="54"/>
      <c r="AN621" s="1" t="str">
        <f t="shared" si="26"/>
        <v>■</v>
      </c>
    </row>
    <row r="622" spans="1:40" s="13" customFormat="1" ht="13" customHeight="1">
      <c r="A622" s="20" t="str">
        <f t="shared" si="27"/>
        <v>MF</v>
      </c>
      <c r="B622" s="20"/>
      <c r="C622" s="552">
        <v>8</v>
      </c>
      <c r="D622" s="553"/>
      <c r="E622" s="566" t="s">
        <v>764</v>
      </c>
      <c r="F622" s="567"/>
      <c r="G622" s="567"/>
      <c r="H622" s="567"/>
      <c r="I622" s="567"/>
      <c r="J622" s="567"/>
      <c r="K622" s="567"/>
      <c r="L622" s="567"/>
      <c r="M622" s="567"/>
      <c r="N622" s="567"/>
      <c r="O622" s="567"/>
      <c r="P622" s="567"/>
      <c r="Q622" s="567"/>
      <c r="R622" s="567"/>
      <c r="S622" s="567"/>
      <c r="T622" s="568"/>
      <c r="U622" s="220" t="s">
        <v>475</v>
      </c>
      <c r="V622" s="557" t="s">
        <v>107</v>
      </c>
      <c r="W622" s="558"/>
      <c r="X622" s="558"/>
      <c r="Y622" s="558"/>
      <c r="Z622" s="559"/>
      <c r="AA622" s="557" t="s">
        <v>102</v>
      </c>
      <c r="AB622" s="558"/>
      <c r="AC622" s="559"/>
      <c r="AD622" s="419">
        <v>9</v>
      </c>
      <c r="AE622" s="419" t="s">
        <v>103</v>
      </c>
      <c r="AF622" s="648" t="s">
        <v>109</v>
      </c>
      <c r="AG622" s="649"/>
      <c r="AH622" s="560"/>
      <c r="AI622" s="561"/>
      <c r="AJ622" s="562"/>
      <c r="AK622" s="333" t="s">
        <v>399</v>
      </c>
      <c r="AL622" s="38"/>
      <c r="AM622" s="54"/>
      <c r="AN622" s="1" t="str">
        <f t="shared" si="26"/>
        <v>■</v>
      </c>
    </row>
    <row r="623" spans="1:40" s="13" customFormat="1" ht="13" customHeight="1">
      <c r="A623" s="20" t="str">
        <f t="shared" si="27"/>
        <v>MF</v>
      </c>
      <c r="B623" s="20"/>
      <c r="C623" s="552">
        <v>9</v>
      </c>
      <c r="D623" s="553"/>
      <c r="E623" s="566" t="s">
        <v>823</v>
      </c>
      <c r="F623" s="567"/>
      <c r="G623" s="567"/>
      <c r="H623" s="567"/>
      <c r="I623" s="567"/>
      <c r="J623" s="567"/>
      <c r="K623" s="567"/>
      <c r="L623" s="567"/>
      <c r="M623" s="567"/>
      <c r="N623" s="567"/>
      <c r="O623" s="567"/>
      <c r="P623" s="567"/>
      <c r="Q623" s="567"/>
      <c r="R623" s="567"/>
      <c r="S623" s="567"/>
      <c r="T623" s="568"/>
      <c r="U623" s="220" t="s">
        <v>765</v>
      </c>
      <c r="V623" s="557" t="s">
        <v>107</v>
      </c>
      <c r="W623" s="558"/>
      <c r="X623" s="558"/>
      <c r="Y623" s="558"/>
      <c r="Z623" s="559"/>
      <c r="AA623" s="557" t="s">
        <v>102</v>
      </c>
      <c r="AB623" s="558"/>
      <c r="AC623" s="559"/>
      <c r="AD623" s="419">
        <v>9</v>
      </c>
      <c r="AE623" s="419" t="s">
        <v>103</v>
      </c>
      <c r="AF623" s="648" t="s">
        <v>109</v>
      </c>
      <c r="AG623" s="649"/>
      <c r="AH623" s="560"/>
      <c r="AI623" s="561"/>
      <c r="AJ623" s="562"/>
      <c r="AK623" s="333" t="s">
        <v>399</v>
      </c>
      <c r="AL623" s="38"/>
      <c r="AM623" s="54"/>
      <c r="AN623" s="1" t="str">
        <f t="shared" si="26"/>
        <v>■</v>
      </c>
    </row>
    <row r="624" spans="1:40" s="13" customFormat="1" ht="13" customHeight="1">
      <c r="A624" s="20" t="str">
        <f t="shared" si="27"/>
        <v>MF</v>
      </c>
      <c r="B624" s="20"/>
      <c r="C624" s="552">
        <v>10</v>
      </c>
      <c r="D624" s="553"/>
      <c r="E624" s="566" t="s">
        <v>824</v>
      </c>
      <c r="F624" s="567"/>
      <c r="G624" s="567"/>
      <c r="H624" s="567"/>
      <c r="I624" s="567"/>
      <c r="J624" s="567"/>
      <c r="K624" s="567"/>
      <c r="L624" s="567"/>
      <c r="M624" s="567"/>
      <c r="N624" s="567"/>
      <c r="O624" s="567"/>
      <c r="P624" s="567"/>
      <c r="Q624" s="567"/>
      <c r="R624" s="567"/>
      <c r="S624" s="567"/>
      <c r="T624" s="568"/>
      <c r="U624" s="220" t="s">
        <v>766</v>
      </c>
      <c r="V624" s="557" t="s">
        <v>107</v>
      </c>
      <c r="W624" s="558"/>
      <c r="X624" s="558"/>
      <c r="Y624" s="558"/>
      <c r="Z624" s="559"/>
      <c r="AA624" s="557" t="s">
        <v>102</v>
      </c>
      <c r="AB624" s="558"/>
      <c r="AC624" s="559"/>
      <c r="AD624" s="419">
        <v>9</v>
      </c>
      <c r="AE624" s="419" t="s">
        <v>103</v>
      </c>
      <c r="AF624" s="648" t="s">
        <v>109</v>
      </c>
      <c r="AG624" s="649"/>
      <c r="AH624" s="560"/>
      <c r="AI624" s="561"/>
      <c r="AJ624" s="562"/>
      <c r="AK624" s="333" t="s">
        <v>399</v>
      </c>
      <c r="AL624" s="38"/>
      <c r="AM624" s="54"/>
      <c r="AN624" s="1" t="str">
        <f t="shared" si="26"/>
        <v>■</v>
      </c>
    </row>
    <row r="625" spans="1:40" s="13" customFormat="1" ht="13" customHeight="1">
      <c r="A625" s="20" t="str">
        <f t="shared" si="27"/>
        <v>MF</v>
      </c>
      <c r="B625" s="20"/>
      <c r="C625" s="552">
        <v>11</v>
      </c>
      <c r="D625" s="553"/>
      <c r="E625" s="566" t="s">
        <v>825</v>
      </c>
      <c r="F625" s="567"/>
      <c r="G625" s="567"/>
      <c r="H625" s="567"/>
      <c r="I625" s="567"/>
      <c r="J625" s="567"/>
      <c r="K625" s="567"/>
      <c r="L625" s="567"/>
      <c r="M625" s="567"/>
      <c r="N625" s="567"/>
      <c r="O625" s="567"/>
      <c r="P625" s="567"/>
      <c r="Q625" s="567"/>
      <c r="R625" s="567"/>
      <c r="S625" s="567"/>
      <c r="T625" s="568"/>
      <c r="U625" s="220" t="s">
        <v>768</v>
      </c>
      <c r="V625" s="557" t="s">
        <v>107</v>
      </c>
      <c r="W625" s="558"/>
      <c r="X625" s="558"/>
      <c r="Y625" s="558"/>
      <c r="Z625" s="559"/>
      <c r="AA625" s="557" t="s">
        <v>102</v>
      </c>
      <c r="AB625" s="558"/>
      <c r="AC625" s="559"/>
      <c r="AD625" s="419">
        <v>9</v>
      </c>
      <c r="AE625" s="419" t="s">
        <v>103</v>
      </c>
      <c r="AF625" s="648" t="s">
        <v>109</v>
      </c>
      <c r="AG625" s="649"/>
      <c r="AH625" s="560"/>
      <c r="AI625" s="561"/>
      <c r="AJ625" s="562"/>
      <c r="AK625" s="333" t="s">
        <v>399</v>
      </c>
      <c r="AL625" s="38"/>
      <c r="AM625" s="54"/>
      <c r="AN625" s="1" t="str">
        <f t="shared" si="26"/>
        <v>■</v>
      </c>
    </row>
    <row r="626" spans="1:40" s="13" customFormat="1" ht="13" customHeight="1">
      <c r="A626" s="20" t="str">
        <f t="shared" si="27"/>
        <v>MF</v>
      </c>
      <c r="B626" s="20"/>
      <c r="C626" s="552">
        <v>12</v>
      </c>
      <c r="D626" s="553"/>
      <c r="E626" s="566" t="s">
        <v>826</v>
      </c>
      <c r="F626" s="567"/>
      <c r="G626" s="567"/>
      <c r="H626" s="567"/>
      <c r="I626" s="567"/>
      <c r="J626" s="567"/>
      <c r="K626" s="567"/>
      <c r="L626" s="567"/>
      <c r="M626" s="567"/>
      <c r="N626" s="567"/>
      <c r="O626" s="567"/>
      <c r="P626" s="567"/>
      <c r="Q626" s="567"/>
      <c r="R626" s="567"/>
      <c r="S626" s="567"/>
      <c r="T626" s="568"/>
      <c r="U626" s="220" t="s">
        <v>827</v>
      </c>
      <c r="V626" s="557" t="s">
        <v>107</v>
      </c>
      <c r="W626" s="558"/>
      <c r="X626" s="558"/>
      <c r="Y626" s="558"/>
      <c r="Z626" s="559"/>
      <c r="AA626" s="557" t="s">
        <v>102</v>
      </c>
      <c r="AB626" s="558"/>
      <c r="AC626" s="559"/>
      <c r="AD626" s="419">
        <v>9</v>
      </c>
      <c r="AE626" s="419" t="s">
        <v>103</v>
      </c>
      <c r="AF626" s="648" t="s">
        <v>109</v>
      </c>
      <c r="AG626" s="649"/>
      <c r="AH626" s="560"/>
      <c r="AI626" s="561"/>
      <c r="AJ626" s="562"/>
      <c r="AK626" s="333" t="s">
        <v>399</v>
      </c>
      <c r="AL626" s="38"/>
      <c r="AM626" s="54"/>
      <c r="AN626" s="1" t="str">
        <f t="shared" si="26"/>
        <v>■</v>
      </c>
    </row>
    <row r="627" spans="1:40" s="13" customFormat="1" ht="13" customHeight="1">
      <c r="A627" s="20" t="str">
        <f t="shared" si="27"/>
        <v>MF</v>
      </c>
      <c r="B627" s="20"/>
      <c r="C627" s="552">
        <v>13</v>
      </c>
      <c r="D627" s="553"/>
      <c r="E627" s="566" t="s">
        <v>828</v>
      </c>
      <c r="F627" s="567"/>
      <c r="G627" s="567"/>
      <c r="H627" s="567"/>
      <c r="I627" s="567"/>
      <c r="J627" s="567"/>
      <c r="K627" s="567"/>
      <c r="L627" s="567"/>
      <c r="M627" s="567"/>
      <c r="N627" s="567"/>
      <c r="O627" s="567"/>
      <c r="P627" s="567"/>
      <c r="Q627" s="567"/>
      <c r="R627" s="567"/>
      <c r="S627" s="567"/>
      <c r="T627" s="568"/>
      <c r="U627" s="220" t="s">
        <v>829</v>
      </c>
      <c r="V627" s="557" t="s">
        <v>107</v>
      </c>
      <c r="W627" s="558"/>
      <c r="X627" s="558"/>
      <c r="Y627" s="558"/>
      <c r="Z627" s="559"/>
      <c r="AA627" s="557" t="s">
        <v>102</v>
      </c>
      <c r="AB627" s="558"/>
      <c r="AC627" s="559"/>
      <c r="AD627" s="419">
        <v>9</v>
      </c>
      <c r="AE627" s="419" t="s">
        <v>103</v>
      </c>
      <c r="AF627" s="648" t="s">
        <v>109</v>
      </c>
      <c r="AG627" s="649"/>
      <c r="AH627" s="560"/>
      <c r="AI627" s="561"/>
      <c r="AJ627" s="562"/>
      <c r="AK627" s="333" t="s">
        <v>399</v>
      </c>
      <c r="AL627" s="38"/>
      <c r="AM627" s="54"/>
      <c r="AN627" s="1" t="str">
        <f t="shared" si="26"/>
        <v>■</v>
      </c>
    </row>
    <row r="628" spans="1:40" s="13" customFormat="1" ht="13" customHeight="1">
      <c r="A628" s="20" t="str">
        <f t="shared" si="27"/>
        <v>MF</v>
      </c>
      <c r="B628" s="20"/>
      <c r="C628" s="552">
        <v>14</v>
      </c>
      <c r="D628" s="553"/>
      <c r="E628" s="566" t="s">
        <v>830</v>
      </c>
      <c r="F628" s="567"/>
      <c r="G628" s="567"/>
      <c r="H628" s="567"/>
      <c r="I628" s="567"/>
      <c r="J628" s="567"/>
      <c r="K628" s="567"/>
      <c r="L628" s="567"/>
      <c r="M628" s="567"/>
      <c r="N628" s="567"/>
      <c r="O628" s="567"/>
      <c r="P628" s="567"/>
      <c r="Q628" s="567"/>
      <c r="R628" s="567"/>
      <c r="S628" s="567"/>
      <c r="T628" s="568"/>
      <c r="U628" s="220" t="s">
        <v>831</v>
      </c>
      <c r="V628" s="557" t="s">
        <v>107</v>
      </c>
      <c r="W628" s="558"/>
      <c r="X628" s="558"/>
      <c r="Y628" s="558"/>
      <c r="Z628" s="559"/>
      <c r="AA628" s="557" t="s">
        <v>102</v>
      </c>
      <c r="AB628" s="558"/>
      <c r="AC628" s="559"/>
      <c r="AD628" s="419">
        <v>9</v>
      </c>
      <c r="AE628" s="419" t="s">
        <v>103</v>
      </c>
      <c r="AF628" s="648" t="s">
        <v>109</v>
      </c>
      <c r="AG628" s="649"/>
      <c r="AH628" s="560"/>
      <c r="AI628" s="561"/>
      <c r="AJ628" s="562"/>
      <c r="AK628" s="333" t="s">
        <v>399</v>
      </c>
      <c r="AL628" s="38"/>
      <c r="AM628" s="54"/>
      <c r="AN628" s="1" t="str">
        <f t="shared" si="26"/>
        <v>■</v>
      </c>
    </row>
    <row r="629" spans="1:40" s="13" customFormat="1" ht="13" customHeight="1">
      <c r="A629" s="20" t="str">
        <f t="shared" si="27"/>
        <v>MF</v>
      </c>
      <c r="B629" s="20"/>
      <c r="C629" s="552">
        <v>15</v>
      </c>
      <c r="D629" s="553"/>
      <c r="E629" s="566" t="s">
        <v>832</v>
      </c>
      <c r="F629" s="567"/>
      <c r="G629" s="567"/>
      <c r="H629" s="567"/>
      <c r="I629" s="567"/>
      <c r="J629" s="567"/>
      <c r="K629" s="567"/>
      <c r="L629" s="567"/>
      <c r="M629" s="567"/>
      <c r="N629" s="567"/>
      <c r="O629" s="567"/>
      <c r="P629" s="567"/>
      <c r="Q629" s="567"/>
      <c r="R629" s="567"/>
      <c r="S629" s="567"/>
      <c r="T629" s="568"/>
      <c r="U629" s="220" t="s">
        <v>833</v>
      </c>
      <c r="V629" s="557" t="s">
        <v>107</v>
      </c>
      <c r="W629" s="558"/>
      <c r="X629" s="558"/>
      <c r="Y629" s="558"/>
      <c r="Z629" s="559"/>
      <c r="AA629" s="557" t="s">
        <v>102</v>
      </c>
      <c r="AB629" s="558"/>
      <c r="AC629" s="559"/>
      <c r="AD629" s="419">
        <v>9</v>
      </c>
      <c r="AE629" s="419" t="s">
        <v>103</v>
      </c>
      <c r="AF629" s="648" t="s">
        <v>109</v>
      </c>
      <c r="AG629" s="649"/>
      <c r="AH629" s="560"/>
      <c r="AI629" s="561"/>
      <c r="AJ629" s="562"/>
      <c r="AK629" s="333" t="s">
        <v>399</v>
      </c>
      <c r="AL629" s="38"/>
      <c r="AM629" s="54"/>
      <c r="AN629" s="1" t="str">
        <f t="shared" si="26"/>
        <v>■</v>
      </c>
    </row>
    <row r="630" spans="1:40" s="13" customFormat="1" ht="13" customHeight="1">
      <c r="A630" s="20" t="str">
        <f t="shared" si="27"/>
        <v>MF</v>
      </c>
      <c r="B630" s="20"/>
      <c r="C630" s="552">
        <v>16</v>
      </c>
      <c r="D630" s="553"/>
      <c r="E630" s="566" t="s">
        <v>834</v>
      </c>
      <c r="F630" s="567"/>
      <c r="G630" s="567"/>
      <c r="H630" s="567"/>
      <c r="I630" s="567"/>
      <c r="J630" s="567"/>
      <c r="K630" s="567"/>
      <c r="L630" s="567"/>
      <c r="M630" s="567"/>
      <c r="N630" s="567"/>
      <c r="O630" s="567"/>
      <c r="P630" s="567"/>
      <c r="Q630" s="567"/>
      <c r="R630" s="567"/>
      <c r="S630" s="567"/>
      <c r="T630" s="568"/>
      <c r="U630" s="220" t="s">
        <v>835</v>
      </c>
      <c r="V630" s="557" t="s">
        <v>107</v>
      </c>
      <c r="W630" s="558"/>
      <c r="X630" s="558"/>
      <c r="Y630" s="558"/>
      <c r="Z630" s="559"/>
      <c r="AA630" s="557" t="s">
        <v>102</v>
      </c>
      <c r="AB630" s="558"/>
      <c r="AC630" s="559"/>
      <c r="AD630" s="419">
        <v>9</v>
      </c>
      <c r="AE630" s="419" t="s">
        <v>103</v>
      </c>
      <c r="AF630" s="648" t="s">
        <v>109</v>
      </c>
      <c r="AG630" s="649"/>
      <c r="AH630" s="560"/>
      <c r="AI630" s="561"/>
      <c r="AJ630" s="562"/>
      <c r="AK630" s="333" t="s">
        <v>399</v>
      </c>
      <c r="AL630" s="38"/>
      <c r="AM630" s="54"/>
      <c r="AN630" s="1" t="str">
        <f t="shared" si="26"/>
        <v>■</v>
      </c>
    </row>
    <row r="631" spans="1:40" s="13" customFormat="1" ht="13" customHeight="1">
      <c r="A631" s="20" t="str">
        <f t="shared" si="27"/>
        <v>MF</v>
      </c>
      <c r="B631" s="20"/>
      <c r="C631" s="552">
        <v>17</v>
      </c>
      <c r="D631" s="553"/>
      <c r="E631" s="566" t="s">
        <v>836</v>
      </c>
      <c r="F631" s="567"/>
      <c r="G631" s="567"/>
      <c r="H631" s="567"/>
      <c r="I631" s="567"/>
      <c r="J631" s="567"/>
      <c r="K631" s="567"/>
      <c r="L631" s="567"/>
      <c r="M631" s="567"/>
      <c r="N631" s="567"/>
      <c r="O631" s="567"/>
      <c r="P631" s="567"/>
      <c r="Q631" s="567"/>
      <c r="R631" s="567"/>
      <c r="S631" s="567"/>
      <c r="T631" s="568"/>
      <c r="U631" s="220" t="s">
        <v>837</v>
      </c>
      <c r="V631" s="557" t="s">
        <v>107</v>
      </c>
      <c r="W631" s="558"/>
      <c r="X631" s="558"/>
      <c r="Y631" s="558"/>
      <c r="Z631" s="559"/>
      <c r="AA631" s="557" t="s">
        <v>102</v>
      </c>
      <c r="AB631" s="558"/>
      <c r="AC631" s="559"/>
      <c r="AD631" s="419">
        <v>9</v>
      </c>
      <c r="AE631" s="419" t="s">
        <v>103</v>
      </c>
      <c r="AF631" s="648" t="s">
        <v>109</v>
      </c>
      <c r="AG631" s="649"/>
      <c r="AH631" s="560"/>
      <c r="AI631" s="561"/>
      <c r="AJ631" s="562"/>
      <c r="AK631" s="333" t="s">
        <v>399</v>
      </c>
      <c r="AL631" s="38"/>
      <c r="AM631" s="54"/>
      <c r="AN631" s="1" t="str">
        <f t="shared" si="26"/>
        <v>■</v>
      </c>
    </row>
    <row r="632" spans="1:40" s="13" customFormat="1" ht="13" customHeight="1">
      <c r="A632" s="20" t="str">
        <f t="shared" si="27"/>
        <v>MF</v>
      </c>
      <c r="B632" s="20"/>
      <c r="C632" s="552">
        <v>18</v>
      </c>
      <c r="D632" s="553"/>
      <c r="E632" s="566" t="s">
        <v>838</v>
      </c>
      <c r="F632" s="567"/>
      <c r="G632" s="567"/>
      <c r="H632" s="567"/>
      <c r="I632" s="567"/>
      <c r="J632" s="567"/>
      <c r="K632" s="567"/>
      <c r="L632" s="567"/>
      <c r="M632" s="567"/>
      <c r="N632" s="567"/>
      <c r="O632" s="567"/>
      <c r="P632" s="567"/>
      <c r="Q632" s="567"/>
      <c r="R632" s="567"/>
      <c r="S632" s="567"/>
      <c r="T632" s="568"/>
      <c r="U632" s="220" t="s">
        <v>839</v>
      </c>
      <c r="V632" s="557" t="s">
        <v>107</v>
      </c>
      <c r="W632" s="558"/>
      <c r="X632" s="558"/>
      <c r="Y632" s="558"/>
      <c r="Z632" s="559"/>
      <c r="AA632" s="557" t="s">
        <v>102</v>
      </c>
      <c r="AB632" s="558"/>
      <c r="AC632" s="559"/>
      <c r="AD632" s="419">
        <v>9</v>
      </c>
      <c r="AE632" s="419" t="s">
        <v>103</v>
      </c>
      <c r="AF632" s="648" t="s">
        <v>109</v>
      </c>
      <c r="AG632" s="649"/>
      <c r="AH632" s="560"/>
      <c r="AI632" s="561"/>
      <c r="AJ632" s="562"/>
      <c r="AK632" s="333" t="s">
        <v>399</v>
      </c>
      <c r="AL632" s="38"/>
      <c r="AM632" s="54"/>
      <c r="AN632" s="1" t="str">
        <f t="shared" si="26"/>
        <v>■</v>
      </c>
    </row>
    <row r="633" spans="1:40" s="13" customFormat="1" ht="13" customHeight="1">
      <c r="A633" s="20" t="str">
        <f t="shared" si="27"/>
        <v>MF</v>
      </c>
      <c r="B633" s="20"/>
      <c r="C633" s="552">
        <v>19</v>
      </c>
      <c r="D633" s="553"/>
      <c r="E633" s="566" t="s">
        <v>840</v>
      </c>
      <c r="F633" s="567"/>
      <c r="G633" s="567"/>
      <c r="H633" s="567"/>
      <c r="I633" s="567"/>
      <c r="J633" s="567"/>
      <c r="K633" s="567"/>
      <c r="L633" s="567"/>
      <c r="M633" s="567"/>
      <c r="N633" s="567"/>
      <c r="O633" s="567"/>
      <c r="P633" s="567"/>
      <c r="Q633" s="567"/>
      <c r="R633" s="567"/>
      <c r="S633" s="567"/>
      <c r="T633" s="568"/>
      <c r="U633" s="220" t="s">
        <v>841</v>
      </c>
      <c r="V633" s="557" t="s">
        <v>107</v>
      </c>
      <c r="W633" s="558"/>
      <c r="X633" s="558"/>
      <c r="Y633" s="558"/>
      <c r="Z633" s="559"/>
      <c r="AA633" s="557" t="s">
        <v>102</v>
      </c>
      <c r="AB633" s="558"/>
      <c r="AC633" s="559"/>
      <c r="AD633" s="419">
        <v>9</v>
      </c>
      <c r="AE633" s="419" t="s">
        <v>103</v>
      </c>
      <c r="AF633" s="648" t="s">
        <v>109</v>
      </c>
      <c r="AG633" s="649"/>
      <c r="AH633" s="560"/>
      <c r="AI633" s="561"/>
      <c r="AJ633" s="562"/>
      <c r="AK633" s="333" t="s">
        <v>399</v>
      </c>
      <c r="AL633" s="38"/>
      <c r="AM633" s="54"/>
      <c r="AN633" s="1" t="str">
        <f t="shared" si="26"/>
        <v>■</v>
      </c>
    </row>
    <row r="634" spans="1:40" s="13" customFormat="1" ht="13" customHeight="1">
      <c r="A634" s="20" t="str">
        <f t="shared" si="27"/>
        <v>MF</v>
      </c>
      <c r="B634" s="20"/>
      <c r="C634" s="552">
        <v>20</v>
      </c>
      <c r="D634" s="553"/>
      <c r="E634" s="566" t="s">
        <v>842</v>
      </c>
      <c r="F634" s="567"/>
      <c r="G634" s="567"/>
      <c r="H634" s="567"/>
      <c r="I634" s="567"/>
      <c r="J634" s="567"/>
      <c r="K634" s="567"/>
      <c r="L634" s="567"/>
      <c r="M634" s="567"/>
      <c r="N634" s="567"/>
      <c r="O634" s="567"/>
      <c r="P634" s="567"/>
      <c r="Q634" s="567"/>
      <c r="R634" s="567"/>
      <c r="S634" s="567"/>
      <c r="T634" s="568"/>
      <c r="U634" s="220" t="s">
        <v>843</v>
      </c>
      <c r="V634" s="557" t="s">
        <v>107</v>
      </c>
      <c r="W634" s="558"/>
      <c r="X634" s="558"/>
      <c r="Y634" s="558"/>
      <c r="Z634" s="559"/>
      <c r="AA634" s="557" t="s">
        <v>102</v>
      </c>
      <c r="AB634" s="558"/>
      <c r="AC634" s="559"/>
      <c r="AD634" s="419">
        <v>9</v>
      </c>
      <c r="AE634" s="419" t="s">
        <v>103</v>
      </c>
      <c r="AF634" s="648" t="s">
        <v>109</v>
      </c>
      <c r="AG634" s="649"/>
      <c r="AH634" s="560"/>
      <c r="AI634" s="561"/>
      <c r="AJ634" s="562"/>
      <c r="AK634" s="333" t="s">
        <v>399</v>
      </c>
      <c r="AL634" s="38"/>
      <c r="AM634" s="54"/>
      <c r="AN634" s="1" t="str">
        <f t="shared" si="26"/>
        <v>■</v>
      </c>
    </row>
    <row r="635" spans="1:40" s="13" customFormat="1" ht="13" customHeight="1">
      <c r="A635" s="20" t="str">
        <f t="shared" si="27"/>
        <v>MF</v>
      </c>
      <c r="B635" s="20"/>
      <c r="C635" s="552">
        <v>21</v>
      </c>
      <c r="D635" s="553"/>
      <c r="E635" s="566" t="s">
        <v>844</v>
      </c>
      <c r="F635" s="567"/>
      <c r="G635" s="567"/>
      <c r="H635" s="567"/>
      <c r="I635" s="567"/>
      <c r="J635" s="567"/>
      <c r="K635" s="567"/>
      <c r="L635" s="567"/>
      <c r="M635" s="567"/>
      <c r="N635" s="567"/>
      <c r="O635" s="567"/>
      <c r="P635" s="567"/>
      <c r="Q635" s="567"/>
      <c r="R635" s="567"/>
      <c r="S635" s="567"/>
      <c r="T635" s="568"/>
      <c r="U635" s="220" t="s">
        <v>845</v>
      </c>
      <c r="V635" s="557" t="s">
        <v>107</v>
      </c>
      <c r="W635" s="558"/>
      <c r="X635" s="558"/>
      <c r="Y635" s="558"/>
      <c r="Z635" s="559"/>
      <c r="AA635" s="557" t="s">
        <v>102</v>
      </c>
      <c r="AB635" s="558"/>
      <c r="AC635" s="559"/>
      <c r="AD635" s="419">
        <v>9</v>
      </c>
      <c r="AE635" s="419" t="s">
        <v>103</v>
      </c>
      <c r="AF635" s="648" t="s">
        <v>109</v>
      </c>
      <c r="AG635" s="649"/>
      <c r="AH635" s="560"/>
      <c r="AI635" s="561"/>
      <c r="AJ635" s="562"/>
      <c r="AK635" s="333" t="s">
        <v>399</v>
      </c>
      <c r="AL635" s="38"/>
      <c r="AM635" s="54"/>
      <c r="AN635" s="1" t="str">
        <f t="shared" si="26"/>
        <v>■</v>
      </c>
    </row>
    <row r="636" spans="1:40" s="13" customFormat="1" ht="13" customHeight="1">
      <c r="A636" s="20" t="str">
        <f t="shared" si="27"/>
        <v>MF</v>
      </c>
      <c r="B636" s="20"/>
      <c r="C636" s="552">
        <v>22</v>
      </c>
      <c r="D636" s="553"/>
      <c r="E636" s="566" t="s">
        <v>846</v>
      </c>
      <c r="F636" s="567"/>
      <c r="G636" s="567"/>
      <c r="H636" s="567"/>
      <c r="I636" s="567"/>
      <c r="J636" s="567"/>
      <c r="K636" s="567"/>
      <c r="L636" s="567"/>
      <c r="M636" s="567"/>
      <c r="N636" s="567"/>
      <c r="O636" s="567"/>
      <c r="P636" s="567"/>
      <c r="Q636" s="567"/>
      <c r="R636" s="567"/>
      <c r="S636" s="567"/>
      <c r="T636" s="568"/>
      <c r="U636" s="220" t="s">
        <v>847</v>
      </c>
      <c r="V636" s="557" t="s">
        <v>107</v>
      </c>
      <c r="W636" s="558"/>
      <c r="X636" s="558"/>
      <c r="Y636" s="558"/>
      <c r="Z636" s="559"/>
      <c r="AA636" s="557" t="s">
        <v>102</v>
      </c>
      <c r="AB636" s="558"/>
      <c r="AC636" s="559"/>
      <c r="AD636" s="419">
        <v>9</v>
      </c>
      <c r="AE636" s="419" t="s">
        <v>103</v>
      </c>
      <c r="AF636" s="648" t="s">
        <v>109</v>
      </c>
      <c r="AG636" s="649"/>
      <c r="AH636" s="560"/>
      <c r="AI636" s="561"/>
      <c r="AJ636" s="562"/>
      <c r="AK636" s="333" t="s">
        <v>399</v>
      </c>
      <c r="AL636" s="38"/>
      <c r="AM636" s="54"/>
      <c r="AN636" s="1" t="str">
        <f t="shared" si="26"/>
        <v>■</v>
      </c>
    </row>
    <row r="637" spans="1:40" s="13" customFormat="1" ht="13" customHeight="1">
      <c r="A637" s="20" t="str">
        <f t="shared" si="27"/>
        <v>MF</v>
      </c>
      <c r="B637" s="20"/>
      <c r="C637" s="552">
        <v>23</v>
      </c>
      <c r="D637" s="553"/>
      <c r="E637" s="566" t="s">
        <v>848</v>
      </c>
      <c r="F637" s="567"/>
      <c r="G637" s="567"/>
      <c r="H637" s="567"/>
      <c r="I637" s="567"/>
      <c r="J637" s="567"/>
      <c r="K637" s="567"/>
      <c r="L637" s="567"/>
      <c r="M637" s="567"/>
      <c r="N637" s="567"/>
      <c r="O637" s="567"/>
      <c r="P637" s="567"/>
      <c r="Q637" s="567"/>
      <c r="R637" s="567"/>
      <c r="S637" s="567"/>
      <c r="T637" s="568"/>
      <c r="U637" s="220" t="s">
        <v>849</v>
      </c>
      <c r="V637" s="557" t="s">
        <v>107</v>
      </c>
      <c r="W637" s="558"/>
      <c r="X637" s="558"/>
      <c r="Y637" s="558"/>
      <c r="Z637" s="559"/>
      <c r="AA637" s="557" t="s">
        <v>102</v>
      </c>
      <c r="AB637" s="558"/>
      <c r="AC637" s="559"/>
      <c r="AD637" s="419">
        <v>9</v>
      </c>
      <c r="AE637" s="419" t="s">
        <v>103</v>
      </c>
      <c r="AF637" s="648" t="s">
        <v>109</v>
      </c>
      <c r="AG637" s="649"/>
      <c r="AH637" s="560"/>
      <c r="AI637" s="561"/>
      <c r="AJ637" s="562"/>
      <c r="AK637" s="333" t="s">
        <v>399</v>
      </c>
      <c r="AL637" s="38"/>
      <c r="AM637" s="54"/>
      <c r="AN637" s="1" t="str">
        <f t="shared" si="26"/>
        <v>■</v>
      </c>
    </row>
    <row r="638" spans="1:40" s="13" customFormat="1" ht="13" customHeight="1">
      <c r="A638" s="20" t="str">
        <f t="shared" si="27"/>
        <v>MF</v>
      </c>
      <c r="B638" s="20"/>
      <c r="C638" s="552">
        <v>24</v>
      </c>
      <c r="D638" s="553"/>
      <c r="E638" s="566" t="s">
        <v>850</v>
      </c>
      <c r="F638" s="567"/>
      <c r="G638" s="567"/>
      <c r="H638" s="567"/>
      <c r="I638" s="567"/>
      <c r="J638" s="567"/>
      <c r="K638" s="567"/>
      <c r="L638" s="567"/>
      <c r="M638" s="567"/>
      <c r="N638" s="567"/>
      <c r="O638" s="567"/>
      <c r="P638" s="567"/>
      <c r="Q638" s="567"/>
      <c r="R638" s="567"/>
      <c r="S638" s="567"/>
      <c r="T638" s="568"/>
      <c r="U638" s="220" t="s">
        <v>851</v>
      </c>
      <c r="V638" s="557" t="s">
        <v>107</v>
      </c>
      <c r="W638" s="558"/>
      <c r="X638" s="558"/>
      <c r="Y638" s="558"/>
      <c r="Z638" s="559"/>
      <c r="AA638" s="557" t="s">
        <v>102</v>
      </c>
      <c r="AB638" s="558"/>
      <c r="AC638" s="559"/>
      <c r="AD638" s="419">
        <v>9</v>
      </c>
      <c r="AE638" s="419" t="s">
        <v>103</v>
      </c>
      <c r="AF638" s="648" t="s">
        <v>109</v>
      </c>
      <c r="AG638" s="649"/>
      <c r="AH638" s="560"/>
      <c r="AI638" s="561"/>
      <c r="AJ638" s="562"/>
      <c r="AK638" s="333" t="s">
        <v>399</v>
      </c>
      <c r="AL638" s="38"/>
      <c r="AM638" s="54"/>
      <c r="AN638" s="1" t="str">
        <f t="shared" si="26"/>
        <v>■</v>
      </c>
    </row>
    <row r="639" spans="1:40" s="13" customFormat="1" ht="13" customHeight="1">
      <c r="A639" s="20" t="str">
        <f t="shared" si="27"/>
        <v>MF</v>
      </c>
      <c r="B639" s="20"/>
      <c r="C639" s="552">
        <v>25</v>
      </c>
      <c r="D639" s="553"/>
      <c r="E639" s="566" t="s">
        <v>852</v>
      </c>
      <c r="F639" s="567"/>
      <c r="G639" s="567"/>
      <c r="H639" s="567"/>
      <c r="I639" s="567"/>
      <c r="J639" s="567"/>
      <c r="K639" s="567"/>
      <c r="L639" s="567"/>
      <c r="M639" s="567"/>
      <c r="N639" s="567"/>
      <c r="O639" s="567"/>
      <c r="P639" s="567"/>
      <c r="Q639" s="567"/>
      <c r="R639" s="567"/>
      <c r="S639" s="567"/>
      <c r="T639" s="568"/>
      <c r="U639" s="220" t="s">
        <v>853</v>
      </c>
      <c r="V639" s="557" t="s">
        <v>107</v>
      </c>
      <c r="W639" s="558"/>
      <c r="X639" s="558"/>
      <c r="Y639" s="558"/>
      <c r="Z639" s="559"/>
      <c r="AA639" s="557" t="s">
        <v>102</v>
      </c>
      <c r="AB639" s="558"/>
      <c r="AC639" s="559"/>
      <c r="AD639" s="419">
        <v>9</v>
      </c>
      <c r="AE639" s="419" t="s">
        <v>103</v>
      </c>
      <c r="AF639" s="648" t="s">
        <v>109</v>
      </c>
      <c r="AG639" s="649"/>
      <c r="AH639" s="560"/>
      <c r="AI639" s="561"/>
      <c r="AJ639" s="562"/>
      <c r="AK639" s="333" t="s">
        <v>399</v>
      </c>
      <c r="AL639" s="38"/>
      <c r="AM639" s="54"/>
      <c r="AN639" s="1" t="str">
        <f t="shared" si="26"/>
        <v>■</v>
      </c>
    </row>
    <row r="640" spans="1:40" s="13" customFormat="1" ht="13" customHeight="1">
      <c r="A640" s="20" t="str">
        <f t="shared" si="27"/>
        <v>MF</v>
      </c>
      <c r="B640" s="20"/>
      <c r="C640" s="552">
        <v>26</v>
      </c>
      <c r="D640" s="553"/>
      <c r="E640" s="566" t="s">
        <v>854</v>
      </c>
      <c r="F640" s="567"/>
      <c r="G640" s="567"/>
      <c r="H640" s="567"/>
      <c r="I640" s="567"/>
      <c r="J640" s="567"/>
      <c r="K640" s="567"/>
      <c r="L640" s="567"/>
      <c r="M640" s="567"/>
      <c r="N640" s="567"/>
      <c r="O640" s="567"/>
      <c r="P640" s="567"/>
      <c r="Q640" s="567"/>
      <c r="R640" s="567"/>
      <c r="S640" s="567"/>
      <c r="T640" s="568"/>
      <c r="U640" s="220" t="s">
        <v>855</v>
      </c>
      <c r="V640" s="557" t="s">
        <v>107</v>
      </c>
      <c r="W640" s="558"/>
      <c r="X640" s="558"/>
      <c r="Y640" s="558"/>
      <c r="Z640" s="559"/>
      <c r="AA640" s="557" t="s">
        <v>102</v>
      </c>
      <c r="AB640" s="558"/>
      <c r="AC640" s="559"/>
      <c r="AD640" s="419">
        <v>9</v>
      </c>
      <c r="AE640" s="419" t="s">
        <v>103</v>
      </c>
      <c r="AF640" s="648" t="s">
        <v>109</v>
      </c>
      <c r="AG640" s="649"/>
      <c r="AH640" s="560"/>
      <c r="AI640" s="561"/>
      <c r="AJ640" s="562"/>
      <c r="AK640" s="333" t="s">
        <v>399</v>
      </c>
      <c r="AL640" s="38"/>
      <c r="AM640" s="54"/>
      <c r="AN640" s="1" t="str">
        <f t="shared" si="26"/>
        <v>■</v>
      </c>
    </row>
    <row r="641" spans="1:40" s="13" customFormat="1" ht="13" customHeight="1">
      <c r="A641" s="20" t="str">
        <f t="shared" si="27"/>
        <v>MF</v>
      </c>
      <c r="B641" s="20"/>
      <c r="C641" s="552">
        <v>27</v>
      </c>
      <c r="D641" s="553"/>
      <c r="E641" s="566" t="s">
        <v>856</v>
      </c>
      <c r="F641" s="567"/>
      <c r="G641" s="567"/>
      <c r="H641" s="567"/>
      <c r="I641" s="567"/>
      <c r="J641" s="567"/>
      <c r="K641" s="567"/>
      <c r="L641" s="567"/>
      <c r="M641" s="567"/>
      <c r="N641" s="567"/>
      <c r="O641" s="567"/>
      <c r="P641" s="567"/>
      <c r="Q641" s="567"/>
      <c r="R641" s="567"/>
      <c r="S641" s="567"/>
      <c r="T641" s="568"/>
      <c r="U641" s="220" t="s">
        <v>857</v>
      </c>
      <c r="V641" s="557" t="s">
        <v>107</v>
      </c>
      <c r="W641" s="558"/>
      <c r="X641" s="558"/>
      <c r="Y641" s="558"/>
      <c r="Z641" s="559"/>
      <c r="AA641" s="557" t="s">
        <v>102</v>
      </c>
      <c r="AB641" s="558"/>
      <c r="AC641" s="559"/>
      <c r="AD641" s="419">
        <v>9</v>
      </c>
      <c r="AE641" s="419" t="s">
        <v>103</v>
      </c>
      <c r="AF641" s="648" t="s">
        <v>109</v>
      </c>
      <c r="AG641" s="649"/>
      <c r="AH641" s="560"/>
      <c r="AI641" s="561"/>
      <c r="AJ641" s="562"/>
      <c r="AK641" s="333" t="s">
        <v>399</v>
      </c>
      <c r="AL641" s="38"/>
      <c r="AM641" s="54"/>
      <c r="AN641" s="1" t="str">
        <f t="shared" si="26"/>
        <v>■</v>
      </c>
    </row>
    <row r="642" spans="1:40" s="13" customFormat="1" ht="13" customHeight="1">
      <c r="A642" s="20" t="str">
        <f t="shared" si="27"/>
        <v>MF</v>
      </c>
      <c r="B642" s="20"/>
      <c r="C642" s="552">
        <v>28</v>
      </c>
      <c r="D642" s="553"/>
      <c r="E642" s="566" t="s">
        <v>858</v>
      </c>
      <c r="F642" s="567"/>
      <c r="G642" s="567"/>
      <c r="H642" s="567"/>
      <c r="I642" s="567"/>
      <c r="J642" s="567"/>
      <c r="K642" s="567"/>
      <c r="L642" s="567"/>
      <c r="M642" s="567"/>
      <c r="N642" s="567"/>
      <c r="O642" s="567"/>
      <c r="P642" s="567"/>
      <c r="Q642" s="567"/>
      <c r="R642" s="567"/>
      <c r="S642" s="567"/>
      <c r="T642" s="568"/>
      <c r="U642" s="220" t="s">
        <v>859</v>
      </c>
      <c r="V642" s="557" t="s">
        <v>107</v>
      </c>
      <c r="W642" s="558"/>
      <c r="X642" s="558"/>
      <c r="Y642" s="558"/>
      <c r="Z642" s="559"/>
      <c r="AA642" s="557" t="s">
        <v>102</v>
      </c>
      <c r="AB642" s="558"/>
      <c r="AC642" s="559"/>
      <c r="AD642" s="419">
        <v>9</v>
      </c>
      <c r="AE642" s="419" t="s">
        <v>103</v>
      </c>
      <c r="AF642" s="648" t="s">
        <v>109</v>
      </c>
      <c r="AG642" s="649"/>
      <c r="AH642" s="560"/>
      <c r="AI642" s="561"/>
      <c r="AJ642" s="562"/>
      <c r="AK642" s="333" t="s">
        <v>399</v>
      </c>
      <c r="AL642" s="38"/>
      <c r="AM642" s="54"/>
      <c r="AN642" s="1" t="str">
        <f t="shared" si="26"/>
        <v>■</v>
      </c>
    </row>
    <row r="643" spans="1:40" s="13" customFormat="1" ht="13" customHeight="1">
      <c r="A643" s="20" t="str">
        <f t="shared" si="27"/>
        <v>MF</v>
      </c>
      <c r="B643" s="20"/>
      <c r="C643" s="552">
        <v>29</v>
      </c>
      <c r="D643" s="553"/>
      <c r="E643" s="566" t="s">
        <v>860</v>
      </c>
      <c r="F643" s="567"/>
      <c r="G643" s="567"/>
      <c r="H643" s="567"/>
      <c r="I643" s="567"/>
      <c r="J643" s="567"/>
      <c r="K643" s="567"/>
      <c r="L643" s="567"/>
      <c r="M643" s="567"/>
      <c r="N643" s="567"/>
      <c r="O643" s="567"/>
      <c r="P643" s="567"/>
      <c r="Q643" s="567"/>
      <c r="R643" s="567"/>
      <c r="S643" s="567"/>
      <c r="T643" s="568"/>
      <c r="U643" s="220" t="s">
        <v>861</v>
      </c>
      <c r="V643" s="557" t="s">
        <v>107</v>
      </c>
      <c r="W643" s="558"/>
      <c r="X643" s="558"/>
      <c r="Y643" s="558"/>
      <c r="Z643" s="559"/>
      <c r="AA643" s="557" t="s">
        <v>102</v>
      </c>
      <c r="AB643" s="558"/>
      <c r="AC643" s="559"/>
      <c r="AD643" s="419">
        <v>9</v>
      </c>
      <c r="AE643" s="419" t="s">
        <v>103</v>
      </c>
      <c r="AF643" s="648" t="s">
        <v>109</v>
      </c>
      <c r="AG643" s="649"/>
      <c r="AH643" s="560"/>
      <c r="AI643" s="561"/>
      <c r="AJ643" s="562"/>
      <c r="AK643" s="333" t="s">
        <v>399</v>
      </c>
      <c r="AL643" s="38"/>
      <c r="AM643" s="54"/>
      <c r="AN643" s="1" t="str">
        <f t="shared" si="26"/>
        <v>■</v>
      </c>
    </row>
    <row r="644" spans="1:40" s="13" customFormat="1" ht="13" customHeight="1">
      <c r="A644" s="20" t="str">
        <f t="shared" si="27"/>
        <v>MF</v>
      </c>
      <c r="B644" s="20"/>
      <c r="C644" s="552">
        <v>30</v>
      </c>
      <c r="D644" s="553"/>
      <c r="E644" s="566" t="s">
        <v>862</v>
      </c>
      <c r="F644" s="567"/>
      <c r="G644" s="567"/>
      <c r="H644" s="567"/>
      <c r="I644" s="567"/>
      <c r="J644" s="567"/>
      <c r="K644" s="567"/>
      <c r="L644" s="567"/>
      <c r="M644" s="567"/>
      <c r="N644" s="567"/>
      <c r="O644" s="567"/>
      <c r="P644" s="567"/>
      <c r="Q644" s="567"/>
      <c r="R644" s="567"/>
      <c r="S644" s="567"/>
      <c r="T644" s="568"/>
      <c r="U644" s="220" t="s">
        <v>863</v>
      </c>
      <c r="V644" s="557" t="s">
        <v>107</v>
      </c>
      <c r="W644" s="558"/>
      <c r="X644" s="558"/>
      <c r="Y644" s="558"/>
      <c r="Z644" s="559"/>
      <c r="AA644" s="557" t="s">
        <v>102</v>
      </c>
      <c r="AB644" s="558"/>
      <c r="AC644" s="559"/>
      <c r="AD644" s="419">
        <v>9</v>
      </c>
      <c r="AE644" s="419" t="s">
        <v>103</v>
      </c>
      <c r="AF644" s="648" t="s">
        <v>109</v>
      </c>
      <c r="AG644" s="649"/>
      <c r="AH644" s="560"/>
      <c r="AI644" s="561"/>
      <c r="AJ644" s="562"/>
      <c r="AK644" s="333" t="s">
        <v>399</v>
      </c>
      <c r="AL644" s="38"/>
      <c r="AM644" s="54"/>
      <c r="AN644" s="1" t="str">
        <f t="shared" si="26"/>
        <v>■</v>
      </c>
    </row>
    <row r="645" spans="1:40" s="13" customFormat="1" ht="13" customHeight="1">
      <c r="A645" s="20" t="str">
        <f t="shared" si="27"/>
        <v>MF</v>
      </c>
      <c r="B645" s="20"/>
      <c r="C645" s="552">
        <v>31</v>
      </c>
      <c r="D645" s="553"/>
      <c r="E645" s="566" t="s">
        <v>864</v>
      </c>
      <c r="F645" s="567"/>
      <c r="G645" s="567"/>
      <c r="H645" s="567"/>
      <c r="I645" s="567"/>
      <c r="J645" s="567"/>
      <c r="K645" s="567"/>
      <c r="L645" s="567"/>
      <c r="M645" s="567"/>
      <c r="N645" s="567"/>
      <c r="O645" s="567"/>
      <c r="P645" s="567"/>
      <c r="Q645" s="567"/>
      <c r="R645" s="567"/>
      <c r="S645" s="567"/>
      <c r="T645" s="568"/>
      <c r="U645" s="220" t="s">
        <v>865</v>
      </c>
      <c r="V645" s="557" t="s">
        <v>107</v>
      </c>
      <c r="W645" s="558"/>
      <c r="X645" s="558"/>
      <c r="Y645" s="558"/>
      <c r="Z645" s="559"/>
      <c r="AA645" s="557" t="s">
        <v>102</v>
      </c>
      <c r="AB645" s="558"/>
      <c r="AC645" s="559"/>
      <c r="AD645" s="419">
        <v>9</v>
      </c>
      <c r="AE645" s="419" t="s">
        <v>103</v>
      </c>
      <c r="AF645" s="648" t="s">
        <v>109</v>
      </c>
      <c r="AG645" s="649"/>
      <c r="AH645" s="560"/>
      <c r="AI645" s="561"/>
      <c r="AJ645" s="562"/>
      <c r="AK645" s="333" t="s">
        <v>399</v>
      </c>
      <c r="AL645" s="38"/>
      <c r="AM645" s="54"/>
      <c r="AN645" s="1" t="str">
        <f t="shared" si="26"/>
        <v>■</v>
      </c>
    </row>
    <row r="646" spans="1:40" s="13" customFormat="1" ht="13" customHeight="1">
      <c r="A646" s="20" t="str">
        <f t="shared" si="27"/>
        <v>MF</v>
      </c>
      <c r="B646" s="20"/>
      <c r="C646" s="552">
        <v>32</v>
      </c>
      <c r="D646" s="553"/>
      <c r="E646" s="566" t="s">
        <v>866</v>
      </c>
      <c r="F646" s="567"/>
      <c r="G646" s="567"/>
      <c r="H646" s="567"/>
      <c r="I646" s="567"/>
      <c r="J646" s="567"/>
      <c r="K646" s="567"/>
      <c r="L646" s="567"/>
      <c r="M646" s="567"/>
      <c r="N646" s="567"/>
      <c r="O646" s="567"/>
      <c r="P646" s="567"/>
      <c r="Q646" s="567"/>
      <c r="R646" s="567"/>
      <c r="S646" s="567"/>
      <c r="T646" s="568"/>
      <c r="U646" s="220" t="s">
        <v>867</v>
      </c>
      <c r="V646" s="557" t="s">
        <v>107</v>
      </c>
      <c r="W646" s="558"/>
      <c r="X646" s="558"/>
      <c r="Y646" s="558"/>
      <c r="Z646" s="559"/>
      <c r="AA646" s="557" t="s">
        <v>102</v>
      </c>
      <c r="AB646" s="558"/>
      <c r="AC646" s="559"/>
      <c r="AD646" s="419">
        <v>9</v>
      </c>
      <c r="AE646" s="419" t="s">
        <v>103</v>
      </c>
      <c r="AF646" s="648" t="s">
        <v>109</v>
      </c>
      <c r="AG646" s="649"/>
      <c r="AH646" s="560"/>
      <c r="AI646" s="561"/>
      <c r="AJ646" s="562"/>
      <c r="AK646" s="333" t="s">
        <v>399</v>
      </c>
      <c r="AL646" s="38"/>
      <c r="AM646" s="54"/>
      <c r="AN646" s="1" t="str">
        <f t="shared" si="26"/>
        <v>■</v>
      </c>
    </row>
    <row r="647" spans="1:40" s="13" customFormat="1" ht="13" customHeight="1">
      <c r="A647" s="20" t="str">
        <f t="shared" si="27"/>
        <v>MF</v>
      </c>
      <c r="B647" s="20"/>
      <c r="C647" s="552">
        <v>33</v>
      </c>
      <c r="D647" s="553"/>
      <c r="E647" s="566" t="s">
        <v>868</v>
      </c>
      <c r="F647" s="567"/>
      <c r="G647" s="567"/>
      <c r="H647" s="567"/>
      <c r="I647" s="567"/>
      <c r="J647" s="567"/>
      <c r="K647" s="567"/>
      <c r="L647" s="567"/>
      <c r="M647" s="567"/>
      <c r="N647" s="567"/>
      <c r="O647" s="567"/>
      <c r="P647" s="567"/>
      <c r="Q647" s="567"/>
      <c r="R647" s="567"/>
      <c r="S647" s="567"/>
      <c r="T647" s="568"/>
      <c r="U647" s="220" t="s">
        <v>869</v>
      </c>
      <c r="V647" s="557" t="s">
        <v>107</v>
      </c>
      <c r="W647" s="558"/>
      <c r="X647" s="558"/>
      <c r="Y647" s="558"/>
      <c r="Z647" s="559"/>
      <c r="AA647" s="557" t="s">
        <v>102</v>
      </c>
      <c r="AB647" s="558"/>
      <c r="AC647" s="559"/>
      <c r="AD647" s="419">
        <v>9</v>
      </c>
      <c r="AE647" s="419" t="s">
        <v>103</v>
      </c>
      <c r="AF647" s="648" t="s">
        <v>109</v>
      </c>
      <c r="AG647" s="649"/>
      <c r="AH647" s="560"/>
      <c r="AI647" s="561"/>
      <c r="AJ647" s="562"/>
      <c r="AK647" s="333" t="s">
        <v>399</v>
      </c>
      <c r="AL647" s="38"/>
      <c r="AM647" s="54"/>
      <c r="AN647" s="1" t="str">
        <f t="shared" si="26"/>
        <v>■</v>
      </c>
    </row>
    <row r="648" spans="1:40" s="13" customFormat="1" ht="13" customHeight="1">
      <c r="A648" s="20" t="str">
        <f t="shared" si="27"/>
        <v>MF</v>
      </c>
      <c r="B648" s="20"/>
      <c r="C648" s="552">
        <v>34</v>
      </c>
      <c r="D648" s="553"/>
      <c r="E648" s="566" t="s">
        <v>870</v>
      </c>
      <c r="F648" s="567"/>
      <c r="G648" s="567"/>
      <c r="H648" s="567"/>
      <c r="I648" s="567"/>
      <c r="J648" s="567"/>
      <c r="K648" s="567"/>
      <c r="L648" s="567"/>
      <c r="M648" s="567"/>
      <c r="N648" s="567"/>
      <c r="O648" s="567"/>
      <c r="P648" s="567"/>
      <c r="Q648" s="567"/>
      <c r="R648" s="567"/>
      <c r="S648" s="567"/>
      <c r="T648" s="568"/>
      <c r="U648" s="220" t="s">
        <v>871</v>
      </c>
      <c r="V648" s="557" t="s">
        <v>107</v>
      </c>
      <c r="W648" s="558"/>
      <c r="X648" s="558"/>
      <c r="Y648" s="558"/>
      <c r="Z648" s="559"/>
      <c r="AA648" s="557" t="s">
        <v>102</v>
      </c>
      <c r="AB648" s="558"/>
      <c r="AC648" s="559"/>
      <c r="AD648" s="419">
        <v>9</v>
      </c>
      <c r="AE648" s="419" t="s">
        <v>103</v>
      </c>
      <c r="AF648" s="648" t="s">
        <v>109</v>
      </c>
      <c r="AG648" s="649"/>
      <c r="AH648" s="560"/>
      <c r="AI648" s="561"/>
      <c r="AJ648" s="562"/>
      <c r="AK648" s="333" t="s">
        <v>399</v>
      </c>
      <c r="AL648" s="38"/>
      <c r="AM648" s="54"/>
      <c r="AN648" s="1" t="str">
        <f t="shared" si="26"/>
        <v>■</v>
      </c>
    </row>
    <row r="649" spans="1:40" s="13" customFormat="1" ht="13" customHeight="1">
      <c r="A649" s="20" t="str">
        <f t="shared" si="27"/>
        <v>MF</v>
      </c>
      <c r="B649" s="20"/>
      <c r="C649" s="552">
        <v>35</v>
      </c>
      <c r="D649" s="553"/>
      <c r="E649" s="566" t="s">
        <v>872</v>
      </c>
      <c r="F649" s="567"/>
      <c r="G649" s="567"/>
      <c r="H649" s="567"/>
      <c r="I649" s="567"/>
      <c r="J649" s="567"/>
      <c r="K649" s="567"/>
      <c r="L649" s="567"/>
      <c r="M649" s="567"/>
      <c r="N649" s="567"/>
      <c r="O649" s="567"/>
      <c r="P649" s="567"/>
      <c r="Q649" s="567"/>
      <c r="R649" s="567"/>
      <c r="S649" s="567"/>
      <c r="T649" s="568"/>
      <c r="U649" s="220" t="s">
        <v>873</v>
      </c>
      <c r="V649" s="557" t="s">
        <v>107</v>
      </c>
      <c r="W649" s="558"/>
      <c r="X649" s="558"/>
      <c r="Y649" s="558"/>
      <c r="Z649" s="559"/>
      <c r="AA649" s="557" t="s">
        <v>102</v>
      </c>
      <c r="AB649" s="558"/>
      <c r="AC649" s="559"/>
      <c r="AD649" s="419">
        <v>9</v>
      </c>
      <c r="AE649" s="419" t="s">
        <v>103</v>
      </c>
      <c r="AF649" s="648" t="s">
        <v>109</v>
      </c>
      <c r="AG649" s="649"/>
      <c r="AH649" s="560"/>
      <c r="AI649" s="561"/>
      <c r="AJ649" s="562"/>
      <c r="AK649" s="333" t="s">
        <v>399</v>
      </c>
      <c r="AL649" s="38"/>
      <c r="AM649" s="54"/>
      <c r="AN649" s="1" t="str">
        <f t="shared" si="26"/>
        <v>■</v>
      </c>
    </row>
    <row r="650" spans="1:40" s="13" customFormat="1" ht="13" customHeight="1">
      <c r="A650" s="20" t="str">
        <f t="shared" si="27"/>
        <v>MF</v>
      </c>
      <c r="B650" s="20"/>
      <c r="C650" s="552">
        <v>36</v>
      </c>
      <c r="D650" s="553"/>
      <c r="E650" s="566" t="s">
        <v>874</v>
      </c>
      <c r="F650" s="567"/>
      <c r="G650" s="567"/>
      <c r="H650" s="567"/>
      <c r="I650" s="567"/>
      <c r="J650" s="567"/>
      <c r="K650" s="567"/>
      <c r="L650" s="567"/>
      <c r="M650" s="567"/>
      <c r="N650" s="567"/>
      <c r="O650" s="567"/>
      <c r="P650" s="567"/>
      <c r="Q650" s="567"/>
      <c r="R650" s="567"/>
      <c r="S650" s="567"/>
      <c r="T650" s="568"/>
      <c r="U650" s="220" t="s">
        <v>875</v>
      </c>
      <c r="V650" s="557" t="s">
        <v>107</v>
      </c>
      <c r="W650" s="558"/>
      <c r="X650" s="558"/>
      <c r="Y650" s="558"/>
      <c r="Z650" s="559"/>
      <c r="AA650" s="557" t="s">
        <v>102</v>
      </c>
      <c r="AB650" s="558"/>
      <c r="AC650" s="559"/>
      <c r="AD650" s="419">
        <v>9</v>
      </c>
      <c r="AE650" s="419" t="s">
        <v>103</v>
      </c>
      <c r="AF650" s="648" t="s">
        <v>109</v>
      </c>
      <c r="AG650" s="649"/>
      <c r="AH650" s="560"/>
      <c r="AI650" s="561"/>
      <c r="AJ650" s="562"/>
      <c r="AK650" s="333" t="s">
        <v>399</v>
      </c>
      <c r="AL650" s="38"/>
      <c r="AM650" s="54"/>
      <c r="AN650" s="1" t="str">
        <f t="shared" si="26"/>
        <v>■</v>
      </c>
    </row>
    <row r="651" spans="1:40" s="13" customFormat="1" ht="13" customHeight="1">
      <c r="A651" s="20" t="str">
        <f t="shared" si="27"/>
        <v>MF</v>
      </c>
      <c r="B651" s="20"/>
      <c r="C651" s="552">
        <v>37</v>
      </c>
      <c r="D651" s="553"/>
      <c r="E651" s="566" t="s">
        <v>876</v>
      </c>
      <c r="F651" s="567"/>
      <c r="G651" s="567"/>
      <c r="H651" s="567"/>
      <c r="I651" s="567"/>
      <c r="J651" s="567"/>
      <c r="K651" s="567"/>
      <c r="L651" s="567"/>
      <c r="M651" s="567"/>
      <c r="N651" s="567"/>
      <c r="O651" s="567"/>
      <c r="P651" s="567"/>
      <c r="Q651" s="567"/>
      <c r="R651" s="567"/>
      <c r="S651" s="567"/>
      <c r="T651" s="568"/>
      <c r="U651" s="220" t="s">
        <v>877</v>
      </c>
      <c r="V651" s="557" t="s">
        <v>107</v>
      </c>
      <c r="W651" s="558"/>
      <c r="X651" s="558"/>
      <c r="Y651" s="558"/>
      <c r="Z651" s="559"/>
      <c r="AA651" s="557" t="s">
        <v>102</v>
      </c>
      <c r="AB651" s="558"/>
      <c r="AC651" s="559"/>
      <c r="AD651" s="419">
        <v>9</v>
      </c>
      <c r="AE651" s="419" t="s">
        <v>103</v>
      </c>
      <c r="AF651" s="648" t="s">
        <v>109</v>
      </c>
      <c r="AG651" s="649"/>
      <c r="AH651" s="560"/>
      <c r="AI651" s="561"/>
      <c r="AJ651" s="562"/>
      <c r="AK651" s="333" t="s">
        <v>399</v>
      </c>
      <c r="AL651" s="38"/>
      <c r="AM651" s="54"/>
      <c r="AN651" s="1" t="str">
        <f t="shared" si="26"/>
        <v>■</v>
      </c>
    </row>
    <row r="652" spans="1:40" s="13" customFormat="1">
      <c r="A652" s="20" t="str">
        <f t="shared" si="27"/>
        <v>MF</v>
      </c>
      <c r="B652" s="20"/>
      <c r="C652" s="644">
        <v>38</v>
      </c>
      <c r="D652" s="645"/>
      <c r="E652" s="543" t="s">
        <v>817</v>
      </c>
      <c r="F652" s="544"/>
      <c r="G652" s="544"/>
      <c r="H652" s="544"/>
      <c r="I652" s="544"/>
      <c r="J652" s="544"/>
      <c r="K652" s="544"/>
      <c r="L652" s="544"/>
      <c r="M652" s="544"/>
      <c r="N652" s="544"/>
      <c r="O652" s="544"/>
      <c r="P652" s="544"/>
      <c r="Q652" s="544"/>
      <c r="R652" s="544"/>
      <c r="S652" s="544"/>
      <c r="T652" s="545"/>
      <c r="U652" s="221" t="s">
        <v>453</v>
      </c>
      <c r="V652" s="546" t="s">
        <v>107</v>
      </c>
      <c r="W652" s="547"/>
      <c r="X652" s="547"/>
      <c r="Y652" s="547"/>
      <c r="Z652" s="548"/>
      <c r="AA652" s="546" t="s">
        <v>102</v>
      </c>
      <c r="AB652" s="547"/>
      <c r="AC652" s="548"/>
      <c r="AD652" s="415">
        <v>6</v>
      </c>
      <c r="AE652" s="415" t="s">
        <v>103</v>
      </c>
      <c r="AF652" s="646"/>
      <c r="AG652" s="647"/>
      <c r="AH652" s="549"/>
      <c r="AI652" s="550"/>
      <c r="AJ652" s="551"/>
      <c r="AK652" s="118"/>
      <c r="AL652" s="38"/>
      <c r="AM652" s="54"/>
      <c r="AN652" s="1" t="str">
        <f t="shared" si="26"/>
        <v>■</v>
      </c>
    </row>
    <row r="653" spans="1:40" s="13" customFormat="1">
      <c r="A653" s="20" t="str">
        <f t="shared" si="27"/>
        <v>MF</v>
      </c>
      <c r="B653" s="20"/>
      <c r="C653" s="644">
        <v>39</v>
      </c>
      <c r="D653" s="645"/>
      <c r="E653" s="543" t="s">
        <v>411</v>
      </c>
      <c r="F653" s="544"/>
      <c r="G653" s="544"/>
      <c r="H653" s="544"/>
      <c r="I653" s="544"/>
      <c r="J653" s="544"/>
      <c r="K653" s="544"/>
      <c r="L653" s="544"/>
      <c r="M653" s="544"/>
      <c r="N653" s="544"/>
      <c r="O653" s="544"/>
      <c r="P653" s="544"/>
      <c r="Q653" s="544"/>
      <c r="R653" s="544"/>
      <c r="S653" s="544"/>
      <c r="T653" s="545"/>
      <c r="U653" s="221" t="s">
        <v>516</v>
      </c>
      <c r="V653" s="546" t="s">
        <v>107</v>
      </c>
      <c r="W653" s="547"/>
      <c r="X653" s="547"/>
      <c r="Y653" s="547"/>
      <c r="Z653" s="548"/>
      <c r="AA653" s="546" t="s">
        <v>102</v>
      </c>
      <c r="AB653" s="547"/>
      <c r="AC653" s="548"/>
      <c r="AD653" s="415">
        <v>6</v>
      </c>
      <c r="AE653" s="415" t="s">
        <v>103</v>
      </c>
      <c r="AF653" s="646"/>
      <c r="AG653" s="647"/>
      <c r="AH653" s="549"/>
      <c r="AI653" s="550"/>
      <c r="AJ653" s="551"/>
      <c r="AK653" s="118"/>
      <c r="AL653" s="38"/>
      <c r="AM653" s="54"/>
      <c r="AN653" s="1" t="str">
        <f t="shared" si="26"/>
        <v>■</v>
      </c>
    </row>
    <row r="654" spans="1:40" s="13" customFormat="1" ht="13.4" customHeight="1">
      <c r="A654" s="20" t="str">
        <f t="shared" si="27"/>
        <v>MF</v>
      </c>
      <c r="B654" s="20"/>
      <c r="C654" s="122"/>
      <c r="D654" s="122"/>
      <c r="E654" s="215"/>
      <c r="F654" s="215"/>
      <c r="G654" s="215"/>
      <c r="H654" s="215"/>
      <c r="I654" s="215"/>
      <c r="J654" s="215"/>
      <c r="K654" s="215"/>
      <c r="L654" s="215"/>
      <c r="M654" s="215"/>
      <c r="N654" s="215"/>
      <c r="O654" s="215"/>
      <c r="P654" s="215"/>
      <c r="Q654" s="215"/>
      <c r="R654" s="215"/>
      <c r="S654" s="215"/>
      <c r="T654" s="215"/>
      <c r="U654" s="241"/>
      <c r="V654" s="75"/>
      <c r="W654" s="75"/>
      <c r="X654" s="75"/>
      <c r="Y654" s="75"/>
      <c r="Z654" s="75"/>
      <c r="AA654" s="650"/>
      <c r="AB654" s="650"/>
      <c r="AC654" s="650"/>
      <c r="AD654" s="216"/>
      <c r="AE654" s="216"/>
      <c r="AF654" s="124"/>
      <c r="AG654" s="73"/>
      <c r="AH654" s="124"/>
      <c r="AI654" s="122"/>
      <c r="AJ654" s="124"/>
      <c r="AK654" s="54"/>
      <c r="AL654" s="38"/>
      <c r="AM654" s="54"/>
    </row>
    <row r="655" spans="1:40" s="13" customFormat="1" ht="13.4" customHeight="1">
      <c r="A655" s="20" t="str">
        <f t="shared" si="27"/>
        <v>ON</v>
      </c>
      <c r="B655" s="20"/>
      <c r="C655" s="52" t="s">
        <v>380</v>
      </c>
      <c r="D655" s="122"/>
      <c r="E655" s="215"/>
      <c r="F655" s="215"/>
      <c r="G655" s="215"/>
      <c r="H655" s="215"/>
      <c r="I655" s="215"/>
      <c r="J655" s="26" t="s">
        <v>878</v>
      </c>
      <c r="K655" s="215"/>
      <c r="L655" s="215"/>
      <c r="M655" s="215"/>
      <c r="N655" s="215"/>
      <c r="O655" s="215"/>
      <c r="P655" s="215"/>
      <c r="Q655" s="215"/>
      <c r="R655" s="215"/>
      <c r="S655" s="215"/>
      <c r="T655" s="215"/>
      <c r="U655" s="26" t="s">
        <v>1342</v>
      </c>
      <c r="V655" s="75"/>
      <c r="W655" s="75"/>
      <c r="X655" s="75"/>
      <c r="Y655" s="75"/>
      <c r="Z655" s="75"/>
      <c r="AA655" s="651"/>
      <c r="AB655" s="651"/>
      <c r="AC655" s="651"/>
      <c r="AD655" s="216"/>
      <c r="AE655" s="216"/>
      <c r="AF655" s="124"/>
      <c r="AG655" s="348"/>
      <c r="AH655" s="124"/>
      <c r="AI655" s="122"/>
      <c r="AJ655" s="124"/>
      <c r="AK655" s="54"/>
      <c r="AL655" s="38"/>
      <c r="AM655" s="54"/>
    </row>
    <row r="656" spans="1:40" s="13" customFormat="1" ht="13.4" customHeight="1">
      <c r="A656" s="20" t="str">
        <f t="shared" si="27"/>
        <v>ON</v>
      </c>
      <c r="B656" s="20"/>
      <c r="C656" s="583" t="s">
        <v>73</v>
      </c>
      <c r="D656" s="573"/>
      <c r="E656" s="583" t="s">
        <v>94</v>
      </c>
      <c r="F656" s="583"/>
      <c r="G656" s="583"/>
      <c r="H656" s="583"/>
      <c r="I656" s="583"/>
      <c r="J656" s="583"/>
      <c r="K656" s="583"/>
      <c r="L656" s="583"/>
      <c r="M656" s="583"/>
      <c r="N656" s="583"/>
      <c r="O656" s="583"/>
      <c r="P656" s="583"/>
      <c r="Q656" s="583"/>
      <c r="R656" s="583"/>
      <c r="S656" s="583"/>
      <c r="T656" s="583"/>
      <c r="U656" s="226" t="s">
        <v>383</v>
      </c>
      <c r="V656" s="572" t="s">
        <v>138</v>
      </c>
      <c r="W656" s="572"/>
      <c r="X656" s="572"/>
      <c r="Y656" s="572"/>
      <c r="Z656" s="572"/>
      <c r="AA656" s="652" t="s">
        <v>959</v>
      </c>
      <c r="AB656" s="653"/>
      <c r="AC656" s="654"/>
      <c r="AD656" s="572" t="s">
        <v>97</v>
      </c>
      <c r="AE656" s="572"/>
      <c r="AF656" s="572" t="s">
        <v>98</v>
      </c>
      <c r="AG656" s="572"/>
      <c r="AH656" s="583" t="s">
        <v>75</v>
      </c>
      <c r="AI656" s="583"/>
      <c r="AJ656" s="583"/>
      <c r="AK656" s="572" t="s">
        <v>159</v>
      </c>
      <c r="AL656" s="38"/>
      <c r="AM656" s="54"/>
      <c r="AN656" s="1"/>
    </row>
    <row r="657" spans="1:40" s="13" customFormat="1" ht="13.4" customHeight="1">
      <c r="A657" s="20" t="str">
        <f t="shared" si="27"/>
        <v>ON</v>
      </c>
      <c r="B657" s="20"/>
      <c r="C657" s="573"/>
      <c r="D657" s="573"/>
      <c r="E657" s="583"/>
      <c r="F657" s="583"/>
      <c r="G657" s="583"/>
      <c r="H657" s="583"/>
      <c r="I657" s="583"/>
      <c r="J657" s="583"/>
      <c r="K657" s="583"/>
      <c r="L657" s="583"/>
      <c r="M657" s="583"/>
      <c r="N657" s="583"/>
      <c r="O657" s="583"/>
      <c r="P657" s="583"/>
      <c r="Q657" s="583"/>
      <c r="R657" s="583"/>
      <c r="S657" s="583"/>
      <c r="T657" s="583"/>
      <c r="U657" s="227"/>
      <c r="V657" s="572"/>
      <c r="W657" s="572"/>
      <c r="X657" s="572"/>
      <c r="Y657" s="572"/>
      <c r="Z657" s="572"/>
      <c r="AA657" s="655"/>
      <c r="AB657" s="656"/>
      <c r="AC657" s="657"/>
      <c r="AD657" s="572"/>
      <c r="AE657" s="572"/>
      <c r="AF657" s="572"/>
      <c r="AG657" s="572"/>
      <c r="AH657" s="583"/>
      <c r="AI657" s="583"/>
      <c r="AJ657" s="583"/>
      <c r="AK657" s="572"/>
      <c r="AL657" s="38"/>
      <c r="AM657" s="54"/>
      <c r="AN657" s="1"/>
    </row>
    <row r="658" spans="1:40" s="13" customFormat="1">
      <c r="A658" s="20" t="str">
        <f t="shared" si="27"/>
        <v>ON</v>
      </c>
      <c r="B658" s="20"/>
      <c r="C658" s="644">
        <v>1</v>
      </c>
      <c r="D658" s="645"/>
      <c r="E658" s="563" t="s">
        <v>440</v>
      </c>
      <c r="F658" s="564"/>
      <c r="G658" s="564"/>
      <c r="H658" s="564"/>
      <c r="I658" s="564"/>
      <c r="J658" s="564"/>
      <c r="K658" s="564"/>
      <c r="L658" s="564"/>
      <c r="M658" s="564"/>
      <c r="N658" s="564"/>
      <c r="O658" s="564"/>
      <c r="P658" s="564"/>
      <c r="Q658" s="564"/>
      <c r="R658" s="564"/>
      <c r="S658" s="564"/>
      <c r="T658" s="565"/>
      <c r="U658" s="219" t="s">
        <v>441</v>
      </c>
      <c r="V658" s="546" t="s">
        <v>101</v>
      </c>
      <c r="W658" s="547"/>
      <c r="X658" s="547"/>
      <c r="Y658" s="547"/>
      <c r="Z658" s="548"/>
      <c r="AA658" s="546" t="s">
        <v>102</v>
      </c>
      <c r="AB658" s="547"/>
      <c r="AC658" s="548"/>
      <c r="AD658" s="415">
        <v>10</v>
      </c>
      <c r="AE658" s="415" t="s">
        <v>103</v>
      </c>
      <c r="AF658" s="646"/>
      <c r="AG658" s="647"/>
      <c r="AH658" s="549"/>
      <c r="AI658" s="550"/>
      <c r="AJ658" s="551"/>
      <c r="AK658" s="118"/>
      <c r="AL658" s="38"/>
      <c r="AM658" s="54"/>
      <c r="AN658" s="1" t="str">
        <f>$G$22</f>
        <v>■</v>
      </c>
    </row>
    <row r="659" spans="1:40" s="13" customFormat="1">
      <c r="A659" s="20" t="str">
        <f t="shared" si="27"/>
        <v>ON</v>
      </c>
      <c r="B659" s="20"/>
      <c r="C659" s="644">
        <v>2</v>
      </c>
      <c r="D659" s="645"/>
      <c r="E659" s="563" t="s">
        <v>442</v>
      </c>
      <c r="F659" s="564"/>
      <c r="G659" s="564"/>
      <c r="H659" s="564"/>
      <c r="I659" s="564"/>
      <c r="J659" s="564"/>
      <c r="K659" s="564"/>
      <c r="L659" s="564"/>
      <c r="M659" s="564"/>
      <c r="N659" s="564"/>
      <c r="O659" s="564"/>
      <c r="P659" s="564"/>
      <c r="Q659" s="564"/>
      <c r="R659" s="564"/>
      <c r="S659" s="564"/>
      <c r="T659" s="565"/>
      <c r="U659" s="219" t="s">
        <v>443</v>
      </c>
      <c r="V659" s="546" t="s">
        <v>101</v>
      </c>
      <c r="W659" s="547"/>
      <c r="X659" s="547"/>
      <c r="Y659" s="547"/>
      <c r="Z659" s="548"/>
      <c r="AA659" s="546" t="s">
        <v>102</v>
      </c>
      <c r="AB659" s="547"/>
      <c r="AC659" s="548"/>
      <c r="AD659" s="415">
        <v>51</v>
      </c>
      <c r="AE659" s="415" t="s">
        <v>103</v>
      </c>
      <c r="AF659" s="646"/>
      <c r="AG659" s="647"/>
      <c r="AH659" s="549"/>
      <c r="AI659" s="550"/>
      <c r="AJ659" s="551"/>
      <c r="AK659" s="118"/>
      <c r="AL659" s="38"/>
      <c r="AM659" s="54"/>
      <c r="AN659" s="1" t="str">
        <f t="shared" ref="AN659:AN678" si="28">$G$22</f>
        <v>■</v>
      </c>
    </row>
    <row r="660" spans="1:40" s="13" customFormat="1">
      <c r="A660" s="20" t="str">
        <f t="shared" si="27"/>
        <v>ON</v>
      </c>
      <c r="B660" s="20"/>
      <c r="C660" s="552">
        <v>3</v>
      </c>
      <c r="D660" s="553"/>
      <c r="E660" s="566" t="s">
        <v>106</v>
      </c>
      <c r="F660" s="567"/>
      <c r="G660" s="567"/>
      <c r="H660" s="567"/>
      <c r="I660" s="567"/>
      <c r="J660" s="567"/>
      <c r="K660" s="567"/>
      <c r="L660" s="567"/>
      <c r="M660" s="567"/>
      <c r="N660" s="567"/>
      <c r="O660" s="567"/>
      <c r="P660" s="567"/>
      <c r="Q660" s="567"/>
      <c r="R660" s="567"/>
      <c r="S660" s="567"/>
      <c r="T660" s="568"/>
      <c r="U660" s="220" t="s">
        <v>444</v>
      </c>
      <c r="V660" s="557" t="s">
        <v>107</v>
      </c>
      <c r="W660" s="558"/>
      <c r="X660" s="558"/>
      <c r="Y660" s="558"/>
      <c r="Z660" s="559"/>
      <c r="AA660" s="557" t="s">
        <v>108</v>
      </c>
      <c r="AB660" s="558"/>
      <c r="AC660" s="559"/>
      <c r="AD660" s="419">
        <v>1</v>
      </c>
      <c r="AE660" s="419">
        <v>0</v>
      </c>
      <c r="AF660" s="569" t="s">
        <v>109</v>
      </c>
      <c r="AG660" s="570"/>
      <c r="AH660" s="560"/>
      <c r="AI660" s="561"/>
      <c r="AJ660" s="562"/>
      <c r="AK660" s="333" t="s">
        <v>416</v>
      </c>
      <c r="AL660" s="38"/>
      <c r="AM660" s="54"/>
      <c r="AN660" s="1" t="str">
        <f t="shared" si="28"/>
        <v>■</v>
      </c>
    </row>
    <row r="661" spans="1:40" s="13" customFormat="1">
      <c r="A661" s="20" t="str">
        <f t="shared" si="27"/>
        <v>ON</v>
      </c>
      <c r="B661" s="20"/>
      <c r="C661" s="541">
        <v>4</v>
      </c>
      <c r="D661" s="542"/>
      <c r="E661" s="563" t="s">
        <v>110</v>
      </c>
      <c r="F661" s="564"/>
      <c r="G661" s="564"/>
      <c r="H661" s="564"/>
      <c r="I661" s="564"/>
      <c r="J661" s="564"/>
      <c r="K661" s="564"/>
      <c r="L661" s="564"/>
      <c r="M661" s="564"/>
      <c r="N661" s="564"/>
      <c r="O661" s="564"/>
      <c r="P661" s="564"/>
      <c r="Q661" s="564"/>
      <c r="R661" s="564"/>
      <c r="S661" s="564"/>
      <c r="T661" s="565"/>
      <c r="U661" s="221" t="s">
        <v>445</v>
      </c>
      <c r="V661" s="546" t="s">
        <v>107</v>
      </c>
      <c r="W661" s="547"/>
      <c r="X661" s="547"/>
      <c r="Y661" s="547"/>
      <c r="Z661" s="548"/>
      <c r="AA661" s="546" t="s">
        <v>108</v>
      </c>
      <c r="AB661" s="547"/>
      <c r="AC661" s="548"/>
      <c r="AD661" s="415">
        <v>1</v>
      </c>
      <c r="AE661" s="415">
        <v>0</v>
      </c>
      <c r="AF661" s="646"/>
      <c r="AG661" s="647"/>
      <c r="AH661" s="549"/>
      <c r="AI661" s="550"/>
      <c r="AJ661" s="551"/>
      <c r="AK661" s="332"/>
      <c r="AL661" s="38"/>
      <c r="AM661" s="54"/>
      <c r="AN661" s="1" t="str">
        <f t="shared" si="28"/>
        <v>■</v>
      </c>
    </row>
    <row r="662" spans="1:40" s="13" customFormat="1">
      <c r="A662" s="20" t="str">
        <f t="shared" si="27"/>
        <v>ON</v>
      </c>
      <c r="B662" s="20"/>
      <c r="C662" s="644">
        <v>5</v>
      </c>
      <c r="D662" s="645"/>
      <c r="E662" s="543" t="s">
        <v>80</v>
      </c>
      <c r="F662" s="544"/>
      <c r="G662" s="544"/>
      <c r="H662" s="544"/>
      <c r="I662" s="544"/>
      <c r="J662" s="544"/>
      <c r="K662" s="544"/>
      <c r="L662" s="544"/>
      <c r="M662" s="544"/>
      <c r="N662" s="544"/>
      <c r="O662" s="544"/>
      <c r="P662" s="544"/>
      <c r="Q662" s="544"/>
      <c r="R662" s="544"/>
      <c r="S662" s="544"/>
      <c r="T662" s="545"/>
      <c r="U662" s="221" t="s">
        <v>446</v>
      </c>
      <c r="V662" s="546" t="s">
        <v>101</v>
      </c>
      <c r="W662" s="547"/>
      <c r="X662" s="547"/>
      <c r="Y662" s="547"/>
      <c r="Z662" s="548"/>
      <c r="AA662" s="546" t="s">
        <v>102</v>
      </c>
      <c r="AB662" s="547"/>
      <c r="AC662" s="548"/>
      <c r="AD662" s="415">
        <v>2</v>
      </c>
      <c r="AE662" s="415" t="s">
        <v>103</v>
      </c>
      <c r="AF662" s="646"/>
      <c r="AG662" s="647"/>
      <c r="AH662" s="549"/>
      <c r="AI662" s="550"/>
      <c r="AJ662" s="551"/>
      <c r="AK662" s="118"/>
      <c r="AL662" s="38"/>
      <c r="AM662" s="54"/>
      <c r="AN662" s="1" t="str">
        <f t="shared" si="28"/>
        <v>■</v>
      </c>
    </row>
    <row r="663" spans="1:40" s="13" customFormat="1">
      <c r="A663" s="20" t="str">
        <f t="shared" si="27"/>
        <v>ON</v>
      </c>
      <c r="B663" s="20"/>
      <c r="C663" s="644">
        <v>6</v>
      </c>
      <c r="D663" s="645"/>
      <c r="E663" s="543" t="s">
        <v>779</v>
      </c>
      <c r="F663" s="544"/>
      <c r="G663" s="544"/>
      <c r="H663" s="544"/>
      <c r="I663" s="544"/>
      <c r="J663" s="544"/>
      <c r="K663" s="544"/>
      <c r="L663" s="544"/>
      <c r="M663" s="544"/>
      <c r="N663" s="544"/>
      <c r="O663" s="544"/>
      <c r="P663" s="544"/>
      <c r="Q663" s="544"/>
      <c r="R663" s="544"/>
      <c r="S663" s="544"/>
      <c r="T663" s="545"/>
      <c r="U663" s="221" t="s">
        <v>780</v>
      </c>
      <c r="V663" s="546" t="s">
        <v>107</v>
      </c>
      <c r="W663" s="547"/>
      <c r="X663" s="547"/>
      <c r="Y663" s="547"/>
      <c r="Z663" s="548"/>
      <c r="AA663" s="546" t="s">
        <v>108</v>
      </c>
      <c r="AB663" s="547"/>
      <c r="AC663" s="548"/>
      <c r="AD663" s="415">
        <v>1</v>
      </c>
      <c r="AE663" s="415">
        <v>0</v>
      </c>
      <c r="AF663" s="646"/>
      <c r="AG663" s="647"/>
      <c r="AH663" s="549"/>
      <c r="AI663" s="550"/>
      <c r="AJ663" s="551"/>
      <c r="AK663" s="118"/>
      <c r="AL663" s="38"/>
      <c r="AM663" s="54"/>
      <c r="AN663" s="1" t="str">
        <f t="shared" si="28"/>
        <v>■</v>
      </c>
    </row>
    <row r="664" spans="1:40" s="13" customFormat="1">
      <c r="A664" s="20" t="str">
        <f t="shared" si="27"/>
        <v>ON</v>
      </c>
      <c r="B664" s="20"/>
      <c r="C664" s="644">
        <v>7</v>
      </c>
      <c r="D664" s="645"/>
      <c r="E664" s="543" t="s">
        <v>880</v>
      </c>
      <c r="F664" s="544"/>
      <c r="G664" s="544"/>
      <c r="H664" s="544"/>
      <c r="I664" s="544"/>
      <c r="J664" s="544"/>
      <c r="K664" s="544"/>
      <c r="L664" s="544"/>
      <c r="M664" s="544"/>
      <c r="N664" s="544"/>
      <c r="O664" s="544"/>
      <c r="P664" s="544"/>
      <c r="Q664" s="544"/>
      <c r="R664" s="544"/>
      <c r="S664" s="544"/>
      <c r="T664" s="545"/>
      <c r="U664" s="221" t="s">
        <v>881</v>
      </c>
      <c r="V664" s="546" t="s">
        <v>107</v>
      </c>
      <c r="W664" s="547"/>
      <c r="X664" s="547"/>
      <c r="Y664" s="547"/>
      <c r="Z664" s="548"/>
      <c r="AA664" s="546" t="s">
        <v>102</v>
      </c>
      <c r="AB664" s="547"/>
      <c r="AC664" s="548"/>
      <c r="AD664" s="415">
        <v>8</v>
      </c>
      <c r="AE664" s="415" t="s">
        <v>103</v>
      </c>
      <c r="AF664" s="646"/>
      <c r="AG664" s="647"/>
      <c r="AH664" s="549"/>
      <c r="AI664" s="550"/>
      <c r="AJ664" s="551"/>
      <c r="AK664" s="118"/>
      <c r="AL664" s="38"/>
      <c r="AM664" s="54"/>
      <c r="AN664" s="1" t="str">
        <f t="shared" si="28"/>
        <v>■</v>
      </c>
    </row>
    <row r="665" spans="1:40" s="13" customFormat="1">
      <c r="A665" s="20" t="str">
        <f t="shared" si="27"/>
        <v>ON</v>
      </c>
      <c r="B665" s="20"/>
      <c r="C665" s="644">
        <v>8</v>
      </c>
      <c r="D665" s="645"/>
      <c r="E665" s="543" t="s">
        <v>882</v>
      </c>
      <c r="F665" s="544"/>
      <c r="G665" s="544"/>
      <c r="H665" s="544"/>
      <c r="I665" s="544"/>
      <c r="J665" s="544"/>
      <c r="K665" s="544"/>
      <c r="L665" s="544"/>
      <c r="M665" s="544"/>
      <c r="N665" s="544"/>
      <c r="O665" s="544"/>
      <c r="P665" s="544"/>
      <c r="Q665" s="544"/>
      <c r="R665" s="544"/>
      <c r="S665" s="544"/>
      <c r="T665" s="545"/>
      <c r="U665" s="221" t="s">
        <v>883</v>
      </c>
      <c r="V665" s="546" t="s">
        <v>107</v>
      </c>
      <c r="W665" s="547"/>
      <c r="X665" s="547"/>
      <c r="Y665" s="547"/>
      <c r="Z665" s="548"/>
      <c r="AA665" s="546" t="s">
        <v>102</v>
      </c>
      <c r="AB665" s="547"/>
      <c r="AC665" s="548"/>
      <c r="AD665" s="415">
        <v>8</v>
      </c>
      <c r="AE665" s="415" t="s">
        <v>103</v>
      </c>
      <c r="AF665" s="646"/>
      <c r="AG665" s="647"/>
      <c r="AH665" s="549"/>
      <c r="AI665" s="550"/>
      <c r="AJ665" s="551"/>
      <c r="AK665" s="118"/>
      <c r="AL665" s="38"/>
      <c r="AM665" s="54"/>
      <c r="AN665" s="1" t="str">
        <f t="shared" si="28"/>
        <v>■</v>
      </c>
    </row>
    <row r="666" spans="1:40" s="13" customFormat="1">
      <c r="A666" s="20" t="str">
        <f t="shared" si="27"/>
        <v>ON</v>
      </c>
      <c r="B666" s="20"/>
      <c r="C666" s="644">
        <v>9</v>
      </c>
      <c r="D666" s="645"/>
      <c r="E666" s="543" t="s">
        <v>884</v>
      </c>
      <c r="F666" s="544"/>
      <c r="G666" s="544"/>
      <c r="H666" s="544"/>
      <c r="I666" s="544"/>
      <c r="J666" s="544"/>
      <c r="K666" s="544"/>
      <c r="L666" s="544"/>
      <c r="M666" s="544"/>
      <c r="N666" s="544"/>
      <c r="O666" s="544"/>
      <c r="P666" s="544"/>
      <c r="Q666" s="544"/>
      <c r="R666" s="544"/>
      <c r="S666" s="544"/>
      <c r="T666" s="545"/>
      <c r="U666" s="221" t="s">
        <v>885</v>
      </c>
      <c r="V666" s="546" t="s">
        <v>107</v>
      </c>
      <c r="W666" s="547"/>
      <c r="X666" s="547"/>
      <c r="Y666" s="547"/>
      <c r="Z666" s="548"/>
      <c r="AA666" s="546" t="s">
        <v>102</v>
      </c>
      <c r="AB666" s="547"/>
      <c r="AC666" s="548"/>
      <c r="AD666" s="415">
        <v>12</v>
      </c>
      <c r="AE666" s="415" t="s">
        <v>103</v>
      </c>
      <c r="AF666" s="646"/>
      <c r="AG666" s="647"/>
      <c r="AH666" s="549"/>
      <c r="AI666" s="550"/>
      <c r="AJ666" s="551"/>
      <c r="AK666" s="118"/>
      <c r="AL666" s="38"/>
      <c r="AM666" s="54"/>
      <c r="AN666" s="1" t="str">
        <f t="shared" si="28"/>
        <v>■</v>
      </c>
    </row>
    <row r="667" spans="1:40" s="13" customFormat="1">
      <c r="A667" s="20" t="str">
        <f t="shared" si="27"/>
        <v>ON</v>
      </c>
      <c r="B667" s="20"/>
      <c r="C667" s="644">
        <v>10</v>
      </c>
      <c r="D667" s="645"/>
      <c r="E667" s="543" t="s">
        <v>886</v>
      </c>
      <c r="F667" s="544"/>
      <c r="G667" s="544"/>
      <c r="H667" s="544"/>
      <c r="I667" s="544"/>
      <c r="J667" s="544"/>
      <c r="K667" s="544"/>
      <c r="L667" s="544"/>
      <c r="M667" s="544"/>
      <c r="N667" s="544"/>
      <c r="O667" s="544"/>
      <c r="P667" s="544"/>
      <c r="Q667" s="544"/>
      <c r="R667" s="544"/>
      <c r="S667" s="544"/>
      <c r="T667" s="545"/>
      <c r="U667" s="221" t="s">
        <v>887</v>
      </c>
      <c r="V667" s="546" t="s">
        <v>107</v>
      </c>
      <c r="W667" s="547"/>
      <c r="X667" s="547"/>
      <c r="Y667" s="547"/>
      <c r="Z667" s="548"/>
      <c r="AA667" s="546" t="s">
        <v>102</v>
      </c>
      <c r="AB667" s="547"/>
      <c r="AC667" s="548"/>
      <c r="AD667" s="415">
        <v>30</v>
      </c>
      <c r="AE667" s="415" t="s">
        <v>103</v>
      </c>
      <c r="AF667" s="646"/>
      <c r="AG667" s="647"/>
      <c r="AH667" s="549"/>
      <c r="AI667" s="550"/>
      <c r="AJ667" s="551"/>
      <c r="AK667" s="118"/>
      <c r="AL667" s="38"/>
      <c r="AM667" s="54"/>
      <c r="AN667" s="1" t="str">
        <f t="shared" si="28"/>
        <v>■</v>
      </c>
    </row>
    <row r="668" spans="1:40" s="13" customFormat="1">
      <c r="A668" s="20" t="str">
        <f t="shared" si="27"/>
        <v>ON</v>
      </c>
      <c r="B668" s="20"/>
      <c r="C668" s="644">
        <v>11</v>
      </c>
      <c r="D668" s="645"/>
      <c r="E668" s="543" t="s">
        <v>888</v>
      </c>
      <c r="F668" s="544"/>
      <c r="G668" s="544"/>
      <c r="H668" s="544"/>
      <c r="I668" s="544"/>
      <c r="J668" s="544"/>
      <c r="K668" s="544"/>
      <c r="L668" s="544"/>
      <c r="M668" s="544"/>
      <c r="N668" s="544"/>
      <c r="O668" s="544"/>
      <c r="P668" s="544"/>
      <c r="Q668" s="544"/>
      <c r="R668" s="544"/>
      <c r="S668" s="544"/>
      <c r="T668" s="545"/>
      <c r="U668" s="221" t="s">
        <v>889</v>
      </c>
      <c r="V668" s="546" t="s">
        <v>107</v>
      </c>
      <c r="W668" s="547"/>
      <c r="X668" s="547"/>
      <c r="Y668" s="547"/>
      <c r="Z668" s="548"/>
      <c r="AA668" s="546" t="s">
        <v>108</v>
      </c>
      <c r="AB668" s="547"/>
      <c r="AC668" s="548"/>
      <c r="AD668" s="415">
        <v>1</v>
      </c>
      <c r="AE668" s="415">
        <v>0</v>
      </c>
      <c r="AF668" s="646"/>
      <c r="AG668" s="647"/>
      <c r="AH668" s="549"/>
      <c r="AI668" s="550"/>
      <c r="AJ668" s="551"/>
      <c r="AK668" s="118"/>
      <c r="AL668" s="38"/>
      <c r="AM668" s="54"/>
      <c r="AN668" s="1" t="str">
        <f t="shared" si="28"/>
        <v>■</v>
      </c>
    </row>
    <row r="669" spans="1:40" s="13" customFormat="1">
      <c r="A669" s="20" t="str">
        <f t="shared" si="27"/>
        <v>ON</v>
      </c>
      <c r="B669" s="20"/>
      <c r="C669" s="552">
        <v>12</v>
      </c>
      <c r="D669" s="553"/>
      <c r="E669" s="554" t="s">
        <v>890</v>
      </c>
      <c r="F669" s="555"/>
      <c r="G669" s="555"/>
      <c r="H669" s="555"/>
      <c r="I669" s="555"/>
      <c r="J669" s="555"/>
      <c r="K669" s="555"/>
      <c r="L669" s="555"/>
      <c r="M669" s="555"/>
      <c r="N669" s="555"/>
      <c r="O669" s="555"/>
      <c r="P669" s="555"/>
      <c r="Q669" s="555"/>
      <c r="R669" s="555"/>
      <c r="S669" s="555"/>
      <c r="T669" s="556"/>
      <c r="U669" s="220" t="s">
        <v>891</v>
      </c>
      <c r="V669" s="557" t="s">
        <v>101</v>
      </c>
      <c r="W669" s="558"/>
      <c r="X669" s="558"/>
      <c r="Y669" s="558"/>
      <c r="Z669" s="559"/>
      <c r="AA669" s="557" t="s">
        <v>102</v>
      </c>
      <c r="AB669" s="558"/>
      <c r="AC669" s="559"/>
      <c r="AD669" s="419">
        <v>100</v>
      </c>
      <c r="AE669" s="419" t="s">
        <v>103</v>
      </c>
      <c r="AF669" s="648" t="s">
        <v>109</v>
      </c>
      <c r="AG669" s="649"/>
      <c r="AH669" s="560"/>
      <c r="AI669" s="561"/>
      <c r="AJ669" s="562"/>
      <c r="AK669" s="333" t="s">
        <v>480</v>
      </c>
      <c r="AL669" s="38"/>
      <c r="AM669" s="54"/>
      <c r="AN669" s="1" t="str">
        <f t="shared" si="28"/>
        <v>■</v>
      </c>
    </row>
    <row r="670" spans="1:40" s="13" customFormat="1">
      <c r="A670" s="20" t="str">
        <f t="shared" si="27"/>
        <v>ON</v>
      </c>
      <c r="B670" s="20"/>
      <c r="C670" s="644">
        <v>13</v>
      </c>
      <c r="D670" s="645"/>
      <c r="E670" s="543" t="s">
        <v>892</v>
      </c>
      <c r="F670" s="544"/>
      <c r="G670" s="544"/>
      <c r="H670" s="544"/>
      <c r="I670" s="544"/>
      <c r="J670" s="544"/>
      <c r="K670" s="544"/>
      <c r="L670" s="544"/>
      <c r="M670" s="544"/>
      <c r="N670" s="544"/>
      <c r="O670" s="544"/>
      <c r="P670" s="544"/>
      <c r="Q670" s="544"/>
      <c r="R670" s="544"/>
      <c r="S670" s="544"/>
      <c r="T670" s="545"/>
      <c r="U670" s="221" t="s">
        <v>893</v>
      </c>
      <c r="V670" s="546" t="s">
        <v>107</v>
      </c>
      <c r="W670" s="547"/>
      <c r="X670" s="547"/>
      <c r="Y670" s="547"/>
      <c r="Z670" s="548"/>
      <c r="AA670" s="546" t="s">
        <v>102</v>
      </c>
      <c r="AB670" s="547"/>
      <c r="AC670" s="548"/>
      <c r="AD670" s="415">
        <v>8</v>
      </c>
      <c r="AE670" s="415" t="s">
        <v>103</v>
      </c>
      <c r="AF670" s="646"/>
      <c r="AG670" s="647"/>
      <c r="AH670" s="549"/>
      <c r="AI670" s="550"/>
      <c r="AJ670" s="551"/>
      <c r="AK670" s="118"/>
      <c r="AL670" s="38"/>
      <c r="AM670" s="54"/>
      <c r="AN670" s="1" t="str">
        <f t="shared" si="28"/>
        <v>■</v>
      </c>
    </row>
    <row r="671" spans="1:40" s="13" customFormat="1">
      <c r="A671" s="20" t="str">
        <f t="shared" si="27"/>
        <v>ON</v>
      </c>
      <c r="B671" s="20"/>
      <c r="C671" s="644">
        <v>14</v>
      </c>
      <c r="D671" s="645"/>
      <c r="E671" s="543" t="s">
        <v>894</v>
      </c>
      <c r="F671" s="544"/>
      <c r="G671" s="544"/>
      <c r="H671" s="544"/>
      <c r="I671" s="544"/>
      <c r="J671" s="544"/>
      <c r="K671" s="544"/>
      <c r="L671" s="544"/>
      <c r="M671" s="544"/>
      <c r="N671" s="544"/>
      <c r="O671" s="544"/>
      <c r="P671" s="544"/>
      <c r="Q671" s="544"/>
      <c r="R671" s="544"/>
      <c r="S671" s="544"/>
      <c r="T671" s="545"/>
      <c r="U671" s="221" t="s">
        <v>895</v>
      </c>
      <c r="V671" s="546" t="s">
        <v>107</v>
      </c>
      <c r="W671" s="547"/>
      <c r="X671" s="547"/>
      <c r="Y671" s="547"/>
      <c r="Z671" s="548"/>
      <c r="AA671" s="546" t="s">
        <v>102</v>
      </c>
      <c r="AB671" s="547"/>
      <c r="AC671" s="548"/>
      <c r="AD671" s="415">
        <v>8</v>
      </c>
      <c r="AE671" s="415" t="s">
        <v>103</v>
      </c>
      <c r="AF671" s="646"/>
      <c r="AG671" s="647"/>
      <c r="AH671" s="549"/>
      <c r="AI671" s="550"/>
      <c r="AJ671" s="551"/>
      <c r="AK671" s="118"/>
      <c r="AL671" s="38"/>
      <c r="AM671" s="54"/>
      <c r="AN671" s="1" t="str">
        <f t="shared" si="28"/>
        <v>■</v>
      </c>
    </row>
    <row r="672" spans="1:40" s="13" customFormat="1">
      <c r="A672" s="20" t="str">
        <f t="shared" si="27"/>
        <v>ON</v>
      </c>
      <c r="B672" s="20"/>
      <c r="C672" s="644">
        <v>15</v>
      </c>
      <c r="D672" s="645"/>
      <c r="E672" s="543" t="s">
        <v>896</v>
      </c>
      <c r="F672" s="544"/>
      <c r="G672" s="544"/>
      <c r="H672" s="544"/>
      <c r="I672" s="544"/>
      <c r="J672" s="544"/>
      <c r="K672" s="544"/>
      <c r="L672" s="544"/>
      <c r="M672" s="544"/>
      <c r="N672" s="544"/>
      <c r="O672" s="544"/>
      <c r="P672" s="544"/>
      <c r="Q672" s="544"/>
      <c r="R672" s="544"/>
      <c r="S672" s="544"/>
      <c r="T672" s="545"/>
      <c r="U672" s="221" t="s">
        <v>897</v>
      </c>
      <c r="V672" s="546" t="s">
        <v>107</v>
      </c>
      <c r="W672" s="547"/>
      <c r="X672" s="547"/>
      <c r="Y672" s="547"/>
      <c r="Z672" s="548"/>
      <c r="AA672" s="546" t="s">
        <v>102</v>
      </c>
      <c r="AB672" s="547"/>
      <c r="AC672" s="548"/>
      <c r="AD672" s="415">
        <v>8</v>
      </c>
      <c r="AE672" s="415" t="s">
        <v>103</v>
      </c>
      <c r="AF672" s="646"/>
      <c r="AG672" s="647"/>
      <c r="AH672" s="549"/>
      <c r="AI672" s="550"/>
      <c r="AJ672" s="551"/>
      <c r="AK672" s="118"/>
      <c r="AL672" s="38"/>
      <c r="AM672" s="54"/>
      <c r="AN672" s="1" t="str">
        <f t="shared" si="28"/>
        <v>■</v>
      </c>
    </row>
    <row r="673" spans="1:40" s="13" customFormat="1">
      <c r="A673" s="20" t="str">
        <f t="shared" si="27"/>
        <v>ON</v>
      </c>
      <c r="B673" s="20"/>
      <c r="C673" s="644">
        <v>16</v>
      </c>
      <c r="D673" s="645"/>
      <c r="E673" s="543" t="s">
        <v>898</v>
      </c>
      <c r="F673" s="544"/>
      <c r="G673" s="544"/>
      <c r="H673" s="544"/>
      <c r="I673" s="544"/>
      <c r="J673" s="544"/>
      <c r="K673" s="544"/>
      <c r="L673" s="544"/>
      <c r="M673" s="544"/>
      <c r="N673" s="544"/>
      <c r="O673" s="544"/>
      <c r="P673" s="544"/>
      <c r="Q673" s="544"/>
      <c r="R673" s="544"/>
      <c r="S673" s="544"/>
      <c r="T673" s="545"/>
      <c r="U673" s="221" t="s">
        <v>899</v>
      </c>
      <c r="V673" s="546" t="s">
        <v>107</v>
      </c>
      <c r="W673" s="547"/>
      <c r="X673" s="547"/>
      <c r="Y673" s="547"/>
      <c r="Z673" s="548"/>
      <c r="AA673" s="546" t="s">
        <v>102</v>
      </c>
      <c r="AB673" s="547"/>
      <c r="AC673" s="548"/>
      <c r="AD673" s="415">
        <v>8</v>
      </c>
      <c r="AE673" s="415" t="s">
        <v>103</v>
      </c>
      <c r="AF673" s="646"/>
      <c r="AG673" s="647"/>
      <c r="AH673" s="549"/>
      <c r="AI673" s="550"/>
      <c r="AJ673" s="551"/>
      <c r="AK673" s="118"/>
      <c r="AL673" s="38"/>
      <c r="AM673" s="54"/>
      <c r="AN673" s="1" t="str">
        <f t="shared" si="28"/>
        <v>■</v>
      </c>
    </row>
    <row r="674" spans="1:40" s="13" customFormat="1">
      <c r="A674" s="20" t="str">
        <f t="shared" si="27"/>
        <v>ON</v>
      </c>
      <c r="B674" s="20"/>
      <c r="C674" s="644">
        <v>17</v>
      </c>
      <c r="D674" s="645"/>
      <c r="E674" s="543" t="s">
        <v>900</v>
      </c>
      <c r="F674" s="544"/>
      <c r="G674" s="544"/>
      <c r="H674" s="544"/>
      <c r="I674" s="544"/>
      <c r="J674" s="544"/>
      <c r="K674" s="544"/>
      <c r="L674" s="544"/>
      <c r="M674" s="544"/>
      <c r="N674" s="544"/>
      <c r="O674" s="544"/>
      <c r="P674" s="544"/>
      <c r="Q674" s="544"/>
      <c r="R674" s="544"/>
      <c r="S674" s="544"/>
      <c r="T674" s="545"/>
      <c r="U674" s="221" t="s">
        <v>901</v>
      </c>
      <c r="V674" s="546" t="s">
        <v>107</v>
      </c>
      <c r="W674" s="547"/>
      <c r="X674" s="547"/>
      <c r="Y674" s="547"/>
      <c r="Z674" s="548"/>
      <c r="AA674" s="546" t="s">
        <v>102</v>
      </c>
      <c r="AB674" s="547"/>
      <c r="AC674" s="548"/>
      <c r="AD674" s="415">
        <v>8</v>
      </c>
      <c r="AE674" s="415" t="s">
        <v>103</v>
      </c>
      <c r="AF674" s="646"/>
      <c r="AG674" s="647"/>
      <c r="AH674" s="549"/>
      <c r="AI674" s="550"/>
      <c r="AJ674" s="551"/>
      <c r="AK674" s="118"/>
      <c r="AL674" s="38"/>
      <c r="AM674" s="54"/>
      <c r="AN674" s="1" t="str">
        <f t="shared" si="28"/>
        <v>■</v>
      </c>
    </row>
    <row r="675" spans="1:40" s="13" customFormat="1">
      <c r="A675" s="20" t="str">
        <f t="shared" si="27"/>
        <v>ON</v>
      </c>
      <c r="B675" s="20"/>
      <c r="C675" s="644">
        <v>18</v>
      </c>
      <c r="D675" s="645"/>
      <c r="E675" s="543" t="s">
        <v>902</v>
      </c>
      <c r="F675" s="544"/>
      <c r="G675" s="544"/>
      <c r="H675" s="544"/>
      <c r="I675" s="544"/>
      <c r="J675" s="544"/>
      <c r="K675" s="544"/>
      <c r="L675" s="544"/>
      <c r="M675" s="544"/>
      <c r="N675" s="544"/>
      <c r="O675" s="544"/>
      <c r="P675" s="544"/>
      <c r="Q675" s="544"/>
      <c r="R675" s="544"/>
      <c r="S675" s="544"/>
      <c r="T675" s="545"/>
      <c r="U675" s="221" t="s">
        <v>903</v>
      </c>
      <c r="V675" s="546" t="s">
        <v>107</v>
      </c>
      <c r="W675" s="547"/>
      <c r="X675" s="547"/>
      <c r="Y675" s="547"/>
      <c r="Z675" s="548"/>
      <c r="AA675" s="546" t="s">
        <v>102</v>
      </c>
      <c r="AB675" s="547"/>
      <c r="AC675" s="548"/>
      <c r="AD675" s="415">
        <v>8</v>
      </c>
      <c r="AE675" s="415" t="s">
        <v>103</v>
      </c>
      <c r="AF675" s="646"/>
      <c r="AG675" s="647"/>
      <c r="AH675" s="549"/>
      <c r="AI675" s="550"/>
      <c r="AJ675" s="551"/>
      <c r="AK675" s="118"/>
      <c r="AL675" s="38"/>
      <c r="AM675" s="54"/>
      <c r="AN675" s="1" t="str">
        <f t="shared" si="28"/>
        <v>■</v>
      </c>
    </row>
    <row r="676" spans="1:40" s="13" customFormat="1">
      <c r="A676" s="20" t="str">
        <f t="shared" si="27"/>
        <v>ON</v>
      </c>
      <c r="B676" s="20"/>
      <c r="C676" s="552">
        <v>19</v>
      </c>
      <c r="D676" s="553"/>
      <c r="E676" s="554" t="s">
        <v>904</v>
      </c>
      <c r="F676" s="555"/>
      <c r="G676" s="555"/>
      <c r="H676" s="555"/>
      <c r="I676" s="555"/>
      <c r="J676" s="555"/>
      <c r="K676" s="555"/>
      <c r="L676" s="555"/>
      <c r="M676" s="555"/>
      <c r="N676" s="555"/>
      <c r="O676" s="555"/>
      <c r="P676" s="555"/>
      <c r="Q676" s="555"/>
      <c r="R676" s="555"/>
      <c r="S676" s="555"/>
      <c r="T676" s="556"/>
      <c r="U676" s="220" t="s">
        <v>905</v>
      </c>
      <c r="V676" s="557" t="s">
        <v>101</v>
      </c>
      <c r="W676" s="558"/>
      <c r="X676" s="558"/>
      <c r="Y676" s="558"/>
      <c r="Z676" s="559"/>
      <c r="AA676" s="557" t="s">
        <v>102</v>
      </c>
      <c r="AB676" s="558"/>
      <c r="AC676" s="559"/>
      <c r="AD676" s="419">
        <v>50</v>
      </c>
      <c r="AE676" s="419" t="s">
        <v>103</v>
      </c>
      <c r="AF676" s="569" t="s">
        <v>109</v>
      </c>
      <c r="AG676" s="570"/>
      <c r="AH676" s="560"/>
      <c r="AI676" s="561"/>
      <c r="AJ676" s="562"/>
      <c r="AK676" s="333" t="s">
        <v>399</v>
      </c>
      <c r="AL676" s="38"/>
      <c r="AM676" s="54"/>
      <c r="AN676" s="1" t="str">
        <f t="shared" si="28"/>
        <v>■</v>
      </c>
    </row>
    <row r="677" spans="1:40" s="13" customFormat="1">
      <c r="A677" s="20" t="str">
        <f t="shared" si="27"/>
        <v>ON</v>
      </c>
      <c r="B677" s="20"/>
      <c r="C677" s="644">
        <v>20</v>
      </c>
      <c r="D677" s="645"/>
      <c r="E677" s="543" t="s">
        <v>906</v>
      </c>
      <c r="F677" s="544"/>
      <c r="G677" s="544"/>
      <c r="H677" s="544"/>
      <c r="I677" s="544"/>
      <c r="J677" s="544"/>
      <c r="K677" s="544"/>
      <c r="L677" s="544"/>
      <c r="M677" s="544"/>
      <c r="N677" s="544"/>
      <c r="O677" s="544"/>
      <c r="P677" s="544"/>
      <c r="Q677" s="544"/>
      <c r="R677" s="544"/>
      <c r="S677" s="544"/>
      <c r="T677" s="545"/>
      <c r="U677" s="221" t="s">
        <v>453</v>
      </c>
      <c r="V677" s="546" t="s">
        <v>107</v>
      </c>
      <c r="W677" s="547"/>
      <c r="X677" s="547"/>
      <c r="Y677" s="547"/>
      <c r="Z677" s="548"/>
      <c r="AA677" s="546" t="s">
        <v>102</v>
      </c>
      <c r="AB677" s="547"/>
      <c r="AC677" s="548"/>
      <c r="AD677" s="415">
        <v>6</v>
      </c>
      <c r="AE677" s="415" t="s">
        <v>103</v>
      </c>
      <c r="AF677" s="646"/>
      <c r="AG677" s="647"/>
      <c r="AH677" s="549"/>
      <c r="AI677" s="550"/>
      <c r="AJ677" s="551"/>
      <c r="AK677" s="118"/>
      <c r="AL677" s="38"/>
      <c r="AM677" s="54"/>
      <c r="AN677" s="1" t="str">
        <f t="shared" si="28"/>
        <v>■</v>
      </c>
    </row>
    <row r="678" spans="1:40" s="13" customFormat="1">
      <c r="A678" s="20" t="str">
        <f t="shared" si="27"/>
        <v>ON</v>
      </c>
      <c r="B678" s="20"/>
      <c r="C678" s="644">
        <v>21</v>
      </c>
      <c r="D678" s="645"/>
      <c r="E678" s="543" t="s">
        <v>411</v>
      </c>
      <c r="F678" s="544"/>
      <c r="G678" s="544"/>
      <c r="H678" s="544"/>
      <c r="I678" s="544"/>
      <c r="J678" s="544"/>
      <c r="K678" s="544"/>
      <c r="L678" s="544"/>
      <c r="M678" s="544"/>
      <c r="N678" s="544"/>
      <c r="O678" s="544"/>
      <c r="P678" s="544"/>
      <c r="Q678" s="544"/>
      <c r="R678" s="544"/>
      <c r="S678" s="544"/>
      <c r="T678" s="545"/>
      <c r="U678" s="221" t="s">
        <v>516</v>
      </c>
      <c r="V678" s="546" t="s">
        <v>107</v>
      </c>
      <c r="W678" s="547"/>
      <c r="X678" s="547"/>
      <c r="Y678" s="547"/>
      <c r="Z678" s="548"/>
      <c r="AA678" s="546" t="s">
        <v>102</v>
      </c>
      <c r="AB678" s="547"/>
      <c r="AC678" s="548"/>
      <c r="AD678" s="415">
        <v>6</v>
      </c>
      <c r="AE678" s="415" t="s">
        <v>103</v>
      </c>
      <c r="AF678" s="646"/>
      <c r="AG678" s="647"/>
      <c r="AH678" s="549"/>
      <c r="AI678" s="550"/>
      <c r="AJ678" s="551"/>
      <c r="AK678" s="118"/>
      <c r="AL678" s="29"/>
      <c r="AM678" s="54"/>
      <c r="AN678" s="1" t="str">
        <f t="shared" si="28"/>
        <v>■</v>
      </c>
    </row>
    <row r="679" spans="1:40" s="13" customFormat="1">
      <c r="A679" s="20"/>
      <c r="B679" s="19"/>
      <c r="C679" s="122"/>
      <c r="D679" s="122"/>
      <c r="E679" s="215"/>
      <c r="F679" s="215"/>
      <c r="G679" s="215"/>
      <c r="H679" s="215"/>
      <c r="I679" s="215"/>
      <c r="J679" s="215"/>
      <c r="K679" s="215"/>
      <c r="L679" s="215"/>
      <c r="M679" s="215"/>
      <c r="N679" s="215"/>
      <c r="O679" s="215"/>
      <c r="P679" s="215"/>
      <c r="Q679" s="215"/>
      <c r="R679" s="215"/>
      <c r="S679" s="215"/>
      <c r="T679" s="215"/>
      <c r="U679" s="16" t="s">
        <v>1124</v>
      </c>
      <c r="Z679" s="75"/>
      <c r="AA679" s="75"/>
      <c r="AB679" s="75"/>
      <c r="AC679" s="75"/>
      <c r="AD679" s="216"/>
      <c r="AE679" s="216"/>
      <c r="AF679" s="49"/>
      <c r="AG679" s="24"/>
      <c r="AH679" s="54"/>
      <c r="AI679" s="26"/>
      <c r="AJ679" s="54"/>
      <c r="AK679" s="54"/>
      <c r="AL679" s="38"/>
      <c r="AM679" s="54"/>
    </row>
    <row r="680" spans="1:40" s="13" customFormat="1">
      <c r="A680" s="20"/>
      <c r="B680" s="19"/>
      <c r="C680" s="122"/>
      <c r="D680" s="122"/>
      <c r="E680" s="215"/>
      <c r="F680" s="215"/>
      <c r="G680" s="215"/>
      <c r="H680" s="215"/>
      <c r="I680" s="215"/>
      <c r="J680" s="215"/>
      <c r="K680" s="215"/>
      <c r="L680" s="215"/>
      <c r="M680" s="215"/>
      <c r="N680" s="215"/>
      <c r="O680" s="215"/>
      <c r="P680" s="215"/>
      <c r="Q680" s="215"/>
      <c r="R680" s="215"/>
      <c r="S680" s="215"/>
      <c r="T680" s="215"/>
      <c r="U680" s="241"/>
      <c r="V680" s="75"/>
      <c r="W680" s="75"/>
      <c r="X680" s="75"/>
      <c r="Y680" s="75"/>
      <c r="Z680" s="75"/>
      <c r="AA680" s="75"/>
      <c r="AB680" s="75"/>
      <c r="AC680" s="75"/>
      <c r="AD680" s="216"/>
      <c r="AE680" s="216"/>
      <c r="AF680" s="49"/>
      <c r="AG680" s="16"/>
      <c r="AH680" s="54"/>
      <c r="AI680" s="26"/>
      <c r="AJ680" s="54"/>
      <c r="AK680" s="54"/>
      <c r="AL680" s="38"/>
      <c r="AM680" s="54"/>
    </row>
    <row r="681" spans="1:40">
      <c r="A681" s="21"/>
      <c r="B681" s="25"/>
      <c r="C681" s="27" t="s">
        <v>908</v>
      </c>
      <c r="N681" s="50"/>
      <c r="AF681" s="49"/>
      <c r="AK681" s="26"/>
      <c r="AL681" s="29"/>
      <c r="AM681" s="16"/>
    </row>
    <row r="682" spans="1:40">
      <c r="A682" s="23"/>
      <c r="B682" s="21"/>
      <c r="C682" s="22"/>
      <c r="D682" s="22"/>
      <c r="E682" s="22"/>
      <c r="F682" s="22"/>
      <c r="G682" s="22"/>
      <c r="H682" s="22"/>
      <c r="I682" s="22"/>
      <c r="J682" s="22"/>
      <c r="K682" s="22"/>
      <c r="L682" s="22"/>
      <c r="M682" s="22"/>
      <c r="N682" s="22"/>
      <c r="O682" s="22"/>
      <c r="P682" s="22"/>
      <c r="Q682" s="22"/>
      <c r="R682" s="22"/>
      <c r="S682" s="22"/>
      <c r="T682" s="22"/>
      <c r="U682" s="58"/>
      <c r="V682" s="22"/>
      <c r="W682" s="22"/>
      <c r="X682" s="22"/>
      <c r="Y682" s="22"/>
      <c r="Z682" s="22"/>
      <c r="AA682" s="22"/>
      <c r="AB682" s="22"/>
      <c r="AC682" s="22"/>
      <c r="AD682" s="239"/>
      <c r="AE682" s="239"/>
      <c r="AF682" s="61"/>
      <c r="AG682" s="22"/>
      <c r="AH682" s="22"/>
      <c r="AI682" s="22"/>
      <c r="AJ682" s="22"/>
      <c r="AK682" s="58"/>
      <c r="AL682" s="62"/>
      <c r="AM682" s="16"/>
    </row>
    <row r="683" spans="1:40">
      <c r="AK683" s="55"/>
      <c r="AL683" s="24"/>
      <c r="AM683" s="16"/>
    </row>
    <row r="684" spans="1:40">
      <c r="AK684" s="55"/>
      <c r="AL684" s="16"/>
      <c r="AM684" s="16"/>
    </row>
    <row r="685" spans="1:40">
      <c r="AK685" s="55"/>
      <c r="AL685" s="16"/>
      <c r="AM685" s="16"/>
    </row>
    <row r="686" spans="1:40">
      <c r="AK686" s="55"/>
      <c r="AL686" s="16"/>
      <c r="AM686" s="16"/>
    </row>
    <row r="689" spans="2:7">
      <c r="B689" t="s">
        <v>909</v>
      </c>
      <c r="C689" t="s">
        <v>910</v>
      </c>
      <c r="D689" t="s">
        <v>911</v>
      </c>
      <c r="E689" t="s">
        <v>912</v>
      </c>
      <c r="F689" t="s">
        <v>913</v>
      </c>
      <c r="G689" t="s">
        <v>914</v>
      </c>
    </row>
    <row r="690" spans="2:7">
      <c r="B690" t="s">
        <v>340</v>
      </c>
      <c r="C690" t="s">
        <v>915</v>
      </c>
      <c r="D690" s="3" t="s">
        <v>82</v>
      </c>
      <c r="E690" t="s">
        <v>916</v>
      </c>
      <c r="F690" t="s">
        <v>917</v>
      </c>
      <c r="G690" t="s">
        <v>918</v>
      </c>
    </row>
    <row r="691" spans="2:7">
      <c r="B691" t="s">
        <v>920</v>
      </c>
      <c r="C691" t="s">
        <v>921</v>
      </c>
      <c r="D691" s="3" t="s">
        <v>922</v>
      </c>
      <c r="E691" t="s">
        <v>923</v>
      </c>
      <c r="F691" t="s">
        <v>924</v>
      </c>
      <c r="G691" t="s">
        <v>925</v>
      </c>
    </row>
    <row r="692" spans="2:7">
      <c r="B692" t="s">
        <v>927</v>
      </c>
      <c r="C692"/>
      <c r="D692" s="3" t="s">
        <v>928</v>
      </c>
      <c r="E692"/>
      <c r="F692" t="s">
        <v>929</v>
      </c>
      <c r="G692" t="s">
        <v>930</v>
      </c>
    </row>
    <row r="693" spans="2:7">
      <c r="B693"/>
      <c r="C693"/>
      <c r="D693" s="3" t="s">
        <v>931</v>
      </c>
      <c r="E693"/>
      <c r="F693" t="s">
        <v>932</v>
      </c>
      <c r="G693" t="s">
        <v>933</v>
      </c>
    </row>
    <row r="694" spans="2:7">
      <c r="B694"/>
      <c r="C694"/>
      <c r="D694" s="3" t="s">
        <v>230</v>
      </c>
      <c r="E694"/>
      <c r="F694"/>
      <c r="G694" t="s">
        <v>934</v>
      </c>
    </row>
    <row r="695" spans="2:7">
      <c r="B695"/>
      <c r="C695"/>
      <c r="D695" s="3" t="s">
        <v>177</v>
      </c>
      <c r="E695"/>
      <c r="F695"/>
      <c r="G695" t="s">
        <v>935</v>
      </c>
    </row>
    <row r="696" spans="2:7">
      <c r="B696"/>
      <c r="C696"/>
      <c r="D696"/>
      <c r="E696"/>
      <c r="F696"/>
      <c r="G696" t="s">
        <v>936</v>
      </c>
    </row>
    <row r="697" spans="2:7">
      <c r="B697"/>
      <c r="C697"/>
      <c r="D697"/>
      <c r="E697"/>
      <c r="F697"/>
      <c r="G697" t="s">
        <v>937</v>
      </c>
    </row>
    <row r="698" spans="2:7">
      <c r="B698"/>
      <c r="C698"/>
      <c r="D698"/>
      <c r="E698"/>
      <c r="F698"/>
      <c r="G698" t="s">
        <v>938</v>
      </c>
    </row>
    <row r="699" spans="2:7">
      <c r="B699"/>
      <c r="C699"/>
      <c r="D699"/>
      <c r="E699"/>
      <c r="F699"/>
      <c r="G699" t="s">
        <v>939</v>
      </c>
    </row>
    <row r="700" spans="2:7">
      <c r="B700"/>
      <c r="C700"/>
      <c r="D700"/>
      <c r="E700"/>
      <c r="F700"/>
      <c r="G700" t="s">
        <v>940</v>
      </c>
    </row>
    <row r="701" spans="2:7">
      <c r="B701"/>
      <c r="C701"/>
      <c r="D701"/>
      <c r="E701"/>
      <c r="F701"/>
      <c r="G701" t="s">
        <v>941</v>
      </c>
    </row>
    <row r="702" spans="2:7">
      <c r="B702"/>
      <c r="C702"/>
      <c r="D702"/>
      <c r="E702"/>
      <c r="F702"/>
      <c r="G702" t="s">
        <v>942</v>
      </c>
    </row>
    <row r="703" spans="2:7">
      <c r="B703"/>
      <c r="C703"/>
      <c r="D703"/>
      <c r="E703"/>
      <c r="F703"/>
      <c r="G703" t="s">
        <v>943</v>
      </c>
    </row>
    <row r="704" spans="2:7">
      <c r="B704"/>
      <c r="C704"/>
      <c r="D704"/>
      <c r="E704"/>
      <c r="F704"/>
      <c r="G704" t="s">
        <v>944</v>
      </c>
    </row>
    <row r="705" spans="2:7">
      <c r="B705"/>
      <c r="C705"/>
      <c r="D705"/>
      <c r="E705"/>
      <c r="F705"/>
      <c r="G705" t="s">
        <v>945</v>
      </c>
    </row>
    <row r="709" spans="2:7">
      <c r="C709" s="45"/>
    </row>
    <row r="710" spans="2:7">
      <c r="C710" s="45"/>
    </row>
  </sheetData>
  <dataConsolidate/>
  <mergeCells count="3725">
    <mergeCell ref="G4:N4"/>
    <mergeCell ref="G6:H6"/>
    <mergeCell ref="I6:J6"/>
    <mergeCell ref="L6:M6"/>
    <mergeCell ref="O6:P6"/>
    <mergeCell ref="Q6:R6"/>
    <mergeCell ref="T19:V19"/>
    <mergeCell ref="H20:I20"/>
    <mergeCell ref="K20:L20"/>
    <mergeCell ref="N20:O20"/>
    <mergeCell ref="Q20:R20"/>
    <mergeCell ref="T20:V20"/>
    <mergeCell ref="G14:S14"/>
    <mergeCell ref="G16:S16"/>
    <mergeCell ref="H19:I19"/>
    <mergeCell ref="K19:L19"/>
    <mergeCell ref="N19:O19"/>
    <mergeCell ref="Q19:R19"/>
    <mergeCell ref="S6:T6"/>
    <mergeCell ref="W6:X6"/>
    <mergeCell ref="G8:M8"/>
    <mergeCell ref="G10:M10"/>
    <mergeCell ref="R10:V10"/>
    <mergeCell ref="G12:S12"/>
    <mergeCell ref="AA25:AC26"/>
    <mergeCell ref="AD25:AE26"/>
    <mergeCell ref="AF25:AG26"/>
    <mergeCell ref="AH25:AJ26"/>
    <mergeCell ref="AK25:AK26"/>
    <mergeCell ref="C27:D27"/>
    <mergeCell ref="E27:T27"/>
    <mergeCell ref="V27:Z27"/>
    <mergeCell ref="AA27:AC27"/>
    <mergeCell ref="AF27:AG27"/>
    <mergeCell ref="X20:Y20"/>
    <mergeCell ref="H21:I21"/>
    <mergeCell ref="K21:L21"/>
    <mergeCell ref="N21:O21"/>
    <mergeCell ref="Q21:R21"/>
    <mergeCell ref="C25:D26"/>
    <mergeCell ref="E25:T26"/>
    <mergeCell ref="V25:Z26"/>
    <mergeCell ref="C30:D30"/>
    <mergeCell ref="E30:T30"/>
    <mergeCell ref="V30:Z30"/>
    <mergeCell ref="AA30:AC30"/>
    <mergeCell ref="AF30:AG30"/>
    <mergeCell ref="AH30:AJ30"/>
    <mergeCell ref="C29:D29"/>
    <mergeCell ref="E29:T29"/>
    <mergeCell ref="V29:Z29"/>
    <mergeCell ref="AA29:AC29"/>
    <mergeCell ref="AF29:AG29"/>
    <mergeCell ref="AH29:AJ29"/>
    <mergeCell ref="AH27:AJ27"/>
    <mergeCell ref="C28:D28"/>
    <mergeCell ref="E28:T28"/>
    <mergeCell ref="V28:Z28"/>
    <mergeCell ref="AA28:AC28"/>
    <mergeCell ref="AF28:AG28"/>
    <mergeCell ref="AH28:AJ28"/>
    <mergeCell ref="C33:D33"/>
    <mergeCell ref="E33:T33"/>
    <mergeCell ref="V33:Z33"/>
    <mergeCell ref="AA33:AC33"/>
    <mergeCell ref="AF33:AG33"/>
    <mergeCell ref="AH33:AJ33"/>
    <mergeCell ref="C32:D32"/>
    <mergeCell ref="E32:T32"/>
    <mergeCell ref="V32:Z32"/>
    <mergeCell ref="AA32:AC32"/>
    <mergeCell ref="AF32:AG32"/>
    <mergeCell ref="AH32:AJ32"/>
    <mergeCell ref="C31:D31"/>
    <mergeCell ref="E31:T31"/>
    <mergeCell ref="V31:Z31"/>
    <mergeCell ref="AA31:AC31"/>
    <mergeCell ref="AF31:AG31"/>
    <mergeCell ref="AH31:AJ31"/>
    <mergeCell ref="C36:D36"/>
    <mergeCell ref="E36:T36"/>
    <mergeCell ref="V36:Z36"/>
    <mergeCell ref="AA36:AC36"/>
    <mergeCell ref="AF36:AG36"/>
    <mergeCell ref="AH36:AJ36"/>
    <mergeCell ref="C35:D35"/>
    <mergeCell ref="E35:T35"/>
    <mergeCell ref="V35:Z35"/>
    <mergeCell ref="AA35:AC35"/>
    <mergeCell ref="AF35:AG35"/>
    <mergeCell ref="AH35:AJ35"/>
    <mergeCell ref="C34:D34"/>
    <mergeCell ref="E34:T34"/>
    <mergeCell ref="V34:Z34"/>
    <mergeCell ref="AA34:AC34"/>
    <mergeCell ref="AF34:AG34"/>
    <mergeCell ref="AH34:AJ34"/>
    <mergeCell ref="C39:D39"/>
    <mergeCell ref="E39:T39"/>
    <mergeCell ref="V39:Z39"/>
    <mergeCell ref="AA39:AC39"/>
    <mergeCell ref="AF39:AG39"/>
    <mergeCell ref="AH39:AJ39"/>
    <mergeCell ref="C38:D38"/>
    <mergeCell ref="E38:T38"/>
    <mergeCell ref="V38:Z38"/>
    <mergeCell ref="AA38:AC38"/>
    <mergeCell ref="AF38:AG38"/>
    <mergeCell ref="AH38:AJ38"/>
    <mergeCell ref="C37:D37"/>
    <mergeCell ref="E37:T37"/>
    <mergeCell ref="V37:Z37"/>
    <mergeCell ref="AA37:AC37"/>
    <mergeCell ref="AF37:AG37"/>
    <mergeCell ref="AH37:AJ37"/>
    <mergeCell ref="C45:D45"/>
    <mergeCell ref="E45:T45"/>
    <mergeCell ref="V45:Z45"/>
    <mergeCell ref="AA45:AC45"/>
    <mergeCell ref="AF45:AG45"/>
    <mergeCell ref="AH45:AJ45"/>
    <mergeCell ref="AD42:AE43"/>
    <mergeCell ref="AF42:AG43"/>
    <mergeCell ref="AH42:AJ43"/>
    <mergeCell ref="AK42:AK43"/>
    <mergeCell ref="C44:D44"/>
    <mergeCell ref="E44:T44"/>
    <mergeCell ref="V44:Z44"/>
    <mergeCell ref="AA44:AC44"/>
    <mergeCell ref="AF44:AG44"/>
    <mergeCell ref="AH44:AJ44"/>
    <mergeCell ref="AA40:AC40"/>
    <mergeCell ref="AA41:AC41"/>
    <mergeCell ref="C42:D43"/>
    <mergeCell ref="E42:T43"/>
    <mergeCell ref="V42:Z43"/>
    <mergeCell ref="AA42:AC43"/>
    <mergeCell ref="C48:D48"/>
    <mergeCell ref="E48:T48"/>
    <mergeCell ref="V48:Z48"/>
    <mergeCell ref="AA48:AC48"/>
    <mergeCell ref="AF48:AG48"/>
    <mergeCell ref="AH48:AJ48"/>
    <mergeCell ref="C47:D47"/>
    <mergeCell ref="E47:T47"/>
    <mergeCell ref="V47:Z47"/>
    <mergeCell ref="AA47:AC47"/>
    <mergeCell ref="AF47:AG47"/>
    <mergeCell ref="AH47:AJ47"/>
    <mergeCell ref="C46:D46"/>
    <mergeCell ref="E46:T46"/>
    <mergeCell ref="V46:Z46"/>
    <mergeCell ref="AA46:AC46"/>
    <mergeCell ref="AF46:AG46"/>
    <mergeCell ref="AH46:AJ46"/>
    <mergeCell ref="C51:D51"/>
    <mergeCell ref="E51:T51"/>
    <mergeCell ref="V51:Z51"/>
    <mergeCell ref="AA51:AC51"/>
    <mergeCell ref="AF51:AG51"/>
    <mergeCell ref="AH51:AJ51"/>
    <mergeCell ref="C50:D50"/>
    <mergeCell ref="E50:T50"/>
    <mergeCell ref="V50:Z50"/>
    <mergeCell ref="AA50:AC50"/>
    <mergeCell ref="AF50:AG50"/>
    <mergeCell ref="AH50:AJ50"/>
    <mergeCell ref="C49:D49"/>
    <mergeCell ref="E49:T49"/>
    <mergeCell ref="V49:Z49"/>
    <mergeCell ref="AA49:AC49"/>
    <mergeCell ref="AF49:AG49"/>
    <mergeCell ref="AH49:AJ49"/>
    <mergeCell ref="C54:D54"/>
    <mergeCell ref="E54:T54"/>
    <mergeCell ref="V54:Z54"/>
    <mergeCell ref="AA54:AC54"/>
    <mergeCell ref="AF54:AG54"/>
    <mergeCell ref="AH54:AJ54"/>
    <mergeCell ref="C53:D53"/>
    <mergeCell ref="E53:T53"/>
    <mergeCell ref="V53:Z53"/>
    <mergeCell ref="AA53:AC53"/>
    <mergeCell ref="AF53:AG53"/>
    <mergeCell ref="AH53:AJ53"/>
    <mergeCell ref="C52:D52"/>
    <mergeCell ref="E52:T52"/>
    <mergeCell ref="V52:Z52"/>
    <mergeCell ref="AA52:AC52"/>
    <mergeCell ref="AF52:AG52"/>
    <mergeCell ref="AH52:AJ52"/>
    <mergeCell ref="C57:D57"/>
    <mergeCell ref="E57:T57"/>
    <mergeCell ref="V57:Z57"/>
    <mergeCell ref="AA57:AC57"/>
    <mergeCell ref="AF57:AG57"/>
    <mergeCell ref="AH57:AJ57"/>
    <mergeCell ref="C56:D56"/>
    <mergeCell ref="E56:T56"/>
    <mergeCell ref="V56:Z56"/>
    <mergeCell ref="AA56:AC56"/>
    <mergeCell ref="AF56:AG56"/>
    <mergeCell ref="AH56:AJ56"/>
    <mergeCell ref="C55:D55"/>
    <mergeCell ref="E55:T55"/>
    <mergeCell ref="V55:Z55"/>
    <mergeCell ref="AA55:AC55"/>
    <mergeCell ref="AF55:AG55"/>
    <mergeCell ref="AH55:AJ55"/>
    <mergeCell ref="AA60:AC60"/>
    <mergeCell ref="AA61:AC61"/>
    <mergeCell ref="C62:D63"/>
    <mergeCell ref="E62:T63"/>
    <mergeCell ref="V62:Z63"/>
    <mergeCell ref="AA62:AC63"/>
    <mergeCell ref="C59:D59"/>
    <mergeCell ref="E59:T59"/>
    <mergeCell ref="V59:Z59"/>
    <mergeCell ref="AA59:AC59"/>
    <mergeCell ref="AF59:AG59"/>
    <mergeCell ref="AH59:AJ59"/>
    <mergeCell ref="C58:D58"/>
    <mergeCell ref="E58:T58"/>
    <mergeCell ref="V58:Z58"/>
    <mergeCell ref="AA58:AC58"/>
    <mergeCell ref="AF58:AG58"/>
    <mergeCell ref="AH58:AJ58"/>
    <mergeCell ref="C66:D66"/>
    <mergeCell ref="E66:T66"/>
    <mergeCell ref="V66:Z66"/>
    <mergeCell ref="AA66:AC66"/>
    <mergeCell ref="AF66:AG66"/>
    <mergeCell ref="AH66:AJ66"/>
    <mergeCell ref="C65:D65"/>
    <mergeCell ref="E65:T65"/>
    <mergeCell ref="V65:Z65"/>
    <mergeCell ref="AA65:AC65"/>
    <mergeCell ref="AF65:AG65"/>
    <mergeCell ref="AH65:AJ65"/>
    <mergeCell ref="AD62:AE63"/>
    <mergeCell ref="AF62:AG63"/>
    <mergeCell ref="AH62:AJ63"/>
    <mergeCell ref="AK62:AK63"/>
    <mergeCell ref="C64:D64"/>
    <mergeCell ref="E64:T64"/>
    <mergeCell ref="V64:Z64"/>
    <mergeCell ref="AA64:AC64"/>
    <mergeCell ref="AF64:AG64"/>
    <mergeCell ref="AH64:AJ64"/>
    <mergeCell ref="C69:D69"/>
    <mergeCell ref="E69:T69"/>
    <mergeCell ref="V69:Z69"/>
    <mergeCell ref="AA69:AC69"/>
    <mergeCell ref="AF69:AG69"/>
    <mergeCell ref="AH69:AJ69"/>
    <mergeCell ref="C68:D68"/>
    <mergeCell ref="E68:T68"/>
    <mergeCell ref="V68:Z68"/>
    <mergeCell ref="AA68:AC68"/>
    <mergeCell ref="AF68:AG68"/>
    <mergeCell ref="AH68:AJ68"/>
    <mergeCell ref="C67:D67"/>
    <mergeCell ref="E67:T67"/>
    <mergeCell ref="V67:Z67"/>
    <mergeCell ref="AA67:AC67"/>
    <mergeCell ref="AF67:AG67"/>
    <mergeCell ref="AH67:AJ67"/>
    <mergeCell ref="C72:D72"/>
    <mergeCell ref="E72:T72"/>
    <mergeCell ref="V72:Z72"/>
    <mergeCell ref="AA72:AC72"/>
    <mergeCell ref="AF72:AG72"/>
    <mergeCell ref="AH72:AJ72"/>
    <mergeCell ref="C71:D71"/>
    <mergeCell ref="E71:T71"/>
    <mergeCell ref="V71:Z71"/>
    <mergeCell ref="AA71:AC71"/>
    <mergeCell ref="AF71:AG71"/>
    <mergeCell ref="AH71:AJ71"/>
    <mergeCell ref="C70:D70"/>
    <mergeCell ref="E70:T70"/>
    <mergeCell ref="V70:Z70"/>
    <mergeCell ref="AA70:AC70"/>
    <mergeCell ref="AF70:AG70"/>
    <mergeCell ref="AH70:AJ70"/>
    <mergeCell ref="C75:D75"/>
    <mergeCell ref="E75:T75"/>
    <mergeCell ref="V75:Z75"/>
    <mergeCell ref="AA75:AC75"/>
    <mergeCell ref="AF75:AG75"/>
    <mergeCell ref="AH75:AJ75"/>
    <mergeCell ref="C74:D74"/>
    <mergeCell ref="E74:T74"/>
    <mergeCell ref="V74:Z74"/>
    <mergeCell ref="AA74:AC74"/>
    <mergeCell ref="AF74:AG74"/>
    <mergeCell ref="AH74:AJ74"/>
    <mergeCell ref="C73:D73"/>
    <mergeCell ref="E73:T73"/>
    <mergeCell ref="V73:Z73"/>
    <mergeCell ref="AA73:AC73"/>
    <mergeCell ref="AF73:AG73"/>
    <mergeCell ref="AH73:AJ73"/>
    <mergeCell ref="C78:D78"/>
    <mergeCell ref="E78:T78"/>
    <mergeCell ref="V78:Z78"/>
    <mergeCell ref="AA78:AC78"/>
    <mergeCell ref="AF78:AG78"/>
    <mergeCell ref="AH78:AJ78"/>
    <mergeCell ref="C77:D77"/>
    <mergeCell ref="E77:T77"/>
    <mergeCell ref="V77:Z77"/>
    <mergeCell ref="AA77:AC77"/>
    <mergeCell ref="AF77:AG77"/>
    <mergeCell ref="AH77:AJ77"/>
    <mergeCell ref="C76:D76"/>
    <mergeCell ref="E76:T76"/>
    <mergeCell ref="V76:Z76"/>
    <mergeCell ref="AA76:AC76"/>
    <mergeCell ref="AF76:AG76"/>
    <mergeCell ref="AH76:AJ76"/>
    <mergeCell ref="C81:D81"/>
    <mergeCell ref="E81:T81"/>
    <mergeCell ref="V81:Z81"/>
    <mergeCell ref="AA81:AC81"/>
    <mergeCell ref="AF81:AG81"/>
    <mergeCell ref="AH81:AJ81"/>
    <mergeCell ref="C80:D80"/>
    <mergeCell ref="E80:T80"/>
    <mergeCell ref="V80:Z80"/>
    <mergeCell ref="AA80:AC80"/>
    <mergeCell ref="AF80:AG80"/>
    <mergeCell ref="AH80:AJ80"/>
    <mergeCell ref="C79:D79"/>
    <mergeCell ref="E79:T79"/>
    <mergeCell ref="V79:Z79"/>
    <mergeCell ref="AA79:AC79"/>
    <mergeCell ref="AF79:AG79"/>
    <mergeCell ref="AH79:AJ79"/>
    <mergeCell ref="C84:D84"/>
    <mergeCell ref="E84:T84"/>
    <mergeCell ref="V84:Z84"/>
    <mergeCell ref="AA84:AC84"/>
    <mergeCell ref="AF84:AG84"/>
    <mergeCell ref="AH84:AJ84"/>
    <mergeCell ref="C83:D83"/>
    <mergeCell ref="E83:T83"/>
    <mergeCell ref="V83:Z83"/>
    <mergeCell ref="AA83:AC83"/>
    <mergeCell ref="AF83:AG83"/>
    <mergeCell ref="AH83:AJ83"/>
    <mergeCell ref="C82:D82"/>
    <mergeCell ref="E82:T82"/>
    <mergeCell ref="V82:Z82"/>
    <mergeCell ref="AA82:AC82"/>
    <mergeCell ref="AF82:AG82"/>
    <mergeCell ref="AH82:AJ82"/>
    <mergeCell ref="C87:D87"/>
    <mergeCell ref="E87:T87"/>
    <mergeCell ref="V87:Z87"/>
    <mergeCell ref="AA87:AC87"/>
    <mergeCell ref="AF87:AG87"/>
    <mergeCell ref="AH87:AJ87"/>
    <mergeCell ref="C86:D86"/>
    <mergeCell ref="E86:T86"/>
    <mergeCell ref="V86:Z86"/>
    <mergeCell ref="AA86:AC86"/>
    <mergeCell ref="AF86:AG86"/>
    <mergeCell ref="AH86:AJ86"/>
    <mergeCell ref="C85:D85"/>
    <mergeCell ref="E85:T85"/>
    <mergeCell ref="V85:Z85"/>
    <mergeCell ref="AA85:AC85"/>
    <mergeCell ref="AF85:AG85"/>
    <mergeCell ref="AH85:AJ85"/>
    <mergeCell ref="C90:D90"/>
    <mergeCell ref="E90:T90"/>
    <mergeCell ref="V90:Z90"/>
    <mergeCell ref="AA90:AC90"/>
    <mergeCell ref="AF90:AG90"/>
    <mergeCell ref="AH90:AJ90"/>
    <mergeCell ref="C89:D89"/>
    <mergeCell ref="E89:T89"/>
    <mergeCell ref="V89:Z89"/>
    <mergeCell ref="AA89:AC89"/>
    <mergeCell ref="AF89:AG89"/>
    <mergeCell ref="AH89:AJ89"/>
    <mergeCell ref="C88:D88"/>
    <mergeCell ref="E88:T88"/>
    <mergeCell ref="V88:Z88"/>
    <mergeCell ref="AA88:AC88"/>
    <mergeCell ref="AF88:AG88"/>
    <mergeCell ref="AH88:AJ88"/>
    <mergeCell ref="C93:D93"/>
    <mergeCell ref="E93:T93"/>
    <mergeCell ref="V93:Z93"/>
    <mergeCell ref="AA93:AC93"/>
    <mergeCell ref="AF93:AG93"/>
    <mergeCell ref="AH93:AJ93"/>
    <mergeCell ref="C92:D92"/>
    <mergeCell ref="E92:T92"/>
    <mergeCell ref="V92:Z92"/>
    <mergeCell ref="AA92:AC92"/>
    <mergeCell ref="AF92:AG92"/>
    <mergeCell ref="AH92:AJ92"/>
    <mergeCell ref="C91:D91"/>
    <mergeCell ref="E91:T91"/>
    <mergeCell ref="V91:Z91"/>
    <mergeCell ref="AA91:AC91"/>
    <mergeCell ref="AF91:AG91"/>
    <mergeCell ref="AH91:AJ91"/>
    <mergeCell ref="C96:D96"/>
    <mergeCell ref="E96:T96"/>
    <mergeCell ref="V96:Z96"/>
    <mergeCell ref="AA96:AC96"/>
    <mergeCell ref="AF96:AG96"/>
    <mergeCell ref="AH96:AJ96"/>
    <mergeCell ref="C95:D95"/>
    <mergeCell ref="E95:T95"/>
    <mergeCell ref="V95:Z95"/>
    <mergeCell ref="AA95:AC95"/>
    <mergeCell ref="AF95:AG95"/>
    <mergeCell ref="AH95:AJ95"/>
    <mergeCell ref="C94:D94"/>
    <mergeCell ref="E94:T94"/>
    <mergeCell ref="V94:Z94"/>
    <mergeCell ref="AA94:AC94"/>
    <mergeCell ref="AF94:AG94"/>
    <mergeCell ref="AH94:AJ94"/>
    <mergeCell ref="C99:D99"/>
    <mergeCell ref="E99:T99"/>
    <mergeCell ref="V99:Z99"/>
    <mergeCell ref="AA99:AC99"/>
    <mergeCell ref="AF99:AG99"/>
    <mergeCell ref="AH99:AJ99"/>
    <mergeCell ref="C98:D98"/>
    <mergeCell ref="E98:T98"/>
    <mergeCell ref="V98:Z98"/>
    <mergeCell ref="AA98:AC98"/>
    <mergeCell ref="AF98:AG98"/>
    <mergeCell ref="AH98:AJ98"/>
    <mergeCell ref="C97:D97"/>
    <mergeCell ref="E97:T97"/>
    <mergeCell ref="V97:Z97"/>
    <mergeCell ref="AA97:AC97"/>
    <mergeCell ref="AF97:AG97"/>
    <mergeCell ref="AH97:AJ97"/>
    <mergeCell ref="C102:D102"/>
    <mergeCell ref="E102:T102"/>
    <mergeCell ref="V102:Z102"/>
    <mergeCell ref="AA102:AC102"/>
    <mergeCell ref="AF102:AG102"/>
    <mergeCell ref="AH102:AJ102"/>
    <mergeCell ref="C101:D101"/>
    <mergeCell ref="E101:T101"/>
    <mergeCell ref="V101:Z101"/>
    <mergeCell ref="AA101:AC101"/>
    <mergeCell ref="AF101:AG101"/>
    <mergeCell ref="AH101:AJ101"/>
    <mergeCell ref="C100:D100"/>
    <mergeCell ref="E100:T100"/>
    <mergeCell ref="V100:Z100"/>
    <mergeCell ref="AA100:AC100"/>
    <mergeCell ref="AF100:AG100"/>
    <mergeCell ref="AH100:AJ100"/>
    <mergeCell ref="C105:D105"/>
    <mergeCell ref="E105:T105"/>
    <mergeCell ref="V105:Z105"/>
    <mergeCell ref="AA105:AC105"/>
    <mergeCell ref="AF105:AG105"/>
    <mergeCell ref="AH105:AJ105"/>
    <mergeCell ref="C104:D104"/>
    <mergeCell ref="E104:T104"/>
    <mergeCell ref="V104:Z104"/>
    <mergeCell ref="AA104:AC104"/>
    <mergeCell ref="AF104:AG104"/>
    <mergeCell ref="AH104:AJ104"/>
    <mergeCell ref="C103:D103"/>
    <mergeCell ref="E103:T103"/>
    <mergeCell ref="V103:Z103"/>
    <mergeCell ref="AA103:AC103"/>
    <mergeCell ref="AF103:AG103"/>
    <mergeCell ref="AH103:AJ103"/>
    <mergeCell ref="AA108:AC108"/>
    <mergeCell ref="AA109:AC109"/>
    <mergeCell ref="C110:D111"/>
    <mergeCell ref="E110:T111"/>
    <mergeCell ref="V110:Z111"/>
    <mergeCell ref="AA110:AC111"/>
    <mergeCell ref="C107:D107"/>
    <mergeCell ref="E107:T107"/>
    <mergeCell ref="V107:Z107"/>
    <mergeCell ref="AA107:AC107"/>
    <mergeCell ref="AF107:AG107"/>
    <mergeCell ref="AH107:AJ107"/>
    <mergeCell ref="C106:D106"/>
    <mergeCell ref="E106:T106"/>
    <mergeCell ref="V106:Z106"/>
    <mergeCell ref="AA106:AC106"/>
    <mergeCell ref="AF106:AG106"/>
    <mergeCell ref="AH106:AJ106"/>
    <mergeCell ref="C114:D114"/>
    <mergeCell ref="E114:T114"/>
    <mergeCell ref="V114:Z114"/>
    <mergeCell ref="AA114:AC114"/>
    <mergeCell ref="AF114:AG114"/>
    <mergeCell ref="AH114:AJ114"/>
    <mergeCell ref="C113:D113"/>
    <mergeCell ref="E113:T113"/>
    <mergeCell ref="V113:Z113"/>
    <mergeCell ref="AA113:AC113"/>
    <mergeCell ref="AF113:AG113"/>
    <mergeCell ref="AH113:AJ113"/>
    <mergeCell ref="AD110:AE111"/>
    <mergeCell ref="AF110:AG111"/>
    <mergeCell ref="AH110:AJ111"/>
    <mergeCell ref="AK110:AK111"/>
    <mergeCell ref="C112:D112"/>
    <mergeCell ref="E112:T112"/>
    <mergeCell ref="V112:Z112"/>
    <mergeCell ref="AA112:AC112"/>
    <mergeCell ref="AF112:AG112"/>
    <mergeCell ref="AH112:AJ112"/>
    <mergeCell ref="C117:D117"/>
    <mergeCell ref="E117:T117"/>
    <mergeCell ref="V117:Z117"/>
    <mergeCell ref="AA117:AC117"/>
    <mergeCell ref="AF117:AG117"/>
    <mergeCell ref="AH117:AJ117"/>
    <mergeCell ref="C116:D116"/>
    <mergeCell ref="E116:T116"/>
    <mergeCell ref="V116:Z116"/>
    <mergeCell ref="AA116:AC116"/>
    <mergeCell ref="AF116:AG116"/>
    <mergeCell ref="AH116:AJ116"/>
    <mergeCell ref="C115:D115"/>
    <mergeCell ref="E115:T115"/>
    <mergeCell ref="V115:Z115"/>
    <mergeCell ref="AA115:AC115"/>
    <mergeCell ref="AF115:AG115"/>
    <mergeCell ref="AH115:AJ115"/>
    <mergeCell ref="C120:D120"/>
    <mergeCell ref="E120:T120"/>
    <mergeCell ref="V120:Z120"/>
    <mergeCell ref="AA120:AC120"/>
    <mergeCell ref="AF120:AG120"/>
    <mergeCell ref="AH120:AJ120"/>
    <mergeCell ref="C119:D119"/>
    <mergeCell ref="E119:T119"/>
    <mergeCell ref="V119:Z119"/>
    <mergeCell ref="AA119:AC119"/>
    <mergeCell ref="AF119:AG119"/>
    <mergeCell ref="AH119:AJ119"/>
    <mergeCell ref="C118:D118"/>
    <mergeCell ref="E118:T118"/>
    <mergeCell ref="V118:Z118"/>
    <mergeCell ref="AA118:AC118"/>
    <mergeCell ref="AF118:AG118"/>
    <mergeCell ref="AH118:AJ118"/>
    <mergeCell ref="C123:D123"/>
    <mergeCell ref="E123:T123"/>
    <mergeCell ref="V123:Z123"/>
    <mergeCell ref="AA123:AC123"/>
    <mergeCell ref="AF123:AG123"/>
    <mergeCell ref="AH123:AJ123"/>
    <mergeCell ref="C122:D122"/>
    <mergeCell ref="E122:T122"/>
    <mergeCell ref="V122:Z122"/>
    <mergeCell ref="AA122:AC122"/>
    <mergeCell ref="AF122:AG122"/>
    <mergeCell ref="AH122:AJ122"/>
    <mergeCell ref="C121:D121"/>
    <mergeCell ref="E121:T121"/>
    <mergeCell ref="V121:Z121"/>
    <mergeCell ref="AA121:AC121"/>
    <mergeCell ref="AF121:AG121"/>
    <mergeCell ref="AH121:AJ121"/>
    <mergeCell ref="C126:D126"/>
    <mergeCell ref="E126:T126"/>
    <mergeCell ref="V126:Z126"/>
    <mergeCell ref="AA126:AC126"/>
    <mergeCell ref="AF126:AG126"/>
    <mergeCell ref="AH126:AJ126"/>
    <mergeCell ref="C125:D125"/>
    <mergeCell ref="E125:T125"/>
    <mergeCell ref="V125:Z125"/>
    <mergeCell ref="AA125:AC125"/>
    <mergeCell ref="AF125:AG125"/>
    <mergeCell ref="AH125:AJ125"/>
    <mergeCell ref="C124:D124"/>
    <mergeCell ref="E124:T124"/>
    <mergeCell ref="V124:Z124"/>
    <mergeCell ref="AA124:AC124"/>
    <mergeCell ref="AF124:AG124"/>
    <mergeCell ref="AH124:AJ124"/>
    <mergeCell ref="C129:D129"/>
    <mergeCell ref="E129:T129"/>
    <mergeCell ref="V129:Z129"/>
    <mergeCell ref="AA129:AC129"/>
    <mergeCell ref="AF129:AG129"/>
    <mergeCell ref="AH129:AJ129"/>
    <mergeCell ref="C128:D128"/>
    <mergeCell ref="E128:T128"/>
    <mergeCell ref="V128:Z128"/>
    <mergeCell ref="AA128:AC128"/>
    <mergeCell ref="AF128:AG128"/>
    <mergeCell ref="AH128:AJ128"/>
    <mergeCell ref="C127:D127"/>
    <mergeCell ref="E127:T127"/>
    <mergeCell ref="V127:Z127"/>
    <mergeCell ref="AA127:AC127"/>
    <mergeCell ref="AF127:AG127"/>
    <mergeCell ref="AH127:AJ127"/>
    <mergeCell ref="AD133:AE134"/>
    <mergeCell ref="AF133:AG134"/>
    <mergeCell ref="AH133:AJ134"/>
    <mergeCell ref="AK133:AK134"/>
    <mergeCell ref="C135:D135"/>
    <mergeCell ref="E135:T135"/>
    <mergeCell ref="V135:Z135"/>
    <mergeCell ref="AA135:AC135"/>
    <mergeCell ref="AF135:AG135"/>
    <mergeCell ref="AH135:AJ135"/>
    <mergeCell ref="AA131:AC131"/>
    <mergeCell ref="AA132:AC132"/>
    <mergeCell ref="C133:D134"/>
    <mergeCell ref="E133:T134"/>
    <mergeCell ref="V133:Z134"/>
    <mergeCell ref="AA133:AC134"/>
    <mergeCell ref="C130:D130"/>
    <mergeCell ref="E130:T130"/>
    <mergeCell ref="V130:Z130"/>
    <mergeCell ref="AA130:AC130"/>
    <mergeCell ref="AF130:AG130"/>
    <mergeCell ref="AH130:AJ130"/>
    <mergeCell ref="C138:D138"/>
    <mergeCell ref="E138:T138"/>
    <mergeCell ref="V138:Z138"/>
    <mergeCell ref="AA138:AC138"/>
    <mergeCell ref="AF138:AG138"/>
    <mergeCell ref="AH138:AJ138"/>
    <mergeCell ref="C137:D137"/>
    <mergeCell ref="E137:T137"/>
    <mergeCell ref="V137:Z137"/>
    <mergeCell ref="AA137:AC137"/>
    <mergeCell ref="AF137:AG137"/>
    <mergeCell ref="AH137:AJ137"/>
    <mergeCell ref="C136:D136"/>
    <mergeCell ref="E136:T136"/>
    <mergeCell ref="V136:Z136"/>
    <mergeCell ref="AA136:AC136"/>
    <mergeCell ref="AF136:AG136"/>
    <mergeCell ref="AH136:AJ136"/>
    <mergeCell ref="C141:D141"/>
    <mergeCell ref="E141:T141"/>
    <mergeCell ref="V141:Z141"/>
    <mergeCell ref="AA141:AC141"/>
    <mergeCell ref="AF141:AG141"/>
    <mergeCell ref="AH141:AJ141"/>
    <mergeCell ref="C140:D140"/>
    <mergeCell ref="E140:T140"/>
    <mergeCell ref="V140:Z140"/>
    <mergeCell ref="AA140:AC140"/>
    <mergeCell ref="AF140:AG140"/>
    <mergeCell ref="AH140:AJ140"/>
    <mergeCell ref="C139:D139"/>
    <mergeCell ref="E139:T139"/>
    <mergeCell ref="V139:Z139"/>
    <mergeCell ref="AA139:AC139"/>
    <mergeCell ref="AF139:AG139"/>
    <mergeCell ref="AH139:AJ139"/>
    <mergeCell ref="C144:D144"/>
    <mergeCell ref="E144:T144"/>
    <mergeCell ref="V144:Z144"/>
    <mergeCell ref="AA144:AC144"/>
    <mergeCell ref="AF144:AG144"/>
    <mergeCell ref="AH144:AJ144"/>
    <mergeCell ref="C143:D143"/>
    <mergeCell ref="E143:T143"/>
    <mergeCell ref="V143:Z143"/>
    <mergeCell ref="AA143:AC143"/>
    <mergeCell ref="AF143:AG143"/>
    <mergeCell ref="AH143:AJ143"/>
    <mergeCell ref="C142:D142"/>
    <mergeCell ref="E142:T142"/>
    <mergeCell ref="V142:Z142"/>
    <mergeCell ref="AA142:AC142"/>
    <mergeCell ref="AF142:AG142"/>
    <mergeCell ref="AH142:AJ142"/>
    <mergeCell ref="C147:D147"/>
    <mergeCell ref="E147:T147"/>
    <mergeCell ref="V147:Z147"/>
    <mergeCell ref="AA147:AC147"/>
    <mergeCell ref="AF147:AG147"/>
    <mergeCell ref="AH147:AJ147"/>
    <mergeCell ref="C146:D146"/>
    <mergeCell ref="E146:T146"/>
    <mergeCell ref="V146:Z146"/>
    <mergeCell ref="AA146:AC146"/>
    <mergeCell ref="AF146:AG146"/>
    <mergeCell ref="AH146:AJ146"/>
    <mergeCell ref="C145:D145"/>
    <mergeCell ref="E145:T145"/>
    <mergeCell ref="V145:Z145"/>
    <mergeCell ref="AA145:AC145"/>
    <mergeCell ref="AF145:AG145"/>
    <mergeCell ref="AH145:AJ145"/>
    <mergeCell ref="AA150:AC150"/>
    <mergeCell ref="AA151:AC151"/>
    <mergeCell ref="C152:D153"/>
    <mergeCell ref="E152:T153"/>
    <mergeCell ref="V152:Z153"/>
    <mergeCell ref="AA152:AC153"/>
    <mergeCell ref="C149:D149"/>
    <mergeCell ref="E149:T149"/>
    <mergeCell ref="V149:Z149"/>
    <mergeCell ref="AA149:AC149"/>
    <mergeCell ref="AF149:AG149"/>
    <mergeCell ref="AH149:AJ149"/>
    <mergeCell ref="C148:D148"/>
    <mergeCell ref="E148:T148"/>
    <mergeCell ref="V148:Z148"/>
    <mergeCell ref="AA148:AC148"/>
    <mergeCell ref="AF148:AG148"/>
    <mergeCell ref="AH148:AJ148"/>
    <mergeCell ref="C156:D156"/>
    <mergeCell ref="E156:T156"/>
    <mergeCell ref="V156:Z156"/>
    <mergeCell ref="AA156:AC156"/>
    <mergeCell ref="AF156:AG156"/>
    <mergeCell ref="AH156:AJ156"/>
    <mergeCell ref="C155:D155"/>
    <mergeCell ref="E155:T155"/>
    <mergeCell ref="V155:Z155"/>
    <mergeCell ref="AA155:AC155"/>
    <mergeCell ref="AF155:AG155"/>
    <mergeCell ref="AH155:AJ155"/>
    <mergeCell ref="AD152:AE153"/>
    <mergeCell ref="AF152:AG153"/>
    <mergeCell ref="AH152:AJ153"/>
    <mergeCell ref="AK152:AK153"/>
    <mergeCell ref="C154:D154"/>
    <mergeCell ref="E154:T154"/>
    <mergeCell ref="V154:Z154"/>
    <mergeCell ref="AA154:AC154"/>
    <mergeCell ref="AF154:AG154"/>
    <mergeCell ref="AH154:AJ154"/>
    <mergeCell ref="C159:D159"/>
    <mergeCell ref="E159:T159"/>
    <mergeCell ref="V159:Z159"/>
    <mergeCell ref="AA159:AC159"/>
    <mergeCell ref="AF159:AG159"/>
    <mergeCell ref="AH159:AJ159"/>
    <mergeCell ref="C158:D158"/>
    <mergeCell ref="E158:T158"/>
    <mergeCell ref="V158:Z158"/>
    <mergeCell ref="AA158:AC158"/>
    <mergeCell ref="AF158:AG158"/>
    <mergeCell ref="AH158:AJ158"/>
    <mergeCell ref="C157:D157"/>
    <mergeCell ref="E157:T157"/>
    <mergeCell ref="V157:Z157"/>
    <mergeCell ref="AA157:AC157"/>
    <mergeCell ref="AF157:AG157"/>
    <mergeCell ref="AH157:AJ157"/>
    <mergeCell ref="C162:D162"/>
    <mergeCell ref="E162:T162"/>
    <mergeCell ref="V162:Z162"/>
    <mergeCell ref="AA162:AC162"/>
    <mergeCell ref="AF162:AG162"/>
    <mergeCell ref="AH162:AJ162"/>
    <mergeCell ref="C161:D161"/>
    <mergeCell ref="E161:T161"/>
    <mergeCell ref="V161:Z161"/>
    <mergeCell ref="AA161:AC161"/>
    <mergeCell ref="AF161:AG161"/>
    <mergeCell ref="AH161:AJ161"/>
    <mergeCell ref="C160:D160"/>
    <mergeCell ref="E160:T160"/>
    <mergeCell ref="V160:Z160"/>
    <mergeCell ref="AA160:AC160"/>
    <mergeCell ref="AF160:AG160"/>
    <mergeCell ref="AH160:AJ160"/>
    <mergeCell ref="C165:D165"/>
    <mergeCell ref="E165:T165"/>
    <mergeCell ref="V165:Z165"/>
    <mergeCell ref="AA165:AC165"/>
    <mergeCell ref="AF165:AG165"/>
    <mergeCell ref="AH165:AJ165"/>
    <mergeCell ref="C164:D164"/>
    <mergeCell ref="E164:T164"/>
    <mergeCell ref="V164:Z164"/>
    <mergeCell ref="AA164:AC164"/>
    <mergeCell ref="AF164:AG164"/>
    <mergeCell ref="AH164:AJ164"/>
    <mergeCell ref="C163:D163"/>
    <mergeCell ref="E163:T163"/>
    <mergeCell ref="V163:Z163"/>
    <mergeCell ref="AA163:AC163"/>
    <mergeCell ref="AF163:AG163"/>
    <mergeCell ref="AH163:AJ163"/>
    <mergeCell ref="C168:D168"/>
    <mergeCell ref="E168:T168"/>
    <mergeCell ref="V168:Z168"/>
    <mergeCell ref="AA168:AC168"/>
    <mergeCell ref="AF168:AG168"/>
    <mergeCell ref="AH168:AJ168"/>
    <mergeCell ref="C167:D167"/>
    <mergeCell ref="E167:T167"/>
    <mergeCell ref="V167:Z167"/>
    <mergeCell ref="AA167:AC167"/>
    <mergeCell ref="AF167:AG167"/>
    <mergeCell ref="AH167:AJ167"/>
    <mergeCell ref="C166:D166"/>
    <mergeCell ref="E166:T166"/>
    <mergeCell ref="V166:Z166"/>
    <mergeCell ref="AA166:AC166"/>
    <mergeCell ref="AF166:AG166"/>
    <mergeCell ref="AH166:AJ166"/>
    <mergeCell ref="C171:D171"/>
    <mergeCell ref="E171:T171"/>
    <mergeCell ref="V171:Z171"/>
    <mergeCell ref="AA171:AC171"/>
    <mergeCell ref="AF171:AG171"/>
    <mergeCell ref="AH171:AJ171"/>
    <mergeCell ref="C170:D170"/>
    <mergeCell ref="E170:T170"/>
    <mergeCell ref="V170:Z170"/>
    <mergeCell ref="AA170:AC170"/>
    <mergeCell ref="AF170:AG170"/>
    <mergeCell ref="AH170:AJ170"/>
    <mergeCell ref="C169:D169"/>
    <mergeCell ref="E169:T169"/>
    <mergeCell ref="V169:Z169"/>
    <mergeCell ref="AA169:AC169"/>
    <mergeCell ref="AF169:AG169"/>
    <mergeCell ref="AH169:AJ169"/>
    <mergeCell ref="C174:D174"/>
    <mergeCell ref="E174:T174"/>
    <mergeCell ref="V174:Z174"/>
    <mergeCell ref="AA174:AC174"/>
    <mergeCell ref="AF174:AG174"/>
    <mergeCell ref="AH174:AJ174"/>
    <mergeCell ref="C173:D173"/>
    <mergeCell ref="E173:T173"/>
    <mergeCell ref="V173:Z173"/>
    <mergeCell ref="AA173:AC173"/>
    <mergeCell ref="AF173:AG173"/>
    <mergeCell ref="AH173:AJ173"/>
    <mergeCell ref="C172:D172"/>
    <mergeCell ref="E172:T172"/>
    <mergeCell ref="V172:Z172"/>
    <mergeCell ref="AA172:AC172"/>
    <mergeCell ref="AF172:AG172"/>
    <mergeCell ref="AH172:AJ172"/>
    <mergeCell ref="AD178:AE179"/>
    <mergeCell ref="AF178:AG179"/>
    <mergeCell ref="AH178:AJ179"/>
    <mergeCell ref="AK178:AK179"/>
    <mergeCell ref="C180:D180"/>
    <mergeCell ref="E180:T180"/>
    <mergeCell ref="V180:Z180"/>
    <mergeCell ref="AA180:AC180"/>
    <mergeCell ref="AF180:AG180"/>
    <mergeCell ref="AH180:AJ180"/>
    <mergeCell ref="AA176:AC176"/>
    <mergeCell ref="AA177:AC177"/>
    <mergeCell ref="C178:D179"/>
    <mergeCell ref="E178:T179"/>
    <mergeCell ref="V178:Z179"/>
    <mergeCell ref="AA178:AC179"/>
    <mergeCell ref="C175:D175"/>
    <mergeCell ref="E175:T175"/>
    <mergeCell ref="V175:Z175"/>
    <mergeCell ref="AA175:AC175"/>
    <mergeCell ref="AF175:AG175"/>
    <mergeCell ref="AH175:AJ175"/>
    <mergeCell ref="C183:D183"/>
    <mergeCell ref="E183:T183"/>
    <mergeCell ref="V183:Z183"/>
    <mergeCell ref="AA183:AC183"/>
    <mergeCell ref="AF183:AG183"/>
    <mergeCell ref="AH183:AJ183"/>
    <mergeCell ref="C182:D182"/>
    <mergeCell ref="E182:T182"/>
    <mergeCell ref="V182:Z182"/>
    <mergeCell ref="AA182:AC182"/>
    <mergeCell ref="AF182:AG182"/>
    <mergeCell ref="AH182:AJ182"/>
    <mergeCell ref="C181:D181"/>
    <mergeCell ref="E181:T181"/>
    <mergeCell ref="V181:Z181"/>
    <mergeCell ref="AA181:AC181"/>
    <mergeCell ref="AF181:AG181"/>
    <mergeCell ref="AH181:AJ181"/>
    <mergeCell ref="C186:D186"/>
    <mergeCell ref="E186:T186"/>
    <mergeCell ref="V186:Z186"/>
    <mergeCell ref="AA186:AC186"/>
    <mergeCell ref="AF186:AG186"/>
    <mergeCell ref="AH186:AJ186"/>
    <mergeCell ref="C185:D185"/>
    <mergeCell ref="E185:T185"/>
    <mergeCell ref="V185:Z185"/>
    <mergeCell ref="AA185:AC185"/>
    <mergeCell ref="AF185:AG185"/>
    <mergeCell ref="AH185:AJ185"/>
    <mergeCell ref="C184:D184"/>
    <mergeCell ref="E184:T184"/>
    <mergeCell ref="V184:Z184"/>
    <mergeCell ref="AA184:AC184"/>
    <mergeCell ref="AF184:AG184"/>
    <mergeCell ref="AH184:AJ184"/>
    <mergeCell ref="C189:D189"/>
    <mergeCell ref="E189:T189"/>
    <mergeCell ref="V189:Z189"/>
    <mergeCell ref="AA189:AC189"/>
    <mergeCell ref="AF189:AG189"/>
    <mergeCell ref="AH189:AJ189"/>
    <mergeCell ref="C188:D188"/>
    <mergeCell ref="E188:T188"/>
    <mergeCell ref="V188:Z188"/>
    <mergeCell ref="AA188:AC188"/>
    <mergeCell ref="AF188:AG188"/>
    <mergeCell ref="AH188:AJ188"/>
    <mergeCell ref="C187:D187"/>
    <mergeCell ref="E187:T187"/>
    <mergeCell ref="V187:Z187"/>
    <mergeCell ref="AA187:AC187"/>
    <mergeCell ref="AF187:AG187"/>
    <mergeCell ref="AH187:AJ187"/>
    <mergeCell ref="C192:D192"/>
    <mergeCell ref="E192:T192"/>
    <mergeCell ref="V192:Z192"/>
    <mergeCell ref="AA192:AC192"/>
    <mergeCell ref="AF192:AG192"/>
    <mergeCell ref="AH192:AJ192"/>
    <mergeCell ref="C191:D191"/>
    <mergeCell ref="E191:T191"/>
    <mergeCell ref="V191:Z191"/>
    <mergeCell ref="AA191:AC191"/>
    <mergeCell ref="AF191:AG191"/>
    <mergeCell ref="AH191:AJ191"/>
    <mergeCell ref="C190:D190"/>
    <mergeCell ref="E190:T190"/>
    <mergeCell ref="V190:Z190"/>
    <mergeCell ref="AA190:AC190"/>
    <mergeCell ref="AF190:AG190"/>
    <mergeCell ref="AH190:AJ190"/>
    <mergeCell ref="C195:D195"/>
    <mergeCell ref="E195:T195"/>
    <mergeCell ref="V195:Z195"/>
    <mergeCell ref="AA195:AC195"/>
    <mergeCell ref="AF195:AG195"/>
    <mergeCell ref="AH195:AJ195"/>
    <mergeCell ref="C194:D194"/>
    <mergeCell ref="E194:T194"/>
    <mergeCell ref="V194:Z194"/>
    <mergeCell ref="AA194:AC194"/>
    <mergeCell ref="AF194:AG194"/>
    <mergeCell ref="AH194:AJ194"/>
    <mergeCell ref="C193:D193"/>
    <mergeCell ref="E193:T193"/>
    <mergeCell ref="V193:Z193"/>
    <mergeCell ref="AA193:AC193"/>
    <mergeCell ref="AF193:AG193"/>
    <mergeCell ref="AH193:AJ193"/>
    <mergeCell ref="C198:D198"/>
    <mergeCell ref="E198:T198"/>
    <mergeCell ref="V198:Z198"/>
    <mergeCell ref="AA198:AC198"/>
    <mergeCell ref="AF198:AG198"/>
    <mergeCell ref="AH198:AJ198"/>
    <mergeCell ref="C197:D197"/>
    <mergeCell ref="E197:T197"/>
    <mergeCell ref="V197:Z197"/>
    <mergeCell ref="AA197:AC197"/>
    <mergeCell ref="AF197:AG197"/>
    <mergeCell ref="AH197:AJ197"/>
    <mergeCell ref="C196:D196"/>
    <mergeCell ref="E196:T196"/>
    <mergeCell ref="V196:Z196"/>
    <mergeCell ref="AA196:AC196"/>
    <mergeCell ref="AF196:AG196"/>
    <mergeCell ref="AH196:AJ196"/>
    <mergeCell ref="C201:D201"/>
    <mergeCell ref="E201:T201"/>
    <mergeCell ref="V201:Z201"/>
    <mergeCell ref="AA201:AC201"/>
    <mergeCell ref="AF201:AG201"/>
    <mergeCell ref="AH201:AJ201"/>
    <mergeCell ref="C200:D200"/>
    <mergeCell ref="E200:T200"/>
    <mergeCell ref="V200:Z200"/>
    <mergeCell ref="AA200:AC200"/>
    <mergeCell ref="AF200:AG200"/>
    <mergeCell ref="AH200:AJ200"/>
    <mergeCell ref="C199:D199"/>
    <mergeCell ref="E199:T199"/>
    <mergeCell ref="V199:Z199"/>
    <mergeCell ref="AA199:AC199"/>
    <mergeCell ref="AF199:AG199"/>
    <mergeCell ref="AH199:AJ199"/>
    <mergeCell ref="C204:D204"/>
    <mergeCell ref="E204:T204"/>
    <mergeCell ref="V204:Z204"/>
    <mergeCell ref="AA204:AC204"/>
    <mergeCell ref="AF204:AG204"/>
    <mergeCell ref="AH204:AJ204"/>
    <mergeCell ref="C203:D203"/>
    <mergeCell ref="E203:T203"/>
    <mergeCell ref="V203:Z203"/>
    <mergeCell ref="AA203:AC203"/>
    <mergeCell ref="AF203:AG203"/>
    <mergeCell ref="AH203:AJ203"/>
    <mergeCell ref="C202:D202"/>
    <mergeCell ref="E202:T202"/>
    <mergeCell ref="V202:Z202"/>
    <mergeCell ref="AA202:AC202"/>
    <mergeCell ref="AF202:AG202"/>
    <mergeCell ref="AH202:AJ202"/>
    <mergeCell ref="C207:D207"/>
    <mergeCell ref="E207:T207"/>
    <mergeCell ref="V207:Z207"/>
    <mergeCell ref="AA207:AC207"/>
    <mergeCell ref="AF207:AG207"/>
    <mergeCell ref="AH207:AJ207"/>
    <mergeCell ref="C206:D206"/>
    <mergeCell ref="E206:T206"/>
    <mergeCell ref="V206:Z206"/>
    <mergeCell ref="AA206:AC206"/>
    <mergeCell ref="AF206:AG206"/>
    <mergeCell ref="AH206:AJ206"/>
    <mergeCell ref="C205:D205"/>
    <mergeCell ref="E205:T205"/>
    <mergeCell ref="V205:Z205"/>
    <mergeCell ref="AA205:AC205"/>
    <mergeCell ref="AF205:AG205"/>
    <mergeCell ref="AH205:AJ205"/>
    <mergeCell ref="C210:D210"/>
    <mergeCell ref="E210:T210"/>
    <mergeCell ref="V210:Z210"/>
    <mergeCell ref="AA210:AC210"/>
    <mergeCell ref="AF210:AG210"/>
    <mergeCell ref="AH210:AJ210"/>
    <mergeCell ref="C209:D209"/>
    <mergeCell ref="E209:T209"/>
    <mergeCell ref="V209:Z209"/>
    <mergeCell ref="AA209:AC209"/>
    <mergeCell ref="AF209:AG209"/>
    <mergeCell ref="AH209:AJ209"/>
    <mergeCell ref="C208:D208"/>
    <mergeCell ref="E208:T208"/>
    <mergeCell ref="V208:Z208"/>
    <mergeCell ref="AA208:AC208"/>
    <mergeCell ref="AF208:AG208"/>
    <mergeCell ref="AH208:AJ208"/>
    <mergeCell ref="C213:D213"/>
    <mergeCell ref="E213:T213"/>
    <mergeCell ref="V213:Z213"/>
    <mergeCell ref="AA213:AC213"/>
    <mergeCell ref="AF213:AG213"/>
    <mergeCell ref="AH213:AJ213"/>
    <mergeCell ref="C212:D212"/>
    <mergeCell ref="E212:T212"/>
    <mergeCell ref="V212:Z212"/>
    <mergeCell ref="AA212:AC212"/>
    <mergeCell ref="AF212:AG212"/>
    <mergeCell ref="AH212:AJ212"/>
    <mergeCell ref="C211:D211"/>
    <mergeCell ref="E211:T211"/>
    <mergeCell ref="V211:Z211"/>
    <mergeCell ref="AA211:AC211"/>
    <mergeCell ref="AF211:AG211"/>
    <mergeCell ref="AH211:AJ211"/>
    <mergeCell ref="C216:D216"/>
    <mergeCell ref="E216:T216"/>
    <mergeCell ref="V216:Z216"/>
    <mergeCell ref="AA216:AC216"/>
    <mergeCell ref="AF216:AG216"/>
    <mergeCell ref="AH216:AJ216"/>
    <mergeCell ref="C215:D215"/>
    <mergeCell ref="E215:T215"/>
    <mergeCell ref="V215:Z215"/>
    <mergeCell ref="AA215:AC215"/>
    <mergeCell ref="AF215:AG215"/>
    <mergeCell ref="AH215:AJ215"/>
    <mergeCell ref="C214:D214"/>
    <mergeCell ref="E214:T214"/>
    <mergeCell ref="V214:Z214"/>
    <mergeCell ref="AA214:AC214"/>
    <mergeCell ref="AF214:AG214"/>
    <mergeCell ref="AH214:AJ214"/>
    <mergeCell ref="C219:D219"/>
    <mergeCell ref="E219:T219"/>
    <mergeCell ref="V219:Z219"/>
    <mergeCell ref="AA219:AC219"/>
    <mergeCell ref="AF219:AG219"/>
    <mergeCell ref="AH219:AJ219"/>
    <mergeCell ref="C218:D218"/>
    <mergeCell ref="E218:T218"/>
    <mergeCell ref="V218:Z218"/>
    <mergeCell ref="AA218:AC218"/>
    <mergeCell ref="AF218:AG218"/>
    <mergeCell ref="AH218:AJ218"/>
    <mergeCell ref="C217:D217"/>
    <mergeCell ref="E217:T217"/>
    <mergeCell ref="V217:Z217"/>
    <mergeCell ref="AA217:AC217"/>
    <mergeCell ref="AF217:AG217"/>
    <mergeCell ref="AH217:AJ217"/>
    <mergeCell ref="C222:D222"/>
    <mergeCell ref="E222:T222"/>
    <mergeCell ref="V222:Z222"/>
    <mergeCell ref="AA222:AC222"/>
    <mergeCell ref="AF222:AG222"/>
    <mergeCell ref="AH222:AJ222"/>
    <mergeCell ref="C221:D221"/>
    <mergeCell ref="E221:T221"/>
    <mergeCell ref="V221:Z221"/>
    <mergeCell ref="AA221:AC221"/>
    <mergeCell ref="AF221:AG221"/>
    <mergeCell ref="AH221:AJ221"/>
    <mergeCell ref="C220:D220"/>
    <mergeCell ref="E220:T220"/>
    <mergeCell ref="V220:Z220"/>
    <mergeCell ref="AA220:AC220"/>
    <mergeCell ref="AF220:AG220"/>
    <mergeCell ref="AH220:AJ220"/>
    <mergeCell ref="C225:D225"/>
    <mergeCell ref="E225:T225"/>
    <mergeCell ref="V225:Z225"/>
    <mergeCell ref="AA225:AC225"/>
    <mergeCell ref="AF225:AG225"/>
    <mergeCell ref="AH225:AJ225"/>
    <mergeCell ref="C224:D224"/>
    <mergeCell ref="E224:T224"/>
    <mergeCell ref="V224:Z224"/>
    <mergeCell ref="AA224:AC224"/>
    <mergeCell ref="AF224:AG224"/>
    <mergeCell ref="AH224:AJ224"/>
    <mergeCell ref="C223:D223"/>
    <mergeCell ref="E223:T223"/>
    <mergeCell ref="V223:Z223"/>
    <mergeCell ref="AA223:AC223"/>
    <mergeCell ref="AF223:AG223"/>
    <mergeCell ref="AH223:AJ223"/>
    <mergeCell ref="C228:D228"/>
    <mergeCell ref="E228:T228"/>
    <mergeCell ref="V228:Z228"/>
    <mergeCell ref="AA228:AC228"/>
    <mergeCell ref="AF228:AG228"/>
    <mergeCell ref="AH228:AJ228"/>
    <mergeCell ref="C227:D227"/>
    <mergeCell ref="E227:T227"/>
    <mergeCell ref="V227:Z227"/>
    <mergeCell ref="AA227:AC227"/>
    <mergeCell ref="AF227:AG227"/>
    <mergeCell ref="AH227:AJ227"/>
    <mergeCell ref="C226:D226"/>
    <mergeCell ref="E226:T226"/>
    <mergeCell ref="V226:Z226"/>
    <mergeCell ref="AA226:AC226"/>
    <mergeCell ref="AF226:AG226"/>
    <mergeCell ref="AH226:AJ226"/>
    <mergeCell ref="C231:D231"/>
    <mergeCell ref="E231:T231"/>
    <mergeCell ref="V231:Z231"/>
    <mergeCell ref="AA231:AC231"/>
    <mergeCell ref="AF231:AG231"/>
    <mergeCell ref="AH231:AJ231"/>
    <mergeCell ref="C230:D230"/>
    <mergeCell ref="E230:T230"/>
    <mergeCell ref="V230:Z230"/>
    <mergeCell ref="AA230:AC230"/>
    <mergeCell ref="AF230:AG230"/>
    <mergeCell ref="AH230:AJ230"/>
    <mergeCell ref="C229:D229"/>
    <mergeCell ref="E229:T229"/>
    <mergeCell ref="V229:Z229"/>
    <mergeCell ref="AA229:AC229"/>
    <mergeCell ref="AF229:AG229"/>
    <mergeCell ref="AH229:AJ229"/>
    <mergeCell ref="C234:D234"/>
    <mergeCell ref="E234:T234"/>
    <mergeCell ref="V234:Z234"/>
    <mergeCell ref="AA234:AC234"/>
    <mergeCell ref="AF234:AG234"/>
    <mergeCell ref="AH234:AJ234"/>
    <mergeCell ref="C233:D233"/>
    <mergeCell ref="E233:T233"/>
    <mergeCell ref="V233:Z233"/>
    <mergeCell ref="AA233:AC233"/>
    <mergeCell ref="AF233:AG233"/>
    <mergeCell ref="AH233:AJ233"/>
    <mergeCell ref="C232:D232"/>
    <mergeCell ref="E232:T232"/>
    <mergeCell ref="V232:Z232"/>
    <mergeCell ref="AA232:AC232"/>
    <mergeCell ref="AF232:AG232"/>
    <mergeCell ref="AH232:AJ232"/>
    <mergeCell ref="C237:D237"/>
    <mergeCell ref="E237:T237"/>
    <mergeCell ref="V237:Z237"/>
    <mergeCell ref="AA237:AC237"/>
    <mergeCell ref="AF237:AG237"/>
    <mergeCell ref="AH237:AJ237"/>
    <mergeCell ref="C236:D236"/>
    <mergeCell ref="E236:T236"/>
    <mergeCell ref="V236:Z236"/>
    <mergeCell ref="AA236:AC236"/>
    <mergeCell ref="AF236:AG236"/>
    <mergeCell ref="AH236:AJ236"/>
    <mergeCell ref="C235:D235"/>
    <mergeCell ref="E235:T235"/>
    <mergeCell ref="V235:Z235"/>
    <mergeCell ref="AA235:AC235"/>
    <mergeCell ref="AF235:AG235"/>
    <mergeCell ref="AH235:AJ235"/>
    <mergeCell ref="C240:D240"/>
    <mergeCell ref="E240:T240"/>
    <mergeCell ref="V240:Z240"/>
    <mergeCell ref="AA240:AC240"/>
    <mergeCell ref="AF240:AG240"/>
    <mergeCell ref="AH240:AJ240"/>
    <mergeCell ref="C239:D239"/>
    <mergeCell ref="E239:T239"/>
    <mergeCell ref="V239:Z239"/>
    <mergeCell ref="AA239:AC239"/>
    <mergeCell ref="AF239:AG239"/>
    <mergeCell ref="AH239:AJ239"/>
    <mergeCell ref="C238:D238"/>
    <mergeCell ref="E238:T238"/>
    <mergeCell ref="V238:Z238"/>
    <mergeCell ref="AA238:AC238"/>
    <mergeCell ref="AF238:AG238"/>
    <mergeCell ref="AH238:AJ238"/>
    <mergeCell ref="C243:D243"/>
    <mergeCell ref="E243:T243"/>
    <mergeCell ref="V243:Z243"/>
    <mergeCell ref="AA243:AC243"/>
    <mergeCell ref="AF243:AG243"/>
    <mergeCell ref="AH243:AJ243"/>
    <mergeCell ref="C242:D242"/>
    <mergeCell ref="E242:T242"/>
    <mergeCell ref="V242:Z242"/>
    <mergeCell ref="AA242:AC242"/>
    <mergeCell ref="AF242:AG242"/>
    <mergeCell ref="AH242:AJ242"/>
    <mergeCell ref="C241:D241"/>
    <mergeCell ref="E241:T241"/>
    <mergeCell ref="V241:Z241"/>
    <mergeCell ref="AA241:AC241"/>
    <mergeCell ref="AF241:AG241"/>
    <mergeCell ref="AH241:AJ241"/>
    <mergeCell ref="C246:D246"/>
    <mergeCell ref="E246:T246"/>
    <mergeCell ref="V246:Z246"/>
    <mergeCell ref="AA246:AC246"/>
    <mergeCell ref="AF246:AG246"/>
    <mergeCell ref="AH246:AJ246"/>
    <mergeCell ref="C245:D245"/>
    <mergeCell ref="E245:T245"/>
    <mergeCell ref="V245:Z245"/>
    <mergeCell ref="AA245:AC245"/>
    <mergeCell ref="AF245:AG245"/>
    <mergeCell ref="AH245:AJ245"/>
    <mergeCell ref="C244:D244"/>
    <mergeCell ref="E244:T244"/>
    <mergeCell ref="V244:Z244"/>
    <mergeCell ref="AA244:AC244"/>
    <mergeCell ref="AF244:AG244"/>
    <mergeCell ref="AH244:AJ244"/>
    <mergeCell ref="C249:D249"/>
    <mergeCell ref="E249:T249"/>
    <mergeCell ref="V249:Z249"/>
    <mergeCell ref="AA249:AC249"/>
    <mergeCell ref="AF249:AG249"/>
    <mergeCell ref="AH249:AJ249"/>
    <mergeCell ref="C248:D248"/>
    <mergeCell ref="E248:T248"/>
    <mergeCell ref="V248:Z248"/>
    <mergeCell ref="AA248:AC248"/>
    <mergeCell ref="AF248:AG248"/>
    <mergeCell ref="AH248:AJ248"/>
    <mergeCell ref="C247:D247"/>
    <mergeCell ref="E247:T247"/>
    <mergeCell ref="V247:Z247"/>
    <mergeCell ref="AA247:AC247"/>
    <mergeCell ref="AF247:AG247"/>
    <mergeCell ref="AH247:AJ247"/>
    <mergeCell ref="C252:D252"/>
    <mergeCell ref="E252:T252"/>
    <mergeCell ref="V252:Z252"/>
    <mergeCell ref="AA252:AC252"/>
    <mergeCell ref="AF252:AG252"/>
    <mergeCell ref="AH252:AJ252"/>
    <mergeCell ref="C251:D251"/>
    <mergeCell ref="E251:T251"/>
    <mergeCell ref="V251:Z251"/>
    <mergeCell ref="AA251:AC251"/>
    <mergeCell ref="AF251:AG251"/>
    <mergeCell ref="AH251:AJ251"/>
    <mergeCell ref="C250:D250"/>
    <mergeCell ref="E250:T250"/>
    <mergeCell ref="V250:Z250"/>
    <mergeCell ref="AA250:AC250"/>
    <mergeCell ref="AF250:AG250"/>
    <mergeCell ref="AH250:AJ250"/>
    <mergeCell ref="C255:D255"/>
    <mergeCell ref="E255:T255"/>
    <mergeCell ref="V255:Z255"/>
    <mergeCell ref="AA255:AC255"/>
    <mergeCell ref="AF255:AG255"/>
    <mergeCell ref="AH255:AJ255"/>
    <mergeCell ref="C254:D254"/>
    <mergeCell ref="E254:T254"/>
    <mergeCell ref="V254:Z254"/>
    <mergeCell ref="AA254:AC254"/>
    <mergeCell ref="AF254:AG254"/>
    <mergeCell ref="AH254:AJ254"/>
    <mergeCell ref="C253:D253"/>
    <mergeCell ref="E253:T253"/>
    <mergeCell ref="V253:Z253"/>
    <mergeCell ref="AA253:AC253"/>
    <mergeCell ref="AF253:AG253"/>
    <mergeCell ref="AH253:AJ253"/>
    <mergeCell ref="C258:D258"/>
    <mergeCell ref="E258:T258"/>
    <mergeCell ref="V258:Z258"/>
    <mergeCell ref="AA258:AC258"/>
    <mergeCell ref="AF258:AG258"/>
    <mergeCell ref="AH258:AJ258"/>
    <mergeCell ref="C257:D257"/>
    <mergeCell ref="E257:T257"/>
    <mergeCell ref="V257:Z257"/>
    <mergeCell ref="AA257:AC257"/>
    <mergeCell ref="AF257:AG257"/>
    <mergeCell ref="AH257:AJ257"/>
    <mergeCell ref="C256:D256"/>
    <mergeCell ref="E256:T256"/>
    <mergeCell ref="V256:Z256"/>
    <mergeCell ref="AA256:AC256"/>
    <mergeCell ref="AF256:AG256"/>
    <mergeCell ref="AH256:AJ256"/>
    <mergeCell ref="C261:D261"/>
    <mergeCell ref="E261:T261"/>
    <mergeCell ref="V261:Z261"/>
    <mergeCell ref="AA261:AC261"/>
    <mergeCell ref="AF261:AG261"/>
    <mergeCell ref="AH261:AJ261"/>
    <mergeCell ref="C260:D260"/>
    <mergeCell ref="E260:T260"/>
    <mergeCell ref="V260:Z260"/>
    <mergeCell ref="AA260:AC260"/>
    <mergeCell ref="AF260:AG260"/>
    <mergeCell ref="AH260:AJ260"/>
    <mergeCell ref="C259:D259"/>
    <mergeCell ref="E259:T259"/>
    <mergeCell ref="V259:Z259"/>
    <mergeCell ref="AA259:AC259"/>
    <mergeCell ref="AF259:AG259"/>
    <mergeCell ref="AH259:AJ259"/>
    <mergeCell ref="C264:D264"/>
    <mergeCell ref="E264:T264"/>
    <mergeCell ref="V264:Z264"/>
    <mergeCell ref="AA264:AC264"/>
    <mergeCell ref="AF264:AG264"/>
    <mergeCell ref="AH264:AJ264"/>
    <mergeCell ref="C263:D263"/>
    <mergeCell ref="E263:T263"/>
    <mergeCell ref="V263:Z263"/>
    <mergeCell ref="AA263:AC263"/>
    <mergeCell ref="AF263:AG263"/>
    <mergeCell ref="AH263:AJ263"/>
    <mergeCell ref="C262:D262"/>
    <mergeCell ref="E262:T262"/>
    <mergeCell ref="V262:Z262"/>
    <mergeCell ref="AA262:AC262"/>
    <mergeCell ref="AF262:AG262"/>
    <mergeCell ref="AH262:AJ262"/>
    <mergeCell ref="C267:D267"/>
    <mergeCell ref="E267:T267"/>
    <mergeCell ref="V267:Z267"/>
    <mergeCell ref="AA267:AC267"/>
    <mergeCell ref="AF267:AG267"/>
    <mergeCell ref="AH267:AJ267"/>
    <mergeCell ref="C266:D266"/>
    <mergeCell ref="E266:T266"/>
    <mergeCell ref="V266:Z266"/>
    <mergeCell ref="AA266:AC266"/>
    <mergeCell ref="AF266:AG266"/>
    <mergeCell ref="AH266:AJ266"/>
    <mergeCell ref="C265:D265"/>
    <mergeCell ref="E265:T265"/>
    <mergeCell ref="V265:Z265"/>
    <mergeCell ref="AA265:AC265"/>
    <mergeCell ref="AF265:AG265"/>
    <mergeCell ref="AH265:AJ265"/>
    <mergeCell ref="C270:D270"/>
    <mergeCell ref="E270:T270"/>
    <mergeCell ref="V270:Z270"/>
    <mergeCell ref="AA270:AC270"/>
    <mergeCell ref="AF270:AG270"/>
    <mergeCell ref="AH270:AJ270"/>
    <mergeCell ref="C269:D269"/>
    <mergeCell ref="E269:T269"/>
    <mergeCell ref="V269:Z269"/>
    <mergeCell ref="AA269:AC269"/>
    <mergeCell ref="AF269:AG269"/>
    <mergeCell ref="AH269:AJ269"/>
    <mergeCell ref="C268:D268"/>
    <mergeCell ref="E268:T268"/>
    <mergeCell ref="V268:Z268"/>
    <mergeCell ref="AA268:AC268"/>
    <mergeCell ref="AF268:AG268"/>
    <mergeCell ref="AH268:AJ268"/>
    <mergeCell ref="C273:D273"/>
    <mergeCell ref="E273:T273"/>
    <mergeCell ref="V273:Z273"/>
    <mergeCell ref="AA273:AC273"/>
    <mergeCell ref="AF273:AG273"/>
    <mergeCell ref="AH273:AJ273"/>
    <mergeCell ref="C272:D272"/>
    <mergeCell ref="E272:T272"/>
    <mergeCell ref="V272:Z272"/>
    <mergeCell ref="AA272:AC272"/>
    <mergeCell ref="AF272:AG272"/>
    <mergeCell ref="AH272:AJ272"/>
    <mergeCell ref="C271:D271"/>
    <mergeCell ref="E271:T271"/>
    <mergeCell ref="V271:Z271"/>
    <mergeCell ref="AA271:AC271"/>
    <mergeCell ref="AF271:AG271"/>
    <mergeCell ref="AH271:AJ271"/>
    <mergeCell ref="C276:D276"/>
    <mergeCell ref="E276:T276"/>
    <mergeCell ref="V276:Z276"/>
    <mergeCell ref="AA276:AC276"/>
    <mergeCell ref="AF276:AG276"/>
    <mergeCell ref="AH276:AJ276"/>
    <mergeCell ref="C275:D275"/>
    <mergeCell ref="E275:T275"/>
    <mergeCell ref="V275:Z275"/>
    <mergeCell ref="AA275:AC275"/>
    <mergeCell ref="AF275:AG275"/>
    <mergeCell ref="AH275:AJ275"/>
    <mergeCell ref="C274:D274"/>
    <mergeCell ref="E274:T274"/>
    <mergeCell ref="V274:Z274"/>
    <mergeCell ref="AA274:AC274"/>
    <mergeCell ref="AF274:AG274"/>
    <mergeCell ref="AH274:AJ274"/>
    <mergeCell ref="C279:D279"/>
    <mergeCell ref="E279:T279"/>
    <mergeCell ref="V279:Z279"/>
    <mergeCell ref="AA279:AC279"/>
    <mergeCell ref="AF279:AG279"/>
    <mergeCell ref="AH279:AJ279"/>
    <mergeCell ref="C278:D278"/>
    <mergeCell ref="E278:T278"/>
    <mergeCell ref="V278:Z278"/>
    <mergeCell ref="AA278:AC278"/>
    <mergeCell ref="AF278:AG278"/>
    <mergeCell ref="AH278:AJ278"/>
    <mergeCell ref="C277:D277"/>
    <mergeCell ref="E277:T277"/>
    <mergeCell ref="V277:Z277"/>
    <mergeCell ref="AA277:AC277"/>
    <mergeCell ref="AF277:AG277"/>
    <mergeCell ref="AH277:AJ277"/>
    <mergeCell ref="C282:D282"/>
    <mergeCell ref="E282:T282"/>
    <mergeCell ref="V282:Z282"/>
    <mergeCell ref="AA282:AC282"/>
    <mergeCell ref="AF282:AG282"/>
    <mergeCell ref="AH282:AJ282"/>
    <mergeCell ref="C281:D281"/>
    <mergeCell ref="E281:T281"/>
    <mergeCell ref="V281:Z281"/>
    <mergeCell ref="AA281:AC281"/>
    <mergeCell ref="AF281:AG281"/>
    <mergeCell ref="AH281:AJ281"/>
    <mergeCell ref="C280:D280"/>
    <mergeCell ref="E280:T280"/>
    <mergeCell ref="V280:Z280"/>
    <mergeCell ref="AA280:AC280"/>
    <mergeCell ref="AF280:AG280"/>
    <mergeCell ref="AH280:AJ280"/>
    <mergeCell ref="C285:D285"/>
    <mergeCell ref="E285:T285"/>
    <mergeCell ref="V285:Z285"/>
    <mergeCell ref="AA285:AC285"/>
    <mergeCell ref="AF285:AG285"/>
    <mergeCell ref="AH285:AJ285"/>
    <mergeCell ref="C284:D284"/>
    <mergeCell ref="E284:T284"/>
    <mergeCell ref="V284:Z284"/>
    <mergeCell ref="AA284:AC284"/>
    <mergeCell ref="AF284:AG284"/>
    <mergeCell ref="AH284:AJ284"/>
    <mergeCell ref="C283:D283"/>
    <mergeCell ref="E283:T283"/>
    <mergeCell ref="V283:Z283"/>
    <mergeCell ref="AA283:AC283"/>
    <mergeCell ref="AF283:AG283"/>
    <mergeCell ref="AH283:AJ283"/>
    <mergeCell ref="C288:D288"/>
    <mergeCell ref="E288:T288"/>
    <mergeCell ref="V288:Z288"/>
    <mergeCell ref="AA288:AC288"/>
    <mergeCell ref="AF288:AG288"/>
    <mergeCell ref="AH288:AJ288"/>
    <mergeCell ref="C287:D287"/>
    <mergeCell ref="E287:T287"/>
    <mergeCell ref="V287:Z287"/>
    <mergeCell ref="AA287:AC287"/>
    <mergeCell ref="AF287:AG287"/>
    <mergeCell ref="AH287:AJ287"/>
    <mergeCell ref="C286:D286"/>
    <mergeCell ref="E286:T286"/>
    <mergeCell ref="V286:Z286"/>
    <mergeCell ref="AA286:AC286"/>
    <mergeCell ref="AF286:AG286"/>
    <mergeCell ref="AH286:AJ286"/>
    <mergeCell ref="C291:D291"/>
    <mergeCell ref="E291:T291"/>
    <mergeCell ref="V291:Z291"/>
    <mergeCell ref="AA291:AC291"/>
    <mergeCell ref="AF291:AG291"/>
    <mergeCell ref="AH291:AJ291"/>
    <mergeCell ref="C290:D290"/>
    <mergeCell ref="E290:T290"/>
    <mergeCell ref="V290:Z290"/>
    <mergeCell ref="AA290:AC290"/>
    <mergeCell ref="AF290:AG290"/>
    <mergeCell ref="AH290:AJ290"/>
    <mergeCell ref="C289:D289"/>
    <mergeCell ref="E289:T289"/>
    <mergeCell ref="V289:Z289"/>
    <mergeCell ref="AA289:AC289"/>
    <mergeCell ref="AF289:AG289"/>
    <mergeCell ref="AH289:AJ289"/>
    <mergeCell ref="C294:D294"/>
    <mergeCell ref="E294:T294"/>
    <mergeCell ref="V294:Z294"/>
    <mergeCell ref="AA294:AC294"/>
    <mergeCell ref="AF294:AG294"/>
    <mergeCell ref="AH294:AJ294"/>
    <mergeCell ref="C293:D293"/>
    <mergeCell ref="E293:T293"/>
    <mergeCell ref="V293:Z293"/>
    <mergeCell ref="AA293:AC293"/>
    <mergeCell ref="AF293:AG293"/>
    <mergeCell ref="AH293:AJ293"/>
    <mergeCell ref="C292:D292"/>
    <mergeCell ref="E292:T292"/>
    <mergeCell ref="V292:Z292"/>
    <mergeCell ref="AA292:AC292"/>
    <mergeCell ref="AF292:AG292"/>
    <mergeCell ref="AH292:AJ292"/>
    <mergeCell ref="C297:D297"/>
    <mergeCell ref="E297:T297"/>
    <mergeCell ref="V297:Z297"/>
    <mergeCell ref="AA297:AC297"/>
    <mergeCell ref="AF297:AG297"/>
    <mergeCell ref="AH297:AJ297"/>
    <mergeCell ref="C296:D296"/>
    <mergeCell ref="E296:T296"/>
    <mergeCell ref="V296:Z296"/>
    <mergeCell ref="AA296:AC296"/>
    <mergeCell ref="AF296:AG296"/>
    <mergeCell ref="AH296:AJ296"/>
    <mergeCell ref="C295:D295"/>
    <mergeCell ref="E295:T295"/>
    <mergeCell ref="V295:Z295"/>
    <mergeCell ref="AA295:AC295"/>
    <mergeCell ref="AF295:AG295"/>
    <mergeCell ref="AH295:AJ295"/>
    <mergeCell ref="C300:D300"/>
    <mergeCell ref="E300:T300"/>
    <mergeCell ref="V300:Z300"/>
    <mergeCell ref="AA300:AC300"/>
    <mergeCell ref="AF300:AG300"/>
    <mergeCell ref="AH300:AJ300"/>
    <mergeCell ref="C299:D299"/>
    <mergeCell ref="E299:T299"/>
    <mergeCell ref="V299:Z299"/>
    <mergeCell ref="AA299:AC299"/>
    <mergeCell ref="AF299:AG299"/>
    <mergeCell ref="AH299:AJ299"/>
    <mergeCell ref="C298:D298"/>
    <mergeCell ref="E298:T298"/>
    <mergeCell ref="V298:Z298"/>
    <mergeCell ref="AA298:AC298"/>
    <mergeCell ref="AF298:AG298"/>
    <mergeCell ref="AH298:AJ298"/>
    <mergeCell ref="AD304:AE305"/>
    <mergeCell ref="AF304:AG305"/>
    <mergeCell ref="AH304:AJ305"/>
    <mergeCell ref="AK304:AK305"/>
    <mergeCell ref="C306:D306"/>
    <mergeCell ref="E306:T306"/>
    <mergeCell ref="V306:Z306"/>
    <mergeCell ref="AA306:AC306"/>
    <mergeCell ref="AF306:AG306"/>
    <mergeCell ref="AH306:AJ306"/>
    <mergeCell ref="AA302:AC302"/>
    <mergeCell ref="AA303:AC303"/>
    <mergeCell ref="C304:D305"/>
    <mergeCell ref="E304:T305"/>
    <mergeCell ref="V304:Z305"/>
    <mergeCell ref="AA304:AC305"/>
    <mergeCell ref="C301:D301"/>
    <mergeCell ref="E301:T301"/>
    <mergeCell ref="V301:Z301"/>
    <mergeCell ref="AA301:AC301"/>
    <mergeCell ref="AF301:AG301"/>
    <mergeCell ref="AH301:AJ301"/>
    <mergeCell ref="C309:D309"/>
    <mergeCell ref="E309:T309"/>
    <mergeCell ref="V309:Z309"/>
    <mergeCell ref="AA309:AC309"/>
    <mergeCell ref="AF309:AG309"/>
    <mergeCell ref="AH309:AJ309"/>
    <mergeCell ref="C308:D308"/>
    <mergeCell ref="E308:T308"/>
    <mergeCell ref="V308:Z308"/>
    <mergeCell ref="AA308:AC308"/>
    <mergeCell ref="AF308:AG308"/>
    <mergeCell ref="AH308:AJ308"/>
    <mergeCell ref="C307:D307"/>
    <mergeCell ref="E307:T307"/>
    <mergeCell ref="V307:Z307"/>
    <mergeCell ref="AA307:AC307"/>
    <mergeCell ref="AF307:AG307"/>
    <mergeCell ref="AH307:AJ307"/>
    <mergeCell ref="C312:D312"/>
    <mergeCell ref="E312:T312"/>
    <mergeCell ref="V312:Z312"/>
    <mergeCell ref="AA312:AC312"/>
    <mergeCell ref="AF312:AG312"/>
    <mergeCell ref="AH312:AJ312"/>
    <mergeCell ref="C311:D311"/>
    <mergeCell ref="E311:T311"/>
    <mergeCell ref="V311:Z311"/>
    <mergeCell ref="AA311:AC311"/>
    <mergeCell ref="AF311:AG311"/>
    <mergeCell ref="AH311:AJ311"/>
    <mergeCell ref="C310:D310"/>
    <mergeCell ref="E310:T310"/>
    <mergeCell ref="V310:Z310"/>
    <mergeCell ref="AA310:AC310"/>
    <mergeCell ref="AF310:AG310"/>
    <mergeCell ref="AH310:AJ310"/>
    <mergeCell ref="C315:D315"/>
    <mergeCell ref="E315:T315"/>
    <mergeCell ref="V315:Z315"/>
    <mergeCell ref="AA315:AC315"/>
    <mergeCell ref="AF315:AG315"/>
    <mergeCell ref="AH315:AJ315"/>
    <mergeCell ref="C314:D314"/>
    <mergeCell ref="E314:T314"/>
    <mergeCell ref="V314:Z314"/>
    <mergeCell ref="AA314:AC314"/>
    <mergeCell ref="AF314:AG314"/>
    <mergeCell ref="AH314:AJ314"/>
    <mergeCell ref="C313:D313"/>
    <mergeCell ref="E313:T313"/>
    <mergeCell ref="V313:Z313"/>
    <mergeCell ref="AA313:AC313"/>
    <mergeCell ref="AF313:AG313"/>
    <mergeCell ref="AH313:AJ313"/>
    <mergeCell ref="C318:D318"/>
    <mergeCell ref="E318:T318"/>
    <mergeCell ref="V318:Z318"/>
    <mergeCell ref="AA318:AC318"/>
    <mergeCell ref="AF318:AG318"/>
    <mergeCell ref="AH318:AJ318"/>
    <mergeCell ref="C317:D317"/>
    <mergeCell ref="E317:T317"/>
    <mergeCell ref="V317:Z317"/>
    <mergeCell ref="AA317:AC317"/>
    <mergeCell ref="AF317:AG317"/>
    <mergeCell ref="AH317:AJ317"/>
    <mergeCell ref="C316:D316"/>
    <mergeCell ref="E316:T316"/>
    <mergeCell ref="V316:Z316"/>
    <mergeCell ref="AA316:AC316"/>
    <mergeCell ref="AF316:AG316"/>
    <mergeCell ref="AH316:AJ316"/>
    <mergeCell ref="C321:D321"/>
    <mergeCell ref="E321:T321"/>
    <mergeCell ref="V321:Z321"/>
    <mergeCell ref="AA321:AC321"/>
    <mergeCell ref="AF321:AG321"/>
    <mergeCell ref="AH321:AJ321"/>
    <mergeCell ref="C320:D320"/>
    <mergeCell ref="E320:T320"/>
    <mergeCell ref="V320:Z320"/>
    <mergeCell ref="AA320:AC320"/>
    <mergeCell ref="AF320:AG320"/>
    <mergeCell ref="AH320:AJ320"/>
    <mergeCell ref="C319:D319"/>
    <mergeCell ref="E319:T319"/>
    <mergeCell ref="V319:Z319"/>
    <mergeCell ref="AA319:AC319"/>
    <mergeCell ref="AF319:AG319"/>
    <mergeCell ref="AH319:AJ319"/>
    <mergeCell ref="C324:D324"/>
    <mergeCell ref="E324:T324"/>
    <mergeCell ref="V324:Z324"/>
    <mergeCell ref="AA324:AC324"/>
    <mergeCell ref="AF324:AG324"/>
    <mergeCell ref="AH324:AJ324"/>
    <mergeCell ref="C323:D323"/>
    <mergeCell ref="E323:T323"/>
    <mergeCell ref="V323:Z323"/>
    <mergeCell ref="AA323:AC323"/>
    <mergeCell ref="AF323:AG323"/>
    <mergeCell ref="AH323:AJ323"/>
    <mergeCell ref="C322:D322"/>
    <mergeCell ref="E322:T322"/>
    <mergeCell ref="V322:Z322"/>
    <mergeCell ref="AA322:AC322"/>
    <mergeCell ref="AF322:AG322"/>
    <mergeCell ref="AH322:AJ322"/>
    <mergeCell ref="C327:D327"/>
    <mergeCell ref="E327:T327"/>
    <mergeCell ref="V327:Z327"/>
    <mergeCell ref="AA327:AC327"/>
    <mergeCell ref="AF327:AG327"/>
    <mergeCell ref="AH327:AJ327"/>
    <mergeCell ref="C326:D326"/>
    <mergeCell ref="E326:T326"/>
    <mergeCell ref="V326:Z326"/>
    <mergeCell ref="AA326:AC326"/>
    <mergeCell ref="AF326:AG326"/>
    <mergeCell ref="AH326:AJ326"/>
    <mergeCell ref="C325:D325"/>
    <mergeCell ref="E325:T325"/>
    <mergeCell ref="V325:Z325"/>
    <mergeCell ref="AA325:AC325"/>
    <mergeCell ref="AF325:AG325"/>
    <mergeCell ref="AH325:AJ325"/>
    <mergeCell ref="C330:D330"/>
    <mergeCell ref="E330:T330"/>
    <mergeCell ref="V330:Z330"/>
    <mergeCell ref="AA330:AC330"/>
    <mergeCell ref="AF330:AG330"/>
    <mergeCell ref="AH330:AJ330"/>
    <mergeCell ref="C329:D329"/>
    <mergeCell ref="E329:T329"/>
    <mergeCell ref="V329:Z329"/>
    <mergeCell ref="AA329:AC329"/>
    <mergeCell ref="AF329:AG329"/>
    <mergeCell ref="AH329:AJ329"/>
    <mergeCell ref="C328:D328"/>
    <mergeCell ref="E328:T328"/>
    <mergeCell ref="V328:Z328"/>
    <mergeCell ref="AA328:AC328"/>
    <mergeCell ref="AF328:AG328"/>
    <mergeCell ref="AH328:AJ328"/>
    <mergeCell ref="C333:D333"/>
    <mergeCell ref="E333:T333"/>
    <mergeCell ref="V333:Z333"/>
    <mergeCell ref="AA333:AC333"/>
    <mergeCell ref="AF333:AG333"/>
    <mergeCell ref="AH333:AJ333"/>
    <mergeCell ref="C332:D332"/>
    <mergeCell ref="E332:T332"/>
    <mergeCell ref="V332:Z332"/>
    <mergeCell ref="AA332:AC332"/>
    <mergeCell ref="AF332:AG332"/>
    <mergeCell ref="AH332:AJ332"/>
    <mergeCell ref="C331:D331"/>
    <mergeCell ref="E331:T331"/>
    <mergeCell ref="V331:Z331"/>
    <mergeCell ref="AA331:AC331"/>
    <mergeCell ref="AF331:AG331"/>
    <mergeCell ref="AH331:AJ331"/>
    <mergeCell ref="C336:D336"/>
    <mergeCell ref="E336:T336"/>
    <mergeCell ref="V336:Z336"/>
    <mergeCell ref="AA336:AC336"/>
    <mergeCell ref="AF336:AG336"/>
    <mergeCell ref="AH336:AJ336"/>
    <mergeCell ref="C335:D335"/>
    <mergeCell ref="E335:T335"/>
    <mergeCell ref="V335:Z335"/>
    <mergeCell ref="AA335:AC335"/>
    <mergeCell ref="AF335:AG335"/>
    <mergeCell ref="AH335:AJ335"/>
    <mergeCell ref="C334:D334"/>
    <mergeCell ref="E334:T334"/>
    <mergeCell ref="V334:Z334"/>
    <mergeCell ref="AA334:AC334"/>
    <mergeCell ref="AF334:AG334"/>
    <mergeCell ref="AH334:AJ334"/>
    <mergeCell ref="C339:D339"/>
    <mergeCell ref="E339:T339"/>
    <mergeCell ref="V339:Z339"/>
    <mergeCell ref="AA339:AC339"/>
    <mergeCell ref="AF339:AG339"/>
    <mergeCell ref="AH339:AJ339"/>
    <mergeCell ref="C338:D338"/>
    <mergeCell ref="E338:T338"/>
    <mergeCell ref="V338:Z338"/>
    <mergeCell ref="AA338:AC338"/>
    <mergeCell ref="AF338:AG338"/>
    <mergeCell ref="AH338:AJ338"/>
    <mergeCell ref="C337:D337"/>
    <mergeCell ref="E337:T337"/>
    <mergeCell ref="V337:Z337"/>
    <mergeCell ref="AA337:AC337"/>
    <mergeCell ref="AF337:AG337"/>
    <mergeCell ref="AH337:AJ337"/>
    <mergeCell ref="C342:D342"/>
    <mergeCell ref="E342:T342"/>
    <mergeCell ref="V342:Z342"/>
    <mergeCell ref="AA342:AC342"/>
    <mergeCell ref="AF342:AG342"/>
    <mergeCell ref="AH342:AJ342"/>
    <mergeCell ref="C341:D341"/>
    <mergeCell ref="E341:T341"/>
    <mergeCell ref="V341:Z341"/>
    <mergeCell ref="AA341:AC341"/>
    <mergeCell ref="AF341:AG341"/>
    <mergeCell ref="AH341:AJ341"/>
    <mergeCell ref="C340:D340"/>
    <mergeCell ref="E340:T340"/>
    <mergeCell ref="V340:Z340"/>
    <mergeCell ref="AA340:AC340"/>
    <mergeCell ref="AF340:AG340"/>
    <mergeCell ref="AH340:AJ340"/>
    <mergeCell ref="C345:D345"/>
    <mergeCell ref="E345:T345"/>
    <mergeCell ref="V345:Z345"/>
    <mergeCell ref="AA345:AC345"/>
    <mergeCell ref="AF345:AG345"/>
    <mergeCell ref="AH345:AJ345"/>
    <mergeCell ref="C344:D344"/>
    <mergeCell ref="E344:T344"/>
    <mergeCell ref="V344:Z344"/>
    <mergeCell ref="AA344:AC344"/>
    <mergeCell ref="AF344:AG344"/>
    <mergeCell ref="AH344:AJ344"/>
    <mergeCell ref="C343:D343"/>
    <mergeCell ref="E343:T343"/>
    <mergeCell ref="V343:Z343"/>
    <mergeCell ref="AA343:AC343"/>
    <mergeCell ref="AF343:AG343"/>
    <mergeCell ref="AH343:AJ343"/>
    <mergeCell ref="C348:D348"/>
    <mergeCell ref="E348:T348"/>
    <mergeCell ref="V348:Z348"/>
    <mergeCell ref="AA348:AC348"/>
    <mergeCell ref="AF348:AG348"/>
    <mergeCell ref="AH348:AJ348"/>
    <mergeCell ref="C347:D347"/>
    <mergeCell ref="E347:T347"/>
    <mergeCell ref="V347:Z347"/>
    <mergeCell ref="AA347:AC347"/>
    <mergeCell ref="AF347:AG347"/>
    <mergeCell ref="AH347:AJ347"/>
    <mergeCell ref="C346:D346"/>
    <mergeCell ref="E346:T346"/>
    <mergeCell ref="V346:Z346"/>
    <mergeCell ref="AA346:AC346"/>
    <mergeCell ref="AF346:AG346"/>
    <mergeCell ref="AH346:AJ346"/>
    <mergeCell ref="C351:D351"/>
    <mergeCell ref="E351:T351"/>
    <mergeCell ref="V351:Z351"/>
    <mergeCell ref="AA351:AC351"/>
    <mergeCell ref="AF351:AG351"/>
    <mergeCell ref="AH351:AJ351"/>
    <mergeCell ref="C350:D350"/>
    <mergeCell ref="E350:T350"/>
    <mergeCell ref="V350:Z350"/>
    <mergeCell ref="AA350:AC350"/>
    <mergeCell ref="AF350:AG350"/>
    <mergeCell ref="AH350:AJ350"/>
    <mergeCell ref="C349:D349"/>
    <mergeCell ref="E349:T349"/>
    <mergeCell ref="V349:Z349"/>
    <mergeCell ref="AA349:AC349"/>
    <mergeCell ref="AF349:AG349"/>
    <mergeCell ref="AH349:AJ349"/>
    <mergeCell ref="C354:D354"/>
    <mergeCell ref="E354:T354"/>
    <mergeCell ref="V354:Z354"/>
    <mergeCell ref="AA354:AC354"/>
    <mergeCell ref="AF354:AG354"/>
    <mergeCell ref="AH354:AJ354"/>
    <mergeCell ref="C353:D353"/>
    <mergeCell ref="E353:T353"/>
    <mergeCell ref="V353:Z353"/>
    <mergeCell ref="AA353:AC353"/>
    <mergeCell ref="AF353:AG353"/>
    <mergeCell ref="AH353:AJ353"/>
    <mergeCell ref="C352:D352"/>
    <mergeCell ref="E352:T352"/>
    <mergeCell ref="V352:Z352"/>
    <mergeCell ref="AA352:AC352"/>
    <mergeCell ref="AF352:AG352"/>
    <mergeCell ref="AH352:AJ352"/>
    <mergeCell ref="AA357:AC357"/>
    <mergeCell ref="AA358:AC358"/>
    <mergeCell ref="C359:D360"/>
    <mergeCell ref="E359:T360"/>
    <mergeCell ref="V359:Z360"/>
    <mergeCell ref="AA359:AC360"/>
    <mergeCell ref="C356:D356"/>
    <mergeCell ref="E356:T356"/>
    <mergeCell ref="V356:Z356"/>
    <mergeCell ref="AA356:AC356"/>
    <mergeCell ref="AF356:AG356"/>
    <mergeCell ref="AH356:AJ356"/>
    <mergeCell ref="C355:D355"/>
    <mergeCell ref="E355:T355"/>
    <mergeCell ref="V355:Z355"/>
    <mergeCell ref="AA355:AC355"/>
    <mergeCell ref="AF355:AG355"/>
    <mergeCell ref="AH355:AJ355"/>
    <mergeCell ref="C363:D363"/>
    <mergeCell ref="E363:T363"/>
    <mergeCell ref="V363:Z363"/>
    <mergeCell ref="AA363:AC363"/>
    <mergeCell ref="AF363:AG363"/>
    <mergeCell ref="AH363:AJ363"/>
    <mergeCell ref="C362:D362"/>
    <mergeCell ref="E362:T362"/>
    <mergeCell ref="V362:Z362"/>
    <mergeCell ref="AA362:AC362"/>
    <mergeCell ref="AF362:AG362"/>
    <mergeCell ref="AH362:AJ362"/>
    <mergeCell ref="AD359:AE360"/>
    <mergeCell ref="AF359:AG360"/>
    <mergeCell ref="AH359:AJ360"/>
    <mergeCell ref="AK359:AK360"/>
    <mergeCell ref="C361:D361"/>
    <mergeCell ref="E361:T361"/>
    <mergeCell ref="V361:Z361"/>
    <mergeCell ref="AA361:AC361"/>
    <mergeCell ref="AF361:AG361"/>
    <mergeCell ref="AH361:AJ361"/>
    <mergeCell ref="C366:D366"/>
    <mergeCell ref="E366:T366"/>
    <mergeCell ref="V366:Z366"/>
    <mergeCell ref="AA366:AC366"/>
    <mergeCell ref="AF366:AG366"/>
    <mergeCell ref="AH366:AJ366"/>
    <mergeCell ref="C365:D365"/>
    <mergeCell ref="E365:T365"/>
    <mergeCell ref="V365:Z365"/>
    <mergeCell ref="AA365:AC365"/>
    <mergeCell ref="AF365:AG365"/>
    <mergeCell ref="AH365:AJ365"/>
    <mergeCell ref="C364:D364"/>
    <mergeCell ref="E364:T364"/>
    <mergeCell ref="V364:Z364"/>
    <mergeCell ref="AA364:AC364"/>
    <mergeCell ref="AF364:AG364"/>
    <mergeCell ref="AH364:AJ364"/>
    <mergeCell ref="C369:D369"/>
    <mergeCell ref="E369:T369"/>
    <mergeCell ref="V369:Z369"/>
    <mergeCell ref="AA369:AC369"/>
    <mergeCell ref="AF369:AG369"/>
    <mergeCell ref="AH369:AJ369"/>
    <mergeCell ref="C368:D368"/>
    <mergeCell ref="E368:T368"/>
    <mergeCell ref="V368:Z368"/>
    <mergeCell ref="AA368:AC368"/>
    <mergeCell ref="AF368:AG368"/>
    <mergeCell ref="AH368:AJ368"/>
    <mergeCell ref="C367:D367"/>
    <mergeCell ref="E367:T367"/>
    <mergeCell ref="V367:Z367"/>
    <mergeCell ref="AA367:AC367"/>
    <mergeCell ref="AF367:AG367"/>
    <mergeCell ref="AH367:AJ367"/>
    <mergeCell ref="C372:D372"/>
    <mergeCell ref="E372:T372"/>
    <mergeCell ref="V372:Z372"/>
    <mergeCell ref="AA372:AC372"/>
    <mergeCell ref="AF372:AG372"/>
    <mergeCell ref="AH372:AJ372"/>
    <mergeCell ref="C371:D371"/>
    <mergeCell ref="E371:T371"/>
    <mergeCell ref="V371:Z371"/>
    <mergeCell ref="AA371:AC371"/>
    <mergeCell ref="AF371:AG371"/>
    <mergeCell ref="AH371:AJ371"/>
    <mergeCell ref="C370:D370"/>
    <mergeCell ref="E370:T370"/>
    <mergeCell ref="V370:Z370"/>
    <mergeCell ref="AA370:AC370"/>
    <mergeCell ref="AF370:AG370"/>
    <mergeCell ref="AH370:AJ370"/>
    <mergeCell ref="C375:D375"/>
    <mergeCell ref="E375:T375"/>
    <mergeCell ref="V375:Z375"/>
    <mergeCell ref="AA375:AC375"/>
    <mergeCell ref="AF375:AG375"/>
    <mergeCell ref="AH375:AJ375"/>
    <mergeCell ref="C374:D374"/>
    <mergeCell ref="E374:T374"/>
    <mergeCell ref="V374:Z374"/>
    <mergeCell ref="AA374:AC374"/>
    <mergeCell ref="AF374:AG374"/>
    <mergeCell ref="AH374:AJ374"/>
    <mergeCell ref="C373:D373"/>
    <mergeCell ref="E373:T373"/>
    <mergeCell ref="V373:Z373"/>
    <mergeCell ref="AA373:AC373"/>
    <mergeCell ref="AF373:AG373"/>
    <mergeCell ref="AH373:AJ373"/>
    <mergeCell ref="C378:D378"/>
    <mergeCell ref="E378:T378"/>
    <mergeCell ref="V378:Z378"/>
    <mergeCell ref="AA378:AC378"/>
    <mergeCell ref="AF378:AG378"/>
    <mergeCell ref="AH378:AJ378"/>
    <mergeCell ref="C377:D377"/>
    <mergeCell ref="E377:T377"/>
    <mergeCell ref="V377:Z377"/>
    <mergeCell ref="AA377:AC377"/>
    <mergeCell ref="AF377:AG377"/>
    <mergeCell ref="AH377:AJ377"/>
    <mergeCell ref="C376:D376"/>
    <mergeCell ref="E376:T376"/>
    <mergeCell ref="V376:Z376"/>
    <mergeCell ref="AA376:AC376"/>
    <mergeCell ref="AF376:AG376"/>
    <mergeCell ref="AH376:AJ376"/>
    <mergeCell ref="C381:D381"/>
    <mergeCell ref="E381:T381"/>
    <mergeCell ref="V381:Z381"/>
    <mergeCell ref="AA381:AC381"/>
    <mergeCell ref="AF381:AG381"/>
    <mergeCell ref="AH381:AJ381"/>
    <mergeCell ref="C380:D380"/>
    <mergeCell ref="E380:T380"/>
    <mergeCell ref="V380:Z380"/>
    <mergeCell ref="AA380:AC380"/>
    <mergeCell ref="AF380:AG380"/>
    <mergeCell ref="AH380:AJ380"/>
    <mergeCell ref="C379:D379"/>
    <mergeCell ref="E379:T379"/>
    <mergeCell ref="V379:Z379"/>
    <mergeCell ref="AA379:AC379"/>
    <mergeCell ref="AF379:AG379"/>
    <mergeCell ref="AH379:AJ379"/>
    <mergeCell ref="C384:D384"/>
    <mergeCell ref="E384:T384"/>
    <mergeCell ref="V384:Z384"/>
    <mergeCell ref="AA384:AC384"/>
    <mergeCell ref="AF384:AG384"/>
    <mergeCell ref="AH384:AJ384"/>
    <mergeCell ref="C383:D383"/>
    <mergeCell ref="E383:T383"/>
    <mergeCell ref="V383:Z383"/>
    <mergeCell ref="AA383:AC383"/>
    <mergeCell ref="AF383:AG383"/>
    <mergeCell ref="AH383:AJ383"/>
    <mergeCell ref="C382:D382"/>
    <mergeCell ref="E382:T382"/>
    <mergeCell ref="V382:Z382"/>
    <mergeCell ref="AA382:AC382"/>
    <mergeCell ref="AF382:AG382"/>
    <mergeCell ref="AH382:AJ382"/>
    <mergeCell ref="C387:D387"/>
    <mergeCell ref="E387:T387"/>
    <mergeCell ref="V387:Z387"/>
    <mergeCell ref="AA387:AC387"/>
    <mergeCell ref="AF387:AG387"/>
    <mergeCell ref="AH387:AJ387"/>
    <mergeCell ref="C386:D386"/>
    <mergeCell ref="E386:T386"/>
    <mergeCell ref="V386:Z386"/>
    <mergeCell ref="AA386:AC386"/>
    <mergeCell ref="AF386:AG386"/>
    <mergeCell ref="AH386:AJ386"/>
    <mergeCell ref="C385:D385"/>
    <mergeCell ref="E385:T385"/>
    <mergeCell ref="V385:Z385"/>
    <mergeCell ref="AA385:AC385"/>
    <mergeCell ref="AF385:AG385"/>
    <mergeCell ref="AH385:AJ385"/>
    <mergeCell ref="C390:D390"/>
    <mergeCell ref="E390:T390"/>
    <mergeCell ref="V390:Z390"/>
    <mergeCell ref="AA390:AC390"/>
    <mergeCell ref="AF390:AG390"/>
    <mergeCell ref="AH390:AJ390"/>
    <mergeCell ref="C389:D389"/>
    <mergeCell ref="E389:T389"/>
    <mergeCell ref="V389:Z389"/>
    <mergeCell ref="AA389:AC389"/>
    <mergeCell ref="AF389:AG389"/>
    <mergeCell ref="AH389:AJ389"/>
    <mergeCell ref="C388:D388"/>
    <mergeCell ref="E388:T388"/>
    <mergeCell ref="V388:Z388"/>
    <mergeCell ref="AA388:AC388"/>
    <mergeCell ref="AF388:AG388"/>
    <mergeCell ref="AH388:AJ388"/>
    <mergeCell ref="C393:D393"/>
    <mergeCell ref="E393:T393"/>
    <mergeCell ref="V393:Z393"/>
    <mergeCell ref="AA393:AC393"/>
    <mergeCell ref="AF393:AG393"/>
    <mergeCell ref="AH393:AJ393"/>
    <mergeCell ref="C392:D392"/>
    <mergeCell ref="E392:T392"/>
    <mergeCell ref="V392:Z392"/>
    <mergeCell ref="AA392:AC392"/>
    <mergeCell ref="AF392:AG392"/>
    <mergeCell ref="AH392:AJ392"/>
    <mergeCell ref="C391:D391"/>
    <mergeCell ref="E391:T391"/>
    <mergeCell ref="V391:Z391"/>
    <mergeCell ref="AA391:AC391"/>
    <mergeCell ref="AF391:AG391"/>
    <mergeCell ref="AH391:AJ391"/>
    <mergeCell ref="C396:D396"/>
    <mergeCell ref="E396:T396"/>
    <mergeCell ref="V396:Z396"/>
    <mergeCell ref="AA396:AC396"/>
    <mergeCell ref="AF396:AG396"/>
    <mergeCell ref="AH396:AJ396"/>
    <mergeCell ref="C395:D395"/>
    <mergeCell ref="E395:T395"/>
    <mergeCell ref="V395:Z395"/>
    <mergeCell ref="AA395:AC395"/>
    <mergeCell ref="AF395:AG395"/>
    <mergeCell ref="AH395:AJ395"/>
    <mergeCell ref="C394:D394"/>
    <mergeCell ref="E394:T394"/>
    <mergeCell ref="V394:Z394"/>
    <mergeCell ref="AA394:AC394"/>
    <mergeCell ref="AF394:AG394"/>
    <mergeCell ref="AH394:AJ394"/>
    <mergeCell ref="C399:D399"/>
    <mergeCell ref="E399:T399"/>
    <mergeCell ref="V399:Z399"/>
    <mergeCell ref="AA399:AC399"/>
    <mergeCell ref="AF399:AG399"/>
    <mergeCell ref="AH399:AJ399"/>
    <mergeCell ref="C398:D398"/>
    <mergeCell ref="E398:T398"/>
    <mergeCell ref="V398:Z398"/>
    <mergeCell ref="AA398:AC398"/>
    <mergeCell ref="AF398:AG398"/>
    <mergeCell ref="AH398:AJ398"/>
    <mergeCell ref="C397:D397"/>
    <mergeCell ref="E397:T397"/>
    <mergeCell ref="V397:Z397"/>
    <mergeCell ref="AA397:AC397"/>
    <mergeCell ref="AF397:AG397"/>
    <mergeCell ref="AH397:AJ397"/>
    <mergeCell ref="C402:D402"/>
    <mergeCell ref="E402:T402"/>
    <mergeCell ref="V402:Z402"/>
    <mergeCell ref="AA402:AC402"/>
    <mergeCell ref="AF402:AG402"/>
    <mergeCell ref="AH402:AJ402"/>
    <mergeCell ref="C401:D401"/>
    <mergeCell ref="E401:T401"/>
    <mergeCell ref="V401:Z401"/>
    <mergeCell ref="AA401:AC401"/>
    <mergeCell ref="AF401:AG401"/>
    <mergeCell ref="AH401:AJ401"/>
    <mergeCell ref="C400:D400"/>
    <mergeCell ref="E400:T400"/>
    <mergeCell ref="V400:Z400"/>
    <mergeCell ref="AA400:AC400"/>
    <mergeCell ref="AF400:AG400"/>
    <mergeCell ref="AH400:AJ400"/>
    <mergeCell ref="C405:D405"/>
    <mergeCell ref="E405:T405"/>
    <mergeCell ref="V405:Z405"/>
    <mergeCell ref="AA405:AC405"/>
    <mergeCell ref="AF405:AG405"/>
    <mergeCell ref="AH405:AJ405"/>
    <mergeCell ref="C404:D404"/>
    <mergeCell ref="E404:T404"/>
    <mergeCell ref="V404:Z404"/>
    <mergeCell ref="AA404:AC404"/>
    <mergeCell ref="AF404:AG404"/>
    <mergeCell ref="AH404:AJ404"/>
    <mergeCell ref="C403:D403"/>
    <mergeCell ref="E403:T403"/>
    <mergeCell ref="V403:Z403"/>
    <mergeCell ref="AA403:AC403"/>
    <mergeCell ref="AF403:AG403"/>
    <mergeCell ref="AH403:AJ403"/>
    <mergeCell ref="C408:D408"/>
    <mergeCell ref="E408:T408"/>
    <mergeCell ref="V408:Z408"/>
    <mergeCell ref="AA408:AC408"/>
    <mergeCell ref="AF408:AG408"/>
    <mergeCell ref="AH408:AJ408"/>
    <mergeCell ref="C407:D407"/>
    <mergeCell ref="E407:T407"/>
    <mergeCell ref="V407:Z407"/>
    <mergeCell ref="AA407:AC407"/>
    <mergeCell ref="AF407:AG407"/>
    <mergeCell ref="AH407:AJ407"/>
    <mergeCell ref="C406:D406"/>
    <mergeCell ref="E406:T406"/>
    <mergeCell ref="V406:Z406"/>
    <mergeCell ref="AA406:AC406"/>
    <mergeCell ref="AF406:AG406"/>
    <mergeCell ref="AH406:AJ406"/>
    <mergeCell ref="C411:D411"/>
    <mergeCell ref="E411:T411"/>
    <mergeCell ref="V411:Z411"/>
    <mergeCell ref="AA411:AC411"/>
    <mergeCell ref="AF411:AG411"/>
    <mergeCell ref="AH411:AJ411"/>
    <mergeCell ref="C410:D410"/>
    <mergeCell ref="E410:T410"/>
    <mergeCell ref="V410:Z410"/>
    <mergeCell ref="AA410:AC410"/>
    <mergeCell ref="AF410:AG410"/>
    <mergeCell ref="AH410:AJ410"/>
    <mergeCell ref="C409:D409"/>
    <mergeCell ref="E409:T409"/>
    <mergeCell ref="V409:Z409"/>
    <mergeCell ref="AA409:AC409"/>
    <mergeCell ref="AF409:AG409"/>
    <mergeCell ref="AH409:AJ409"/>
    <mergeCell ref="AD415:AE416"/>
    <mergeCell ref="AF415:AG416"/>
    <mergeCell ref="AH415:AJ416"/>
    <mergeCell ref="AK415:AK416"/>
    <mergeCell ref="C417:D417"/>
    <mergeCell ref="E417:T417"/>
    <mergeCell ref="V417:Z417"/>
    <mergeCell ref="AA417:AC417"/>
    <mergeCell ref="AF417:AG417"/>
    <mergeCell ref="AH417:AJ417"/>
    <mergeCell ref="AA413:AC413"/>
    <mergeCell ref="AA414:AC414"/>
    <mergeCell ref="C415:D416"/>
    <mergeCell ref="E415:T416"/>
    <mergeCell ref="V415:Z416"/>
    <mergeCell ref="AA415:AC416"/>
    <mergeCell ref="C412:D412"/>
    <mergeCell ref="E412:T412"/>
    <mergeCell ref="V412:Z412"/>
    <mergeCell ref="AA412:AC412"/>
    <mergeCell ref="AF412:AG412"/>
    <mergeCell ref="AH412:AJ412"/>
    <mergeCell ref="C420:D420"/>
    <mergeCell ref="E420:T420"/>
    <mergeCell ref="V420:Z420"/>
    <mergeCell ref="AA420:AC420"/>
    <mergeCell ref="AF420:AG420"/>
    <mergeCell ref="AH420:AJ420"/>
    <mergeCell ref="C419:D419"/>
    <mergeCell ref="E419:T419"/>
    <mergeCell ref="V419:Z419"/>
    <mergeCell ref="AA419:AC419"/>
    <mergeCell ref="AF419:AG419"/>
    <mergeCell ref="AH419:AJ419"/>
    <mergeCell ref="C418:D418"/>
    <mergeCell ref="E418:T418"/>
    <mergeCell ref="V418:Z418"/>
    <mergeCell ref="AA418:AC418"/>
    <mergeCell ref="AF418:AG418"/>
    <mergeCell ref="AH418:AJ418"/>
    <mergeCell ref="C423:D423"/>
    <mergeCell ref="E423:T423"/>
    <mergeCell ref="V423:Z423"/>
    <mergeCell ref="AA423:AC423"/>
    <mergeCell ref="AF423:AG423"/>
    <mergeCell ref="AH423:AJ423"/>
    <mergeCell ref="C422:D422"/>
    <mergeCell ref="E422:T422"/>
    <mergeCell ref="V422:Z422"/>
    <mergeCell ref="AA422:AC422"/>
    <mergeCell ref="AF422:AG422"/>
    <mergeCell ref="AH422:AJ422"/>
    <mergeCell ref="C421:D421"/>
    <mergeCell ref="E421:T421"/>
    <mergeCell ref="V421:Z421"/>
    <mergeCell ref="AA421:AC421"/>
    <mergeCell ref="AF421:AG421"/>
    <mergeCell ref="AH421:AJ421"/>
    <mergeCell ref="C426:D426"/>
    <mergeCell ref="E426:T426"/>
    <mergeCell ref="V426:Z426"/>
    <mergeCell ref="AA426:AC426"/>
    <mergeCell ref="AF426:AG426"/>
    <mergeCell ref="AH426:AJ426"/>
    <mergeCell ref="C425:D425"/>
    <mergeCell ref="E425:T425"/>
    <mergeCell ref="V425:Z425"/>
    <mergeCell ref="AA425:AC425"/>
    <mergeCell ref="AF425:AG425"/>
    <mergeCell ref="AH425:AJ425"/>
    <mergeCell ref="C424:D424"/>
    <mergeCell ref="E424:T424"/>
    <mergeCell ref="V424:Z424"/>
    <mergeCell ref="AA424:AC424"/>
    <mergeCell ref="AF424:AG424"/>
    <mergeCell ref="AH424:AJ424"/>
    <mergeCell ref="C429:D429"/>
    <mergeCell ref="E429:T429"/>
    <mergeCell ref="V429:Z429"/>
    <mergeCell ref="AA429:AC429"/>
    <mergeCell ref="AF429:AG429"/>
    <mergeCell ref="AH429:AJ429"/>
    <mergeCell ref="C428:D428"/>
    <mergeCell ref="E428:T428"/>
    <mergeCell ref="V428:Z428"/>
    <mergeCell ref="AA428:AC428"/>
    <mergeCell ref="AF428:AG428"/>
    <mergeCell ref="AH428:AJ428"/>
    <mergeCell ref="C427:D427"/>
    <mergeCell ref="E427:T427"/>
    <mergeCell ref="V427:Z427"/>
    <mergeCell ref="AA427:AC427"/>
    <mergeCell ref="AF427:AG427"/>
    <mergeCell ref="AH427:AJ427"/>
    <mergeCell ref="C432:D432"/>
    <mergeCell ref="E432:T432"/>
    <mergeCell ref="V432:Z432"/>
    <mergeCell ref="AA432:AC432"/>
    <mergeCell ref="AF432:AG432"/>
    <mergeCell ref="AH432:AJ432"/>
    <mergeCell ref="C431:D431"/>
    <mergeCell ref="E431:T431"/>
    <mergeCell ref="V431:Z431"/>
    <mergeCell ref="AA431:AC431"/>
    <mergeCell ref="AF431:AG431"/>
    <mergeCell ref="AH431:AJ431"/>
    <mergeCell ref="C430:D430"/>
    <mergeCell ref="E430:T430"/>
    <mergeCell ref="V430:Z430"/>
    <mergeCell ref="AA430:AC430"/>
    <mergeCell ref="AF430:AG430"/>
    <mergeCell ref="AH430:AJ430"/>
    <mergeCell ref="C435:D435"/>
    <mergeCell ref="E435:T435"/>
    <mergeCell ref="V435:Z435"/>
    <mergeCell ref="AA435:AC435"/>
    <mergeCell ref="AF435:AG435"/>
    <mergeCell ref="AH435:AJ435"/>
    <mergeCell ref="C434:D434"/>
    <mergeCell ref="E434:T434"/>
    <mergeCell ref="V434:Z434"/>
    <mergeCell ref="AA434:AC434"/>
    <mergeCell ref="AF434:AG434"/>
    <mergeCell ref="AH434:AJ434"/>
    <mergeCell ref="C433:D433"/>
    <mergeCell ref="E433:T433"/>
    <mergeCell ref="V433:Z433"/>
    <mergeCell ref="AA433:AC433"/>
    <mergeCell ref="AF433:AG433"/>
    <mergeCell ref="AH433:AJ433"/>
    <mergeCell ref="C438:D438"/>
    <mergeCell ref="E438:T438"/>
    <mergeCell ref="V438:Z438"/>
    <mergeCell ref="AA438:AC438"/>
    <mergeCell ref="AF438:AG438"/>
    <mergeCell ref="AH438:AJ438"/>
    <mergeCell ref="C437:D437"/>
    <mergeCell ref="E437:T437"/>
    <mergeCell ref="V437:Z437"/>
    <mergeCell ref="AA437:AC437"/>
    <mergeCell ref="AF437:AG437"/>
    <mergeCell ref="AH437:AJ437"/>
    <mergeCell ref="C436:D436"/>
    <mergeCell ref="E436:T436"/>
    <mergeCell ref="V436:Z436"/>
    <mergeCell ref="AA436:AC436"/>
    <mergeCell ref="AF436:AG436"/>
    <mergeCell ref="AH436:AJ436"/>
    <mergeCell ref="C441:D441"/>
    <mergeCell ref="E441:T441"/>
    <mergeCell ref="V441:Z441"/>
    <mergeCell ref="AA441:AC441"/>
    <mergeCell ref="AF441:AG441"/>
    <mergeCell ref="AH441:AJ441"/>
    <mergeCell ref="C440:D440"/>
    <mergeCell ref="E440:T440"/>
    <mergeCell ref="V440:Z440"/>
    <mergeCell ref="AA440:AC440"/>
    <mergeCell ref="AF440:AG440"/>
    <mergeCell ref="AH440:AJ440"/>
    <mergeCell ref="C439:D439"/>
    <mergeCell ref="E439:T439"/>
    <mergeCell ref="V439:Z439"/>
    <mergeCell ref="AA439:AC439"/>
    <mergeCell ref="AF439:AG439"/>
    <mergeCell ref="AH439:AJ439"/>
    <mergeCell ref="C444:D444"/>
    <mergeCell ref="E444:T444"/>
    <mergeCell ref="V444:Z444"/>
    <mergeCell ref="AA444:AC444"/>
    <mergeCell ref="AF444:AG444"/>
    <mergeCell ref="AH444:AJ444"/>
    <mergeCell ref="C443:D443"/>
    <mergeCell ref="E443:T443"/>
    <mergeCell ref="V443:Z443"/>
    <mergeCell ref="AA443:AC443"/>
    <mergeCell ref="AF443:AG443"/>
    <mergeCell ref="AH443:AJ443"/>
    <mergeCell ref="C442:D442"/>
    <mergeCell ref="E442:T442"/>
    <mergeCell ref="V442:Z442"/>
    <mergeCell ref="AA442:AC442"/>
    <mergeCell ref="AF442:AG442"/>
    <mergeCell ref="AH442:AJ442"/>
    <mergeCell ref="C447:D447"/>
    <mergeCell ref="E447:T447"/>
    <mergeCell ref="V447:Z447"/>
    <mergeCell ref="AA447:AC447"/>
    <mergeCell ref="AF447:AG447"/>
    <mergeCell ref="AH447:AJ447"/>
    <mergeCell ref="C446:D446"/>
    <mergeCell ref="E446:T446"/>
    <mergeCell ref="V446:Z446"/>
    <mergeCell ref="AA446:AC446"/>
    <mergeCell ref="AF446:AG446"/>
    <mergeCell ref="AH446:AJ446"/>
    <mergeCell ref="C445:D445"/>
    <mergeCell ref="E445:T445"/>
    <mergeCell ref="V445:Z445"/>
    <mergeCell ref="AA445:AC445"/>
    <mergeCell ref="AF445:AG445"/>
    <mergeCell ref="AH445:AJ445"/>
    <mergeCell ref="C450:D450"/>
    <mergeCell ref="E450:T450"/>
    <mergeCell ref="V450:Z450"/>
    <mergeCell ref="AA450:AC450"/>
    <mergeCell ref="AF450:AG450"/>
    <mergeCell ref="AH450:AJ450"/>
    <mergeCell ref="C449:D449"/>
    <mergeCell ref="E449:T449"/>
    <mergeCell ref="V449:Z449"/>
    <mergeCell ref="AA449:AC449"/>
    <mergeCell ref="AF449:AG449"/>
    <mergeCell ref="AH449:AJ449"/>
    <mergeCell ref="C448:D448"/>
    <mergeCell ref="E448:T448"/>
    <mergeCell ref="V448:Z448"/>
    <mergeCell ref="AA448:AC448"/>
    <mergeCell ref="AF448:AG448"/>
    <mergeCell ref="AH448:AJ448"/>
    <mergeCell ref="C453:D453"/>
    <mergeCell ref="E453:T453"/>
    <mergeCell ref="V453:Z453"/>
    <mergeCell ref="AA453:AC453"/>
    <mergeCell ref="AF453:AG453"/>
    <mergeCell ref="AH453:AJ453"/>
    <mergeCell ref="C452:D452"/>
    <mergeCell ref="E452:T452"/>
    <mergeCell ref="V452:Z452"/>
    <mergeCell ref="AA452:AC452"/>
    <mergeCell ref="AF452:AG452"/>
    <mergeCell ref="AH452:AJ452"/>
    <mergeCell ref="C451:D451"/>
    <mergeCell ref="E451:T451"/>
    <mergeCell ref="V451:Z451"/>
    <mergeCell ref="AA451:AC451"/>
    <mergeCell ref="AF451:AG451"/>
    <mergeCell ref="AH451:AJ451"/>
    <mergeCell ref="C456:D456"/>
    <mergeCell ref="E456:T456"/>
    <mergeCell ref="V456:Z456"/>
    <mergeCell ref="AA456:AC456"/>
    <mergeCell ref="AF456:AG456"/>
    <mergeCell ref="AH456:AJ456"/>
    <mergeCell ref="C455:D455"/>
    <mergeCell ref="E455:T455"/>
    <mergeCell ref="V455:Z455"/>
    <mergeCell ref="AA455:AC455"/>
    <mergeCell ref="AF455:AG455"/>
    <mergeCell ref="AH455:AJ455"/>
    <mergeCell ref="C454:D454"/>
    <mergeCell ref="E454:T454"/>
    <mergeCell ref="V454:Z454"/>
    <mergeCell ref="AA454:AC454"/>
    <mergeCell ref="AF454:AG454"/>
    <mergeCell ref="AH454:AJ454"/>
    <mergeCell ref="C459:D459"/>
    <mergeCell ref="E459:T459"/>
    <mergeCell ref="V459:Z459"/>
    <mergeCell ref="AA459:AC459"/>
    <mergeCell ref="AF459:AG459"/>
    <mergeCell ref="AH459:AJ459"/>
    <mergeCell ref="C458:D458"/>
    <mergeCell ref="E458:T458"/>
    <mergeCell ref="V458:Z458"/>
    <mergeCell ref="AA458:AC458"/>
    <mergeCell ref="AF458:AG458"/>
    <mergeCell ref="AH458:AJ458"/>
    <mergeCell ref="C457:D457"/>
    <mergeCell ref="E457:T457"/>
    <mergeCell ref="V457:Z457"/>
    <mergeCell ref="AA457:AC457"/>
    <mergeCell ref="AF457:AG457"/>
    <mergeCell ref="AH457:AJ457"/>
    <mergeCell ref="C462:D462"/>
    <mergeCell ref="E462:T462"/>
    <mergeCell ref="V462:Z462"/>
    <mergeCell ref="AA462:AC462"/>
    <mergeCell ref="AF462:AG462"/>
    <mergeCell ref="AH462:AJ462"/>
    <mergeCell ref="C461:D461"/>
    <mergeCell ref="E461:T461"/>
    <mergeCell ref="V461:Z461"/>
    <mergeCell ref="AA461:AC461"/>
    <mergeCell ref="AF461:AG461"/>
    <mergeCell ref="AH461:AJ461"/>
    <mergeCell ref="C460:D460"/>
    <mergeCell ref="E460:T460"/>
    <mergeCell ref="V460:Z460"/>
    <mergeCell ref="AA460:AC460"/>
    <mergeCell ref="AF460:AG460"/>
    <mergeCell ref="AH460:AJ460"/>
    <mergeCell ref="C465:D465"/>
    <mergeCell ref="E465:T465"/>
    <mergeCell ref="V465:Z465"/>
    <mergeCell ref="AA465:AC465"/>
    <mergeCell ref="AF465:AG465"/>
    <mergeCell ref="AH465:AJ465"/>
    <mergeCell ref="C464:D464"/>
    <mergeCell ref="E464:T464"/>
    <mergeCell ref="V464:Z464"/>
    <mergeCell ref="AA464:AC464"/>
    <mergeCell ref="AF464:AG464"/>
    <mergeCell ref="AH464:AJ464"/>
    <mergeCell ref="C463:D463"/>
    <mergeCell ref="E463:T463"/>
    <mergeCell ref="V463:Z463"/>
    <mergeCell ref="AA463:AC463"/>
    <mergeCell ref="AF463:AG463"/>
    <mergeCell ref="AH463:AJ463"/>
    <mergeCell ref="C468:D468"/>
    <mergeCell ref="E468:T468"/>
    <mergeCell ref="V468:Z468"/>
    <mergeCell ref="AA468:AC468"/>
    <mergeCell ref="AF468:AG468"/>
    <mergeCell ref="AH468:AJ468"/>
    <mergeCell ref="C467:D467"/>
    <mergeCell ref="E467:T467"/>
    <mergeCell ref="V467:Z467"/>
    <mergeCell ref="AA467:AC467"/>
    <mergeCell ref="AF467:AG467"/>
    <mergeCell ref="AH467:AJ467"/>
    <mergeCell ref="C466:D466"/>
    <mergeCell ref="E466:T466"/>
    <mergeCell ref="V466:Z466"/>
    <mergeCell ref="AA466:AC466"/>
    <mergeCell ref="AF466:AG466"/>
    <mergeCell ref="AH466:AJ466"/>
    <mergeCell ref="C471:D471"/>
    <mergeCell ref="E471:T471"/>
    <mergeCell ref="V471:Z471"/>
    <mergeCell ref="AA471:AC471"/>
    <mergeCell ref="AF471:AG471"/>
    <mergeCell ref="AH471:AJ471"/>
    <mergeCell ref="C470:D470"/>
    <mergeCell ref="E470:T470"/>
    <mergeCell ref="V470:Z470"/>
    <mergeCell ref="AA470:AC470"/>
    <mergeCell ref="AF470:AG470"/>
    <mergeCell ref="AH470:AJ470"/>
    <mergeCell ref="C469:D469"/>
    <mergeCell ref="E469:T469"/>
    <mergeCell ref="V469:Z469"/>
    <mergeCell ref="AA469:AC469"/>
    <mergeCell ref="AF469:AG469"/>
    <mergeCell ref="AH469:AJ469"/>
    <mergeCell ref="C474:D474"/>
    <mergeCell ref="E474:T474"/>
    <mergeCell ref="V474:Z474"/>
    <mergeCell ref="AA474:AC474"/>
    <mergeCell ref="AF474:AG474"/>
    <mergeCell ref="AH474:AJ474"/>
    <mergeCell ref="C473:D473"/>
    <mergeCell ref="E473:T473"/>
    <mergeCell ref="V473:Z473"/>
    <mergeCell ref="AA473:AC473"/>
    <mergeCell ref="AF473:AG473"/>
    <mergeCell ref="AH473:AJ473"/>
    <mergeCell ref="C472:D472"/>
    <mergeCell ref="E472:T472"/>
    <mergeCell ref="V472:Z472"/>
    <mergeCell ref="AA472:AC472"/>
    <mergeCell ref="AF472:AG472"/>
    <mergeCell ref="AH472:AJ472"/>
    <mergeCell ref="C480:D480"/>
    <mergeCell ref="E480:T480"/>
    <mergeCell ref="V480:Z480"/>
    <mergeCell ref="AA480:AC480"/>
    <mergeCell ref="AF480:AG480"/>
    <mergeCell ref="AH480:AJ480"/>
    <mergeCell ref="AD477:AE478"/>
    <mergeCell ref="AF477:AG478"/>
    <mergeCell ref="AH477:AJ478"/>
    <mergeCell ref="AK477:AK478"/>
    <mergeCell ref="C479:D479"/>
    <mergeCell ref="E479:T479"/>
    <mergeCell ref="V479:Z479"/>
    <mergeCell ref="AA479:AC479"/>
    <mergeCell ref="AF479:AG479"/>
    <mergeCell ref="AH479:AJ479"/>
    <mergeCell ref="AA475:AC475"/>
    <mergeCell ref="AA476:AC476"/>
    <mergeCell ref="C477:D478"/>
    <mergeCell ref="E477:T478"/>
    <mergeCell ref="V477:Z478"/>
    <mergeCell ref="AA477:AC478"/>
    <mergeCell ref="C483:D483"/>
    <mergeCell ref="E483:T483"/>
    <mergeCell ref="V483:Z483"/>
    <mergeCell ref="AA483:AC483"/>
    <mergeCell ref="AF483:AG483"/>
    <mergeCell ref="AH483:AJ483"/>
    <mergeCell ref="C482:D482"/>
    <mergeCell ref="E482:T482"/>
    <mergeCell ref="V482:Z482"/>
    <mergeCell ref="AA482:AC482"/>
    <mergeCell ref="AF482:AG482"/>
    <mergeCell ref="AH482:AJ482"/>
    <mergeCell ref="C481:D481"/>
    <mergeCell ref="E481:T481"/>
    <mergeCell ref="V481:Z481"/>
    <mergeCell ref="AA481:AC481"/>
    <mergeCell ref="AF481:AG481"/>
    <mergeCell ref="AH481:AJ481"/>
    <mergeCell ref="C486:D486"/>
    <mergeCell ref="E486:T486"/>
    <mergeCell ref="V486:Z486"/>
    <mergeCell ref="AA486:AC486"/>
    <mergeCell ref="AF486:AG486"/>
    <mergeCell ref="AH486:AJ486"/>
    <mergeCell ref="C485:D485"/>
    <mergeCell ref="E485:T485"/>
    <mergeCell ref="V485:Z485"/>
    <mergeCell ref="AA485:AC485"/>
    <mergeCell ref="AF485:AG485"/>
    <mergeCell ref="AH485:AJ485"/>
    <mergeCell ref="C484:D484"/>
    <mergeCell ref="E484:T484"/>
    <mergeCell ref="V484:Z484"/>
    <mergeCell ref="AA484:AC484"/>
    <mergeCell ref="AF484:AG484"/>
    <mergeCell ref="AH484:AJ484"/>
    <mergeCell ref="C489:D489"/>
    <mergeCell ref="E489:T489"/>
    <mergeCell ref="V489:Z489"/>
    <mergeCell ref="AA489:AC489"/>
    <mergeCell ref="AF489:AG489"/>
    <mergeCell ref="AH489:AJ489"/>
    <mergeCell ref="C488:D488"/>
    <mergeCell ref="E488:T488"/>
    <mergeCell ref="V488:Z488"/>
    <mergeCell ref="AA488:AC488"/>
    <mergeCell ref="AF488:AG488"/>
    <mergeCell ref="AH488:AJ488"/>
    <mergeCell ref="C487:D487"/>
    <mergeCell ref="E487:T487"/>
    <mergeCell ref="V487:Z487"/>
    <mergeCell ref="AA487:AC487"/>
    <mergeCell ref="AF487:AG487"/>
    <mergeCell ref="AH487:AJ487"/>
    <mergeCell ref="C492:D492"/>
    <mergeCell ref="E492:T492"/>
    <mergeCell ref="V492:Z492"/>
    <mergeCell ref="AA492:AC492"/>
    <mergeCell ref="AF492:AG492"/>
    <mergeCell ref="AH492:AJ492"/>
    <mergeCell ref="C491:D491"/>
    <mergeCell ref="E491:T491"/>
    <mergeCell ref="V491:Z491"/>
    <mergeCell ref="AA491:AC491"/>
    <mergeCell ref="AF491:AG491"/>
    <mergeCell ref="AH491:AJ491"/>
    <mergeCell ref="C490:D490"/>
    <mergeCell ref="E490:T490"/>
    <mergeCell ref="V490:Z490"/>
    <mergeCell ref="AA490:AC490"/>
    <mergeCell ref="AF490:AG490"/>
    <mergeCell ref="AH490:AJ490"/>
    <mergeCell ref="C495:D495"/>
    <mergeCell ref="E495:T495"/>
    <mergeCell ref="V495:Z495"/>
    <mergeCell ref="AA495:AC495"/>
    <mergeCell ref="AF495:AG495"/>
    <mergeCell ref="AH495:AJ495"/>
    <mergeCell ref="C494:D494"/>
    <mergeCell ref="E494:T494"/>
    <mergeCell ref="V494:Z494"/>
    <mergeCell ref="AA494:AC494"/>
    <mergeCell ref="AF494:AG494"/>
    <mergeCell ref="AH494:AJ494"/>
    <mergeCell ref="C493:D493"/>
    <mergeCell ref="E493:T493"/>
    <mergeCell ref="V493:Z493"/>
    <mergeCell ref="AA493:AC493"/>
    <mergeCell ref="AF493:AG493"/>
    <mergeCell ref="AH493:AJ493"/>
    <mergeCell ref="C498:D498"/>
    <mergeCell ref="E498:T498"/>
    <mergeCell ref="V498:Z498"/>
    <mergeCell ref="AA498:AC498"/>
    <mergeCell ref="AF498:AG498"/>
    <mergeCell ref="AH498:AJ498"/>
    <mergeCell ref="C497:D497"/>
    <mergeCell ref="E497:T497"/>
    <mergeCell ref="V497:Z497"/>
    <mergeCell ref="AA497:AC497"/>
    <mergeCell ref="AF497:AG497"/>
    <mergeCell ref="AH497:AJ497"/>
    <mergeCell ref="C496:D496"/>
    <mergeCell ref="E496:T496"/>
    <mergeCell ref="V496:Z496"/>
    <mergeCell ref="AA496:AC496"/>
    <mergeCell ref="AF496:AG496"/>
    <mergeCell ref="AH496:AJ496"/>
    <mergeCell ref="C504:D504"/>
    <mergeCell ref="E504:T504"/>
    <mergeCell ref="V504:Z504"/>
    <mergeCell ref="AA504:AC504"/>
    <mergeCell ref="AF504:AG504"/>
    <mergeCell ref="AH504:AJ504"/>
    <mergeCell ref="AD501:AE502"/>
    <mergeCell ref="AF501:AG502"/>
    <mergeCell ref="AH501:AJ502"/>
    <mergeCell ref="AK501:AK502"/>
    <mergeCell ref="C503:D503"/>
    <mergeCell ref="E503:T503"/>
    <mergeCell ref="V503:Z503"/>
    <mergeCell ref="AA503:AC503"/>
    <mergeCell ref="AF503:AG503"/>
    <mergeCell ref="AH503:AJ503"/>
    <mergeCell ref="AA499:AC499"/>
    <mergeCell ref="AA500:AC500"/>
    <mergeCell ref="C501:D502"/>
    <mergeCell ref="E501:T502"/>
    <mergeCell ref="V501:Z502"/>
    <mergeCell ref="AA501:AC502"/>
    <mergeCell ref="C507:D507"/>
    <mergeCell ref="E507:T507"/>
    <mergeCell ref="V507:Z507"/>
    <mergeCell ref="AA507:AC507"/>
    <mergeCell ref="AF507:AG507"/>
    <mergeCell ref="AH507:AJ507"/>
    <mergeCell ref="C506:D506"/>
    <mergeCell ref="E506:T506"/>
    <mergeCell ref="V506:Z506"/>
    <mergeCell ref="AA506:AC506"/>
    <mergeCell ref="AF506:AG506"/>
    <mergeCell ref="AH506:AJ506"/>
    <mergeCell ref="C505:D505"/>
    <mergeCell ref="E505:T505"/>
    <mergeCell ref="V505:Z505"/>
    <mergeCell ref="AA505:AC505"/>
    <mergeCell ref="AF505:AG505"/>
    <mergeCell ref="AH505:AJ505"/>
    <mergeCell ref="C510:D510"/>
    <mergeCell ref="E510:T510"/>
    <mergeCell ref="V510:Z510"/>
    <mergeCell ref="AA510:AC510"/>
    <mergeCell ref="AF510:AG510"/>
    <mergeCell ref="AH510:AJ510"/>
    <mergeCell ref="C509:D509"/>
    <mergeCell ref="E509:T509"/>
    <mergeCell ref="V509:Z509"/>
    <mergeCell ref="AA509:AC509"/>
    <mergeCell ref="AF509:AG509"/>
    <mergeCell ref="AH509:AJ509"/>
    <mergeCell ref="C508:D508"/>
    <mergeCell ref="E508:T508"/>
    <mergeCell ref="V508:Z508"/>
    <mergeCell ref="AA508:AC508"/>
    <mergeCell ref="AF508:AG508"/>
    <mergeCell ref="AH508:AJ508"/>
    <mergeCell ref="C513:D513"/>
    <mergeCell ref="E513:T513"/>
    <mergeCell ref="V513:Z513"/>
    <mergeCell ref="AA513:AC513"/>
    <mergeCell ref="AF513:AG513"/>
    <mergeCell ref="AH513:AJ513"/>
    <mergeCell ref="C512:D512"/>
    <mergeCell ref="E512:T512"/>
    <mergeCell ref="V512:Z512"/>
    <mergeCell ref="AA512:AC512"/>
    <mergeCell ref="AF512:AG512"/>
    <mergeCell ref="AH512:AJ512"/>
    <mergeCell ref="C511:D511"/>
    <mergeCell ref="E511:T511"/>
    <mergeCell ref="V511:Z511"/>
    <mergeCell ref="AA511:AC511"/>
    <mergeCell ref="AF511:AG511"/>
    <mergeCell ref="AH511:AJ511"/>
    <mergeCell ref="C516:D516"/>
    <mergeCell ref="E516:T516"/>
    <mergeCell ref="V516:Z516"/>
    <mergeCell ref="AA516:AC516"/>
    <mergeCell ref="AF516:AG516"/>
    <mergeCell ref="AH516:AJ516"/>
    <mergeCell ref="C515:D515"/>
    <mergeCell ref="E515:T515"/>
    <mergeCell ref="V515:Z515"/>
    <mergeCell ref="AA515:AC515"/>
    <mergeCell ref="AF515:AG515"/>
    <mergeCell ref="AH515:AJ515"/>
    <mergeCell ref="C514:D514"/>
    <mergeCell ref="E514:T514"/>
    <mergeCell ref="V514:Z514"/>
    <mergeCell ref="AA514:AC514"/>
    <mergeCell ref="AF514:AG514"/>
    <mergeCell ref="AH514:AJ514"/>
    <mergeCell ref="C519:D519"/>
    <mergeCell ref="E519:T519"/>
    <mergeCell ref="V519:Z519"/>
    <mergeCell ref="AA519:AC519"/>
    <mergeCell ref="AF519:AG519"/>
    <mergeCell ref="AH519:AJ519"/>
    <mergeCell ref="C518:D518"/>
    <mergeCell ref="E518:T518"/>
    <mergeCell ref="V518:Z518"/>
    <mergeCell ref="AA518:AC518"/>
    <mergeCell ref="AF518:AG518"/>
    <mergeCell ref="AH518:AJ518"/>
    <mergeCell ref="C517:D517"/>
    <mergeCell ref="E517:T517"/>
    <mergeCell ref="V517:Z517"/>
    <mergeCell ref="AA517:AC517"/>
    <mergeCell ref="AF517:AG517"/>
    <mergeCell ref="AH517:AJ517"/>
    <mergeCell ref="C522:D522"/>
    <mergeCell ref="E522:T522"/>
    <mergeCell ref="V522:Z522"/>
    <mergeCell ref="AA522:AC522"/>
    <mergeCell ref="AF522:AG522"/>
    <mergeCell ref="AH522:AJ522"/>
    <mergeCell ref="C521:D521"/>
    <mergeCell ref="E521:T521"/>
    <mergeCell ref="V521:Z521"/>
    <mergeCell ref="AA521:AC521"/>
    <mergeCell ref="AF521:AG521"/>
    <mergeCell ref="AH521:AJ521"/>
    <mergeCell ref="C520:D520"/>
    <mergeCell ref="E520:T520"/>
    <mergeCell ref="V520:Z520"/>
    <mergeCell ref="AA520:AC520"/>
    <mergeCell ref="AF520:AG520"/>
    <mergeCell ref="AH520:AJ520"/>
    <mergeCell ref="C525:D525"/>
    <mergeCell ref="E525:T525"/>
    <mergeCell ref="V525:Z525"/>
    <mergeCell ref="AA525:AC525"/>
    <mergeCell ref="AF525:AG525"/>
    <mergeCell ref="AH525:AJ525"/>
    <mergeCell ref="C524:D524"/>
    <mergeCell ref="E524:T524"/>
    <mergeCell ref="V524:Z524"/>
    <mergeCell ref="AA524:AC524"/>
    <mergeCell ref="AF524:AG524"/>
    <mergeCell ref="AH524:AJ524"/>
    <mergeCell ref="C523:D523"/>
    <mergeCell ref="E523:T523"/>
    <mergeCell ref="V523:Z523"/>
    <mergeCell ref="AA523:AC523"/>
    <mergeCell ref="AF523:AG523"/>
    <mergeCell ref="AH523:AJ523"/>
    <mergeCell ref="C528:D528"/>
    <mergeCell ref="E528:T528"/>
    <mergeCell ref="V528:Z528"/>
    <mergeCell ref="AA528:AC528"/>
    <mergeCell ref="AF528:AG528"/>
    <mergeCell ref="AH528:AJ528"/>
    <mergeCell ref="C527:D527"/>
    <mergeCell ref="E527:T527"/>
    <mergeCell ref="V527:Z527"/>
    <mergeCell ref="AA527:AC527"/>
    <mergeCell ref="AF527:AG527"/>
    <mergeCell ref="AH527:AJ527"/>
    <mergeCell ref="C526:D526"/>
    <mergeCell ref="E526:T526"/>
    <mergeCell ref="V526:Z526"/>
    <mergeCell ref="AA526:AC526"/>
    <mergeCell ref="AF526:AG526"/>
    <mergeCell ref="AH526:AJ526"/>
    <mergeCell ref="C531:D531"/>
    <mergeCell ref="E531:T531"/>
    <mergeCell ref="V531:Z531"/>
    <mergeCell ref="AA531:AC531"/>
    <mergeCell ref="AF531:AG531"/>
    <mergeCell ref="AH531:AJ531"/>
    <mergeCell ref="C530:D530"/>
    <mergeCell ref="E530:T530"/>
    <mergeCell ref="V530:Z530"/>
    <mergeCell ref="AA530:AC530"/>
    <mergeCell ref="AF530:AG530"/>
    <mergeCell ref="AH530:AJ530"/>
    <mergeCell ref="C529:D529"/>
    <mergeCell ref="E529:T529"/>
    <mergeCell ref="V529:Z529"/>
    <mergeCell ref="AA529:AC529"/>
    <mergeCell ref="AF529:AG529"/>
    <mergeCell ref="AH529:AJ529"/>
    <mergeCell ref="C534:D534"/>
    <mergeCell ref="E534:T534"/>
    <mergeCell ref="V534:Z534"/>
    <mergeCell ref="AA534:AC534"/>
    <mergeCell ref="AF534:AG534"/>
    <mergeCell ref="AH534:AJ534"/>
    <mergeCell ref="C533:D533"/>
    <mergeCell ref="E533:T533"/>
    <mergeCell ref="V533:Z533"/>
    <mergeCell ref="AA533:AC533"/>
    <mergeCell ref="AF533:AG533"/>
    <mergeCell ref="AH533:AJ533"/>
    <mergeCell ref="C532:D532"/>
    <mergeCell ref="E532:T532"/>
    <mergeCell ref="V532:Z532"/>
    <mergeCell ref="AA532:AC532"/>
    <mergeCell ref="AF532:AG532"/>
    <mergeCell ref="AH532:AJ532"/>
    <mergeCell ref="C537:D537"/>
    <mergeCell ref="E537:T537"/>
    <mergeCell ref="V537:Z537"/>
    <mergeCell ref="AA537:AC537"/>
    <mergeCell ref="AF537:AG537"/>
    <mergeCell ref="AH537:AJ537"/>
    <mergeCell ref="C536:D536"/>
    <mergeCell ref="E536:T536"/>
    <mergeCell ref="V536:Z536"/>
    <mergeCell ref="AA536:AC536"/>
    <mergeCell ref="AF536:AG536"/>
    <mergeCell ref="AH536:AJ536"/>
    <mergeCell ref="C535:D535"/>
    <mergeCell ref="E535:T535"/>
    <mergeCell ref="V535:Z535"/>
    <mergeCell ref="AA535:AC535"/>
    <mergeCell ref="AF535:AG535"/>
    <mergeCell ref="AH535:AJ535"/>
    <mergeCell ref="C540:D540"/>
    <mergeCell ref="E540:T540"/>
    <mergeCell ref="V540:Z540"/>
    <mergeCell ref="AA540:AC540"/>
    <mergeCell ref="AF540:AG540"/>
    <mergeCell ref="AH540:AJ540"/>
    <mergeCell ref="C539:D539"/>
    <mergeCell ref="E539:T539"/>
    <mergeCell ref="V539:Z539"/>
    <mergeCell ref="AA539:AC539"/>
    <mergeCell ref="AF539:AG539"/>
    <mergeCell ref="AH539:AJ539"/>
    <mergeCell ref="C538:D538"/>
    <mergeCell ref="E538:T538"/>
    <mergeCell ref="V538:Z538"/>
    <mergeCell ref="AA538:AC538"/>
    <mergeCell ref="AF538:AG538"/>
    <mergeCell ref="AH538:AJ538"/>
    <mergeCell ref="C546:D546"/>
    <mergeCell ref="E546:T546"/>
    <mergeCell ref="V546:Z546"/>
    <mergeCell ref="AA546:AC546"/>
    <mergeCell ref="AF546:AG546"/>
    <mergeCell ref="AH546:AJ546"/>
    <mergeCell ref="AD543:AE544"/>
    <mergeCell ref="AF543:AG544"/>
    <mergeCell ref="AH543:AJ544"/>
    <mergeCell ref="AK543:AK544"/>
    <mergeCell ref="C545:D545"/>
    <mergeCell ref="E545:T545"/>
    <mergeCell ref="V545:Z545"/>
    <mergeCell ref="AA545:AC545"/>
    <mergeCell ref="AF545:AG545"/>
    <mergeCell ref="AH545:AJ545"/>
    <mergeCell ref="AA541:AC541"/>
    <mergeCell ref="AA542:AC542"/>
    <mergeCell ref="C543:D544"/>
    <mergeCell ref="E543:T544"/>
    <mergeCell ref="V543:Z544"/>
    <mergeCell ref="AA543:AC544"/>
    <mergeCell ref="C549:D549"/>
    <mergeCell ref="E549:T549"/>
    <mergeCell ref="V549:Z549"/>
    <mergeCell ref="AA549:AC549"/>
    <mergeCell ref="AF549:AG549"/>
    <mergeCell ref="AH549:AJ549"/>
    <mergeCell ref="C548:D548"/>
    <mergeCell ref="E548:T548"/>
    <mergeCell ref="V548:Z548"/>
    <mergeCell ref="AA548:AC548"/>
    <mergeCell ref="AF548:AG548"/>
    <mergeCell ref="AH548:AJ548"/>
    <mergeCell ref="C547:D547"/>
    <mergeCell ref="E547:T547"/>
    <mergeCell ref="V547:Z547"/>
    <mergeCell ref="AA547:AC547"/>
    <mergeCell ref="AF547:AG547"/>
    <mergeCell ref="AH547:AJ547"/>
    <mergeCell ref="C552:D552"/>
    <mergeCell ref="E552:T552"/>
    <mergeCell ref="V552:Z552"/>
    <mergeCell ref="AA552:AC552"/>
    <mergeCell ref="AF552:AG552"/>
    <mergeCell ref="AH552:AJ552"/>
    <mergeCell ref="C551:D551"/>
    <mergeCell ref="E551:T551"/>
    <mergeCell ref="V551:Z551"/>
    <mergeCell ref="AA551:AC551"/>
    <mergeCell ref="AF551:AG551"/>
    <mergeCell ref="AH551:AJ551"/>
    <mergeCell ref="C550:D550"/>
    <mergeCell ref="E550:T550"/>
    <mergeCell ref="V550:Z550"/>
    <mergeCell ref="AA550:AC550"/>
    <mergeCell ref="AF550:AG550"/>
    <mergeCell ref="AH550:AJ550"/>
    <mergeCell ref="AD556:AE557"/>
    <mergeCell ref="AF556:AG557"/>
    <mergeCell ref="AH556:AJ557"/>
    <mergeCell ref="AK556:AK557"/>
    <mergeCell ref="C558:D558"/>
    <mergeCell ref="E558:T558"/>
    <mergeCell ref="V558:Z558"/>
    <mergeCell ref="AA558:AC558"/>
    <mergeCell ref="AF558:AG558"/>
    <mergeCell ref="AH558:AJ558"/>
    <mergeCell ref="AA554:AC554"/>
    <mergeCell ref="AA555:AC555"/>
    <mergeCell ref="C556:D557"/>
    <mergeCell ref="E556:T557"/>
    <mergeCell ref="V556:Z557"/>
    <mergeCell ref="AA556:AC557"/>
    <mergeCell ref="C553:D553"/>
    <mergeCell ref="E553:T553"/>
    <mergeCell ref="V553:Z553"/>
    <mergeCell ref="AA553:AC553"/>
    <mergeCell ref="AF553:AG553"/>
    <mergeCell ref="AH553:AJ553"/>
    <mergeCell ref="C561:D561"/>
    <mergeCell ref="E561:T561"/>
    <mergeCell ref="V561:Z561"/>
    <mergeCell ref="AA561:AC561"/>
    <mergeCell ref="AF561:AG561"/>
    <mergeCell ref="AH561:AJ561"/>
    <mergeCell ref="C560:D560"/>
    <mergeCell ref="E560:T560"/>
    <mergeCell ref="V560:Z560"/>
    <mergeCell ref="AA560:AC560"/>
    <mergeCell ref="AF560:AG560"/>
    <mergeCell ref="AH560:AJ560"/>
    <mergeCell ref="C559:D559"/>
    <mergeCell ref="E559:T559"/>
    <mergeCell ref="V559:Z559"/>
    <mergeCell ref="AA559:AC559"/>
    <mergeCell ref="AF559:AG559"/>
    <mergeCell ref="AH559:AJ559"/>
    <mergeCell ref="C564:D564"/>
    <mergeCell ref="E564:T564"/>
    <mergeCell ref="V564:Z564"/>
    <mergeCell ref="AA564:AC564"/>
    <mergeCell ref="AF564:AG564"/>
    <mergeCell ref="AH564:AJ564"/>
    <mergeCell ref="C563:D563"/>
    <mergeCell ref="E563:T563"/>
    <mergeCell ref="V563:Z563"/>
    <mergeCell ref="AA563:AC563"/>
    <mergeCell ref="AF563:AG563"/>
    <mergeCell ref="AH563:AJ563"/>
    <mergeCell ref="C562:D562"/>
    <mergeCell ref="E562:T562"/>
    <mergeCell ref="V562:Z562"/>
    <mergeCell ref="AA562:AC562"/>
    <mergeCell ref="AF562:AG562"/>
    <mergeCell ref="AH562:AJ562"/>
    <mergeCell ref="C567:D567"/>
    <mergeCell ref="E567:T567"/>
    <mergeCell ref="V567:Z567"/>
    <mergeCell ref="AA567:AC567"/>
    <mergeCell ref="AF567:AG567"/>
    <mergeCell ref="AH567:AJ567"/>
    <mergeCell ref="C566:D566"/>
    <mergeCell ref="E566:T566"/>
    <mergeCell ref="V566:Z566"/>
    <mergeCell ref="AA566:AC566"/>
    <mergeCell ref="AF566:AG566"/>
    <mergeCell ref="AH566:AJ566"/>
    <mergeCell ref="C565:D565"/>
    <mergeCell ref="E565:T565"/>
    <mergeCell ref="V565:Z565"/>
    <mergeCell ref="AA565:AC565"/>
    <mergeCell ref="AF565:AG565"/>
    <mergeCell ref="AH565:AJ565"/>
    <mergeCell ref="C573:D573"/>
    <mergeCell ref="E573:T573"/>
    <mergeCell ref="V573:Z573"/>
    <mergeCell ref="AA573:AC573"/>
    <mergeCell ref="AF573:AG573"/>
    <mergeCell ref="AH573:AJ573"/>
    <mergeCell ref="AD570:AE571"/>
    <mergeCell ref="AF570:AG571"/>
    <mergeCell ref="AH570:AJ571"/>
    <mergeCell ref="AK570:AK571"/>
    <mergeCell ref="C572:D572"/>
    <mergeCell ref="E572:T572"/>
    <mergeCell ref="V572:Z572"/>
    <mergeCell ref="AA572:AC572"/>
    <mergeCell ref="AF572:AG572"/>
    <mergeCell ref="AH572:AJ572"/>
    <mergeCell ref="AA568:AC568"/>
    <mergeCell ref="AA569:AC569"/>
    <mergeCell ref="C570:D571"/>
    <mergeCell ref="E570:T571"/>
    <mergeCell ref="V570:Z571"/>
    <mergeCell ref="AA570:AC571"/>
    <mergeCell ref="C576:D576"/>
    <mergeCell ref="E576:T576"/>
    <mergeCell ref="V576:Z576"/>
    <mergeCell ref="AA576:AC576"/>
    <mergeCell ref="AF576:AG576"/>
    <mergeCell ref="AH576:AJ576"/>
    <mergeCell ref="C575:D575"/>
    <mergeCell ref="E575:T575"/>
    <mergeCell ref="V575:Z575"/>
    <mergeCell ref="AA575:AC575"/>
    <mergeCell ref="AF575:AG575"/>
    <mergeCell ref="AH575:AJ575"/>
    <mergeCell ref="C574:D574"/>
    <mergeCell ref="E574:T574"/>
    <mergeCell ref="V574:Z574"/>
    <mergeCell ref="AA574:AC574"/>
    <mergeCell ref="AF574:AG574"/>
    <mergeCell ref="AH574:AJ574"/>
    <mergeCell ref="C579:D579"/>
    <mergeCell ref="E579:T579"/>
    <mergeCell ref="V579:Z579"/>
    <mergeCell ref="AA579:AC579"/>
    <mergeCell ref="AF579:AG579"/>
    <mergeCell ref="AH579:AJ579"/>
    <mergeCell ref="C578:D578"/>
    <mergeCell ref="E578:T578"/>
    <mergeCell ref="V578:Z578"/>
    <mergeCell ref="AA578:AC578"/>
    <mergeCell ref="AF578:AG578"/>
    <mergeCell ref="AH578:AJ578"/>
    <mergeCell ref="C577:D577"/>
    <mergeCell ref="E577:T577"/>
    <mergeCell ref="V577:Z577"/>
    <mergeCell ref="AA577:AC577"/>
    <mergeCell ref="AF577:AG577"/>
    <mergeCell ref="AH577:AJ577"/>
    <mergeCell ref="C582:D582"/>
    <mergeCell ref="E582:T582"/>
    <mergeCell ref="V582:Z582"/>
    <mergeCell ref="AA582:AC582"/>
    <mergeCell ref="AF582:AG582"/>
    <mergeCell ref="AH582:AJ582"/>
    <mergeCell ref="C581:D581"/>
    <mergeCell ref="E581:T581"/>
    <mergeCell ref="V581:Z581"/>
    <mergeCell ref="AA581:AC581"/>
    <mergeCell ref="AF581:AG581"/>
    <mergeCell ref="AH581:AJ581"/>
    <mergeCell ref="C580:D580"/>
    <mergeCell ref="E580:T580"/>
    <mergeCell ref="V580:Z580"/>
    <mergeCell ref="AA580:AC580"/>
    <mergeCell ref="AF580:AG580"/>
    <mergeCell ref="AH580:AJ580"/>
    <mergeCell ref="C585:D585"/>
    <mergeCell ref="E585:T585"/>
    <mergeCell ref="V585:Z585"/>
    <mergeCell ref="AA585:AC585"/>
    <mergeCell ref="AF585:AG585"/>
    <mergeCell ref="AH585:AJ585"/>
    <mergeCell ref="C584:D584"/>
    <mergeCell ref="E584:T584"/>
    <mergeCell ref="V584:Z584"/>
    <mergeCell ref="AA584:AC584"/>
    <mergeCell ref="AF584:AG584"/>
    <mergeCell ref="AH584:AJ584"/>
    <mergeCell ref="C583:D583"/>
    <mergeCell ref="E583:T583"/>
    <mergeCell ref="V583:Z583"/>
    <mergeCell ref="AA583:AC583"/>
    <mergeCell ref="AF583:AG583"/>
    <mergeCell ref="AH583:AJ583"/>
    <mergeCell ref="C588:D588"/>
    <mergeCell ref="E588:T588"/>
    <mergeCell ref="V588:Z588"/>
    <mergeCell ref="AA588:AC588"/>
    <mergeCell ref="AF588:AG588"/>
    <mergeCell ref="AH588:AJ588"/>
    <mergeCell ref="C587:D587"/>
    <mergeCell ref="E587:T587"/>
    <mergeCell ref="V587:Z587"/>
    <mergeCell ref="AA587:AC587"/>
    <mergeCell ref="AF587:AG587"/>
    <mergeCell ref="AH587:AJ587"/>
    <mergeCell ref="C586:D586"/>
    <mergeCell ref="E586:T586"/>
    <mergeCell ref="V586:Z586"/>
    <mergeCell ref="AA586:AC586"/>
    <mergeCell ref="AF586:AG586"/>
    <mergeCell ref="AH586:AJ586"/>
    <mergeCell ref="C591:D591"/>
    <mergeCell ref="E591:T591"/>
    <mergeCell ref="V591:Z591"/>
    <mergeCell ref="AA591:AC591"/>
    <mergeCell ref="AF591:AG591"/>
    <mergeCell ref="AH591:AJ591"/>
    <mergeCell ref="C590:D590"/>
    <mergeCell ref="E590:T590"/>
    <mergeCell ref="V590:Z590"/>
    <mergeCell ref="AA590:AC590"/>
    <mergeCell ref="AF590:AG590"/>
    <mergeCell ref="AH590:AJ590"/>
    <mergeCell ref="C589:D589"/>
    <mergeCell ref="E589:T589"/>
    <mergeCell ref="V589:Z589"/>
    <mergeCell ref="AA589:AC589"/>
    <mergeCell ref="AF589:AG589"/>
    <mergeCell ref="AH589:AJ589"/>
    <mergeCell ref="C594:D594"/>
    <mergeCell ref="E594:T594"/>
    <mergeCell ref="V594:Z594"/>
    <mergeCell ref="AA594:AC594"/>
    <mergeCell ref="AF594:AG594"/>
    <mergeCell ref="AH594:AJ594"/>
    <mergeCell ref="C593:D593"/>
    <mergeCell ref="E593:T593"/>
    <mergeCell ref="V593:Z593"/>
    <mergeCell ref="AA593:AC593"/>
    <mergeCell ref="AF593:AG593"/>
    <mergeCell ref="AH593:AJ593"/>
    <mergeCell ref="C592:D592"/>
    <mergeCell ref="E592:T592"/>
    <mergeCell ref="V592:Z592"/>
    <mergeCell ref="AA592:AC592"/>
    <mergeCell ref="AF592:AG592"/>
    <mergeCell ref="AH592:AJ592"/>
    <mergeCell ref="C597:D597"/>
    <mergeCell ref="E597:T597"/>
    <mergeCell ref="V597:Z597"/>
    <mergeCell ref="AA597:AC597"/>
    <mergeCell ref="AF597:AG597"/>
    <mergeCell ref="AH597:AJ597"/>
    <mergeCell ref="C596:D596"/>
    <mergeCell ref="E596:T596"/>
    <mergeCell ref="V596:Z596"/>
    <mergeCell ref="AA596:AC596"/>
    <mergeCell ref="AF596:AG596"/>
    <mergeCell ref="AH596:AJ596"/>
    <mergeCell ref="C595:D595"/>
    <mergeCell ref="E595:T595"/>
    <mergeCell ref="V595:Z595"/>
    <mergeCell ref="AA595:AC595"/>
    <mergeCell ref="AF595:AG595"/>
    <mergeCell ref="AH595:AJ595"/>
    <mergeCell ref="C600:D600"/>
    <mergeCell ref="E600:T600"/>
    <mergeCell ref="V600:Z600"/>
    <mergeCell ref="AA600:AC600"/>
    <mergeCell ref="AF600:AG600"/>
    <mergeCell ref="AH600:AJ600"/>
    <mergeCell ref="C599:D599"/>
    <mergeCell ref="E599:T599"/>
    <mergeCell ref="V599:Z599"/>
    <mergeCell ref="AA599:AC599"/>
    <mergeCell ref="AF599:AG599"/>
    <mergeCell ref="AH599:AJ599"/>
    <mergeCell ref="C598:D598"/>
    <mergeCell ref="E598:T598"/>
    <mergeCell ref="V598:Z598"/>
    <mergeCell ref="AA598:AC598"/>
    <mergeCell ref="AF598:AG598"/>
    <mergeCell ref="AH598:AJ598"/>
    <mergeCell ref="C603:D603"/>
    <mergeCell ref="E603:T603"/>
    <mergeCell ref="V603:Z603"/>
    <mergeCell ref="AA603:AC603"/>
    <mergeCell ref="AF603:AG603"/>
    <mergeCell ref="AH603:AJ603"/>
    <mergeCell ref="C602:D602"/>
    <mergeCell ref="E602:T602"/>
    <mergeCell ref="V602:Z602"/>
    <mergeCell ref="AA602:AC602"/>
    <mergeCell ref="AF602:AG602"/>
    <mergeCell ref="AH602:AJ602"/>
    <mergeCell ref="C601:D601"/>
    <mergeCell ref="E601:T601"/>
    <mergeCell ref="V601:Z601"/>
    <mergeCell ref="AA601:AC601"/>
    <mergeCell ref="AF601:AG601"/>
    <mergeCell ref="AH601:AJ601"/>
    <mergeCell ref="C606:D606"/>
    <mergeCell ref="E606:T606"/>
    <mergeCell ref="V606:Z606"/>
    <mergeCell ref="AA606:AC606"/>
    <mergeCell ref="AF606:AG606"/>
    <mergeCell ref="AH606:AJ606"/>
    <mergeCell ref="C605:D605"/>
    <mergeCell ref="E605:T605"/>
    <mergeCell ref="V605:Z605"/>
    <mergeCell ref="AA605:AC605"/>
    <mergeCell ref="AF605:AG605"/>
    <mergeCell ref="AH605:AJ605"/>
    <mergeCell ref="C604:D604"/>
    <mergeCell ref="E604:T604"/>
    <mergeCell ref="V604:Z604"/>
    <mergeCell ref="AA604:AC604"/>
    <mergeCell ref="AF604:AG604"/>
    <mergeCell ref="AH604:AJ604"/>
    <mergeCell ref="C609:D609"/>
    <mergeCell ref="E609:T609"/>
    <mergeCell ref="V609:Z609"/>
    <mergeCell ref="AA609:AC609"/>
    <mergeCell ref="AF609:AG609"/>
    <mergeCell ref="AH609:AJ609"/>
    <mergeCell ref="C608:D608"/>
    <mergeCell ref="E608:T608"/>
    <mergeCell ref="V608:Z608"/>
    <mergeCell ref="AA608:AC608"/>
    <mergeCell ref="AF608:AG608"/>
    <mergeCell ref="AH608:AJ608"/>
    <mergeCell ref="C607:D607"/>
    <mergeCell ref="E607:T607"/>
    <mergeCell ref="V607:Z607"/>
    <mergeCell ref="AA607:AC607"/>
    <mergeCell ref="AF607:AG607"/>
    <mergeCell ref="AH607:AJ607"/>
    <mergeCell ref="AD613:AE614"/>
    <mergeCell ref="AF613:AG614"/>
    <mergeCell ref="AH613:AJ614"/>
    <mergeCell ref="AK613:AK614"/>
    <mergeCell ref="C615:D615"/>
    <mergeCell ref="E615:T615"/>
    <mergeCell ref="V615:Z615"/>
    <mergeCell ref="AA615:AC615"/>
    <mergeCell ref="AF615:AG615"/>
    <mergeCell ref="AH615:AJ615"/>
    <mergeCell ref="AA611:AC611"/>
    <mergeCell ref="AA612:AC612"/>
    <mergeCell ref="C613:D614"/>
    <mergeCell ref="E613:T614"/>
    <mergeCell ref="V613:Z614"/>
    <mergeCell ref="AA613:AC614"/>
    <mergeCell ref="C610:D610"/>
    <mergeCell ref="E610:T610"/>
    <mergeCell ref="V610:Z610"/>
    <mergeCell ref="AA610:AC610"/>
    <mergeCell ref="AF610:AG610"/>
    <mergeCell ref="AH610:AJ610"/>
    <mergeCell ref="C618:D618"/>
    <mergeCell ref="E618:T618"/>
    <mergeCell ref="V618:Z618"/>
    <mergeCell ref="AA618:AC618"/>
    <mergeCell ref="AF618:AG618"/>
    <mergeCell ref="AH618:AJ618"/>
    <mergeCell ref="C617:D617"/>
    <mergeCell ref="E617:T617"/>
    <mergeCell ref="V617:Z617"/>
    <mergeCell ref="AA617:AC617"/>
    <mergeCell ref="AF617:AG617"/>
    <mergeCell ref="AH617:AJ617"/>
    <mergeCell ref="C616:D616"/>
    <mergeCell ref="E616:T616"/>
    <mergeCell ref="V616:Z616"/>
    <mergeCell ref="AA616:AC616"/>
    <mergeCell ref="AF616:AG616"/>
    <mergeCell ref="AH616:AJ616"/>
    <mergeCell ref="C621:D621"/>
    <mergeCell ref="E621:T621"/>
    <mergeCell ref="V621:Z621"/>
    <mergeCell ref="AA621:AC621"/>
    <mergeCell ref="AF621:AG621"/>
    <mergeCell ref="AH621:AJ621"/>
    <mergeCell ref="C620:D620"/>
    <mergeCell ref="E620:T620"/>
    <mergeCell ref="V620:Z620"/>
    <mergeCell ref="AA620:AC620"/>
    <mergeCell ref="AF620:AG620"/>
    <mergeCell ref="AH620:AJ620"/>
    <mergeCell ref="C619:D619"/>
    <mergeCell ref="E619:T619"/>
    <mergeCell ref="V619:Z619"/>
    <mergeCell ref="AA619:AC619"/>
    <mergeCell ref="AF619:AG619"/>
    <mergeCell ref="AH619:AJ619"/>
    <mergeCell ref="C624:D624"/>
    <mergeCell ref="E624:T624"/>
    <mergeCell ref="V624:Z624"/>
    <mergeCell ref="AA624:AC624"/>
    <mergeCell ref="AF624:AG624"/>
    <mergeCell ref="AH624:AJ624"/>
    <mergeCell ref="C623:D623"/>
    <mergeCell ref="E623:T623"/>
    <mergeCell ref="V623:Z623"/>
    <mergeCell ref="AA623:AC623"/>
    <mergeCell ref="AF623:AG623"/>
    <mergeCell ref="AH623:AJ623"/>
    <mergeCell ref="C622:D622"/>
    <mergeCell ref="E622:T622"/>
    <mergeCell ref="V622:Z622"/>
    <mergeCell ref="AA622:AC622"/>
    <mergeCell ref="AF622:AG622"/>
    <mergeCell ref="AH622:AJ622"/>
    <mergeCell ref="C627:D627"/>
    <mergeCell ref="E627:T627"/>
    <mergeCell ref="V627:Z627"/>
    <mergeCell ref="AA627:AC627"/>
    <mergeCell ref="AF627:AG627"/>
    <mergeCell ref="AH627:AJ627"/>
    <mergeCell ref="C626:D626"/>
    <mergeCell ref="E626:T626"/>
    <mergeCell ref="V626:Z626"/>
    <mergeCell ref="AA626:AC626"/>
    <mergeCell ref="AF626:AG626"/>
    <mergeCell ref="AH626:AJ626"/>
    <mergeCell ref="C625:D625"/>
    <mergeCell ref="E625:T625"/>
    <mergeCell ref="V625:Z625"/>
    <mergeCell ref="AA625:AC625"/>
    <mergeCell ref="AF625:AG625"/>
    <mergeCell ref="AH625:AJ625"/>
    <mergeCell ref="C630:D630"/>
    <mergeCell ref="E630:T630"/>
    <mergeCell ref="V630:Z630"/>
    <mergeCell ref="AA630:AC630"/>
    <mergeCell ref="AF630:AG630"/>
    <mergeCell ref="AH630:AJ630"/>
    <mergeCell ref="C629:D629"/>
    <mergeCell ref="E629:T629"/>
    <mergeCell ref="V629:Z629"/>
    <mergeCell ref="AA629:AC629"/>
    <mergeCell ref="AF629:AG629"/>
    <mergeCell ref="AH629:AJ629"/>
    <mergeCell ref="C628:D628"/>
    <mergeCell ref="E628:T628"/>
    <mergeCell ref="V628:Z628"/>
    <mergeCell ref="AA628:AC628"/>
    <mergeCell ref="AF628:AG628"/>
    <mergeCell ref="AH628:AJ628"/>
    <mergeCell ref="C633:D633"/>
    <mergeCell ref="E633:T633"/>
    <mergeCell ref="V633:Z633"/>
    <mergeCell ref="AA633:AC633"/>
    <mergeCell ref="AF633:AG633"/>
    <mergeCell ref="AH633:AJ633"/>
    <mergeCell ref="C632:D632"/>
    <mergeCell ref="E632:T632"/>
    <mergeCell ref="V632:Z632"/>
    <mergeCell ref="AA632:AC632"/>
    <mergeCell ref="AF632:AG632"/>
    <mergeCell ref="AH632:AJ632"/>
    <mergeCell ref="C631:D631"/>
    <mergeCell ref="E631:T631"/>
    <mergeCell ref="V631:Z631"/>
    <mergeCell ref="AA631:AC631"/>
    <mergeCell ref="AF631:AG631"/>
    <mergeCell ref="AH631:AJ631"/>
    <mergeCell ref="C636:D636"/>
    <mergeCell ref="E636:T636"/>
    <mergeCell ref="V636:Z636"/>
    <mergeCell ref="AA636:AC636"/>
    <mergeCell ref="AF636:AG636"/>
    <mergeCell ref="AH636:AJ636"/>
    <mergeCell ref="C635:D635"/>
    <mergeCell ref="E635:T635"/>
    <mergeCell ref="V635:Z635"/>
    <mergeCell ref="AA635:AC635"/>
    <mergeCell ref="AF635:AG635"/>
    <mergeCell ref="AH635:AJ635"/>
    <mergeCell ref="C634:D634"/>
    <mergeCell ref="E634:T634"/>
    <mergeCell ref="V634:Z634"/>
    <mergeCell ref="AA634:AC634"/>
    <mergeCell ref="AF634:AG634"/>
    <mergeCell ref="AH634:AJ634"/>
    <mergeCell ref="C639:D639"/>
    <mergeCell ref="E639:T639"/>
    <mergeCell ref="V639:Z639"/>
    <mergeCell ref="AA639:AC639"/>
    <mergeCell ref="AF639:AG639"/>
    <mergeCell ref="AH639:AJ639"/>
    <mergeCell ref="C638:D638"/>
    <mergeCell ref="E638:T638"/>
    <mergeCell ref="V638:Z638"/>
    <mergeCell ref="AA638:AC638"/>
    <mergeCell ref="AF638:AG638"/>
    <mergeCell ref="AH638:AJ638"/>
    <mergeCell ref="C637:D637"/>
    <mergeCell ref="E637:T637"/>
    <mergeCell ref="V637:Z637"/>
    <mergeCell ref="AA637:AC637"/>
    <mergeCell ref="AF637:AG637"/>
    <mergeCell ref="AH637:AJ637"/>
    <mergeCell ref="C642:D642"/>
    <mergeCell ref="E642:T642"/>
    <mergeCell ref="V642:Z642"/>
    <mergeCell ref="AA642:AC642"/>
    <mergeCell ref="AF642:AG642"/>
    <mergeCell ref="AH642:AJ642"/>
    <mergeCell ref="C641:D641"/>
    <mergeCell ref="E641:T641"/>
    <mergeCell ref="V641:Z641"/>
    <mergeCell ref="AA641:AC641"/>
    <mergeCell ref="AF641:AG641"/>
    <mergeCell ref="AH641:AJ641"/>
    <mergeCell ref="C640:D640"/>
    <mergeCell ref="E640:T640"/>
    <mergeCell ref="V640:Z640"/>
    <mergeCell ref="AA640:AC640"/>
    <mergeCell ref="AF640:AG640"/>
    <mergeCell ref="AH640:AJ640"/>
    <mergeCell ref="C645:D645"/>
    <mergeCell ref="E645:T645"/>
    <mergeCell ref="V645:Z645"/>
    <mergeCell ref="AA645:AC645"/>
    <mergeCell ref="AF645:AG645"/>
    <mergeCell ref="AH645:AJ645"/>
    <mergeCell ref="C644:D644"/>
    <mergeCell ref="E644:T644"/>
    <mergeCell ref="V644:Z644"/>
    <mergeCell ref="AA644:AC644"/>
    <mergeCell ref="AF644:AG644"/>
    <mergeCell ref="AH644:AJ644"/>
    <mergeCell ref="C643:D643"/>
    <mergeCell ref="E643:T643"/>
    <mergeCell ref="V643:Z643"/>
    <mergeCell ref="AA643:AC643"/>
    <mergeCell ref="AF643:AG643"/>
    <mergeCell ref="AH643:AJ643"/>
    <mergeCell ref="C648:D648"/>
    <mergeCell ref="E648:T648"/>
    <mergeCell ref="V648:Z648"/>
    <mergeCell ref="AA648:AC648"/>
    <mergeCell ref="AF648:AG648"/>
    <mergeCell ref="AH648:AJ648"/>
    <mergeCell ref="C647:D647"/>
    <mergeCell ref="E647:T647"/>
    <mergeCell ref="V647:Z647"/>
    <mergeCell ref="AA647:AC647"/>
    <mergeCell ref="AF647:AG647"/>
    <mergeCell ref="AH647:AJ647"/>
    <mergeCell ref="C646:D646"/>
    <mergeCell ref="E646:T646"/>
    <mergeCell ref="V646:Z646"/>
    <mergeCell ref="AA646:AC646"/>
    <mergeCell ref="AF646:AG646"/>
    <mergeCell ref="AH646:AJ646"/>
    <mergeCell ref="C651:D651"/>
    <mergeCell ref="E651:T651"/>
    <mergeCell ref="V651:Z651"/>
    <mergeCell ref="AA651:AC651"/>
    <mergeCell ref="AF651:AG651"/>
    <mergeCell ref="AH651:AJ651"/>
    <mergeCell ref="C650:D650"/>
    <mergeCell ref="E650:T650"/>
    <mergeCell ref="V650:Z650"/>
    <mergeCell ref="AA650:AC650"/>
    <mergeCell ref="AF650:AG650"/>
    <mergeCell ref="AH650:AJ650"/>
    <mergeCell ref="C649:D649"/>
    <mergeCell ref="E649:T649"/>
    <mergeCell ref="V649:Z649"/>
    <mergeCell ref="AA649:AC649"/>
    <mergeCell ref="AF649:AG649"/>
    <mergeCell ref="AH649:AJ649"/>
    <mergeCell ref="AA654:AC654"/>
    <mergeCell ref="AA655:AC655"/>
    <mergeCell ref="C656:D657"/>
    <mergeCell ref="E656:T657"/>
    <mergeCell ref="V656:Z657"/>
    <mergeCell ref="AA656:AC657"/>
    <mergeCell ref="C653:D653"/>
    <mergeCell ref="E653:T653"/>
    <mergeCell ref="V653:Z653"/>
    <mergeCell ref="AA653:AC653"/>
    <mergeCell ref="AF653:AG653"/>
    <mergeCell ref="AH653:AJ653"/>
    <mergeCell ref="C652:D652"/>
    <mergeCell ref="E652:T652"/>
    <mergeCell ref="V652:Z652"/>
    <mergeCell ref="AA652:AC652"/>
    <mergeCell ref="AF652:AG652"/>
    <mergeCell ref="AH652:AJ652"/>
    <mergeCell ref="C660:D660"/>
    <mergeCell ref="E660:T660"/>
    <mergeCell ref="V660:Z660"/>
    <mergeCell ref="AA660:AC660"/>
    <mergeCell ref="AF660:AG660"/>
    <mergeCell ref="AH660:AJ660"/>
    <mergeCell ref="C659:D659"/>
    <mergeCell ref="E659:T659"/>
    <mergeCell ref="V659:Z659"/>
    <mergeCell ref="AA659:AC659"/>
    <mergeCell ref="AF659:AG659"/>
    <mergeCell ref="AH659:AJ659"/>
    <mergeCell ref="AD656:AE657"/>
    <mergeCell ref="AF656:AG657"/>
    <mergeCell ref="AH656:AJ657"/>
    <mergeCell ref="AK656:AK657"/>
    <mergeCell ref="C658:D658"/>
    <mergeCell ref="E658:T658"/>
    <mergeCell ref="V658:Z658"/>
    <mergeCell ref="AA658:AC658"/>
    <mergeCell ref="AF658:AG658"/>
    <mergeCell ref="AH658:AJ658"/>
    <mergeCell ref="C663:D663"/>
    <mergeCell ref="E663:T663"/>
    <mergeCell ref="V663:Z663"/>
    <mergeCell ref="AA663:AC663"/>
    <mergeCell ref="AF663:AG663"/>
    <mergeCell ref="AH663:AJ663"/>
    <mergeCell ref="C662:D662"/>
    <mergeCell ref="E662:T662"/>
    <mergeCell ref="V662:Z662"/>
    <mergeCell ref="AA662:AC662"/>
    <mergeCell ref="AF662:AG662"/>
    <mergeCell ref="AH662:AJ662"/>
    <mergeCell ref="C661:D661"/>
    <mergeCell ref="E661:T661"/>
    <mergeCell ref="V661:Z661"/>
    <mergeCell ref="AA661:AC661"/>
    <mergeCell ref="AF661:AG661"/>
    <mergeCell ref="AH661:AJ661"/>
    <mergeCell ref="C666:D666"/>
    <mergeCell ref="E666:T666"/>
    <mergeCell ref="V666:Z666"/>
    <mergeCell ref="AA666:AC666"/>
    <mergeCell ref="AF666:AG666"/>
    <mergeCell ref="AH666:AJ666"/>
    <mergeCell ref="C665:D665"/>
    <mergeCell ref="E665:T665"/>
    <mergeCell ref="V665:Z665"/>
    <mergeCell ref="AA665:AC665"/>
    <mergeCell ref="AF665:AG665"/>
    <mergeCell ref="AH665:AJ665"/>
    <mergeCell ref="C664:D664"/>
    <mergeCell ref="E664:T664"/>
    <mergeCell ref="V664:Z664"/>
    <mergeCell ref="AA664:AC664"/>
    <mergeCell ref="AF664:AG664"/>
    <mergeCell ref="AH664:AJ664"/>
    <mergeCell ref="C669:D669"/>
    <mergeCell ref="E669:T669"/>
    <mergeCell ref="V669:Z669"/>
    <mergeCell ref="AA669:AC669"/>
    <mergeCell ref="AF669:AG669"/>
    <mergeCell ref="AH669:AJ669"/>
    <mergeCell ref="C668:D668"/>
    <mergeCell ref="E668:T668"/>
    <mergeCell ref="V668:Z668"/>
    <mergeCell ref="AA668:AC668"/>
    <mergeCell ref="AF668:AG668"/>
    <mergeCell ref="AH668:AJ668"/>
    <mergeCell ref="C667:D667"/>
    <mergeCell ref="E667:T667"/>
    <mergeCell ref="V667:Z667"/>
    <mergeCell ref="AA667:AC667"/>
    <mergeCell ref="AF667:AG667"/>
    <mergeCell ref="AH667:AJ667"/>
    <mergeCell ref="C672:D672"/>
    <mergeCell ref="E672:T672"/>
    <mergeCell ref="V672:Z672"/>
    <mergeCell ref="AA672:AC672"/>
    <mergeCell ref="AF672:AG672"/>
    <mergeCell ref="AH672:AJ672"/>
    <mergeCell ref="C671:D671"/>
    <mergeCell ref="E671:T671"/>
    <mergeCell ref="V671:Z671"/>
    <mergeCell ref="AA671:AC671"/>
    <mergeCell ref="AF671:AG671"/>
    <mergeCell ref="AH671:AJ671"/>
    <mergeCell ref="C670:D670"/>
    <mergeCell ref="E670:T670"/>
    <mergeCell ref="V670:Z670"/>
    <mergeCell ref="AA670:AC670"/>
    <mergeCell ref="AF670:AG670"/>
    <mergeCell ref="AH670:AJ670"/>
    <mergeCell ref="C675:D675"/>
    <mergeCell ref="E675:T675"/>
    <mergeCell ref="V675:Z675"/>
    <mergeCell ref="AA675:AC675"/>
    <mergeCell ref="AF675:AG675"/>
    <mergeCell ref="AH675:AJ675"/>
    <mergeCell ref="C674:D674"/>
    <mergeCell ref="E674:T674"/>
    <mergeCell ref="V674:Z674"/>
    <mergeCell ref="AA674:AC674"/>
    <mergeCell ref="AF674:AG674"/>
    <mergeCell ref="AH674:AJ674"/>
    <mergeCell ref="C673:D673"/>
    <mergeCell ref="E673:T673"/>
    <mergeCell ref="V673:Z673"/>
    <mergeCell ref="AA673:AC673"/>
    <mergeCell ref="AF673:AG673"/>
    <mergeCell ref="AH673:AJ673"/>
    <mergeCell ref="C678:D678"/>
    <mergeCell ref="E678:T678"/>
    <mergeCell ref="V678:Z678"/>
    <mergeCell ref="AA678:AC678"/>
    <mergeCell ref="AF678:AG678"/>
    <mergeCell ref="AH678:AJ678"/>
    <mergeCell ref="C677:D677"/>
    <mergeCell ref="E677:T677"/>
    <mergeCell ref="V677:Z677"/>
    <mergeCell ref="AA677:AC677"/>
    <mergeCell ref="AF677:AG677"/>
    <mergeCell ref="AH677:AJ677"/>
    <mergeCell ref="C676:D676"/>
    <mergeCell ref="E676:T676"/>
    <mergeCell ref="V676:Z676"/>
    <mergeCell ref="AA676:AC676"/>
    <mergeCell ref="AF676:AG676"/>
    <mergeCell ref="AH676:AJ676"/>
  </mergeCells>
  <phoneticPr fontId="24"/>
  <conditionalFormatting sqref="C1:AK10 C24:AJ24 C17:AK23 C11:AJ16 C25:AK32 C107:AK118 C38:AK52 C33:AJ37 C86:AK86 C85:AJ85 C87:AJ87 C166:AK169 C165:AJ165 C170:AJ170 C432:AJ432 C494:AK550 C489:AJ493 C551:AJ551 C677:AK1048576 C676:AJ676 C552:AK620 C55:AK84 C171:AK431 C433:AK488 C88:AK89 C90:AJ94 C621:AJ621 C652:AK675 C622:AG651 C95:AK103 C120:AK139 C119:AJ119 C53:AJ54 C104:AJ105 C141:AK164 C140:AJ140">
    <cfRule type="expression" dxfId="112" priority="42">
      <formula>$AN1="□"</formula>
    </cfRule>
  </conditionalFormatting>
  <conditionalFormatting sqref="C106:AJ106">
    <cfRule type="expression" dxfId="111" priority="41">
      <formula>$AN106="□"</formula>
    </cfRule>
  </conditionalFormatting>
  <conditionalFormatting sqref="AK24">
    <cfRule type="expression" dxfId="110" priority="40">
      <formula>$AN24="□"</formula>
    </cfRule>
  </conditionalFormatting>
  <conditionalFormatting sqref="AK11:AK16">
    <cfRule type="expression" dxfId="109" priority="39">
      <formula>$AN11="□"</formula>
    </cfRule>
  </conditionalFormatting>
  <conditionalFormatting sqref="AK33">
    <cfRule type="expression" dxfId="108" priority="25">
      <formula>$AN33="□"</formula>
    </cfRule>
  </conditionalFormatting>
  <conditionalFormatting sqref="AK34">
    <cfRule type="expression" dxfId="107" priority="24">
      <formula>$AN34="□"</formula>
    </cfRule>
  </conditionalFormatting>
  <conditionalFormatting sqref="AK35">
    <cfRule type="expression" dxfId="106" priority="23">
      <formula>$AN35="□"</formula>
    </cfRule>
  </conditionalFormatting>
  <conditionalFormatting sqref="AK36">
    <cfRule type="expression" dxfId="105" priority="22">
      <formula>$AN36="□"</formula>
    </cfRule>
  </conditionalFormatting>
  <conditionalFormatting sqref="AK37">
    <cfRule type="expression" dxfId="104" priority="21">
      <formula>$AN37="□"</formula>
    </cfRule>
  </conditionalFormatting>
  <conditionalFormatting sqref="AK54">
    <cfRule type="expression" dxfId="103" priority="20">
      <formula>$AN54="□"</formula>
    </cfRule>
  </conditionalFormatting>
  <conditionalFormatting sqref="AK85">
    <cfRule type="expression" dxfId="102" priority="19">
      <formula>$AN85="□"</formula>
    </cfRule>
  </conditionalFormatting>
  <conditionalFormatting sqref="AK87">
    <cfRule type="expression" dxfId="101" priority="18">
      <formula>$AN87="□"</formula>
    </cfRule>
  </conditionalFormatting>
  <conditionalFormatting sqref="AK90">
    <cfRule type="expression" dxfId="100" priority="17">
      <formula>$AN90="□"</formula>
    </cfRule>
  </conditionalFormatting>
  <conditionalFormatting sqref="AK91:AK94">
    <cfRule type="expression" dxfId="99" priority="16">
      <formula>$AN91="□"</formula>
    </cfRule>
  </conditionalFormatting>
  <conditionalFormatting sqref="AK165">
    <cfRule type="expression" dxfId="98" priority="15">
      <formula>$AN165="□"</formula>
    </cfRule>
  </conditionalFormatting>
  <conditionalFormatting sqref="AK170">
    <cfRule type="expression" dxfId="97" priority="14">
      <formula>$AN170="□"</formula>
    </cfRule>
  </conditionalFormatting>
  <conditionalFormatting sqref="AK432">
    <cfRule type="expression" dxfId="96" priority="13">
      <formula>$AN432="□"</formula>
    </cfRule>
  </conditionalFormatting>
  <conditionalFormatting sqref="AK489:AK493">
    <cfRule type="expression" dxfId="95" priority="12">
      <formula>$AN489="□"</formula>
    </cfRule>
  </conditionalFormatting>
  <conditionalFormatting sqref="AK551">
    <cfRule type="expression" dxfId="94" priority="11">
      <formula>$AN551="□"</formula>
    </cfRule>
  </conditionalFormatting>
  <conditionalFormatting sqref="AK621:AK651">
    <cfRule type="expression" dxfId="93" priority="10">
      <formula>$AN621="□"</formula>
    </cfRule>
  </conditionalFormatting>
  <conditionalFormatting sqref="AH622:AJ651">
    <cfRule type="expression" dxfId="92" priority="9">
      <formula>$AN622="□"</formula>
    </cfRule>
  </conditionalFormatting>
  <conditionalFormatting sqref="AK622:AK651">
    <cfRule type="expression" dxfId="91" priority="8">
      <formula>$AN622="□"</formula>
    </cfRule>
  </conditionalFormatting>
  <conditionalFormatting sqref="AK676">
    <cfRule type="expression" dxfId="90" priority="7">
      <formula>$AN676="□"</formula>
    </cfRule>
  </conditionalFormatting>
  <conditionalFormatting sqref="AK119">
    <cfRule type="expression" dxfId="89" priority="6">
      <formula>$AN119="□"</formula>
    </cfRule>
  </conditionalFormatting>
  <conditionalFormatting sqref="AK53">
    <cfRule type="expression" dxfId="88" priority="5">
      <formula>$AN53="□"</formula>
    </cfRule>
  </conditionalFormatting>
  <conditionalFormatting sqref="AK104">
    <cfRule type="expression" dxfId="87" priority="4">
      <formula>$AN104="□"</formula>
    </cfRule>
  </conditionalFormatting>
  <conditionalFormatting sqref="AK105">
    <cfRule type="expression" dxfId="86" priority="3">
      <formula>$AN105="□"</formula>
    </cfRule>
  </conditionalFormatting>
  <conditionalFormatting sqref="AK106">
    <cfRule type="expression" dxfId="85" priority="2">
      <formula>$AN106="□"</formula>
    </cfRule>
  </conditionalFormatting>
  <conditionalFormatting sqref="AK140">
    <cfRule type="expression" dxfId="84" priority="1">
      <formula>$AN140="□"</formula>
    </cfRule>
  </conditionalFormatting>
  <dataValidations count="10">
    <dataValidation type="list" allowBlank="1" showInputMessage="1" showErrorMessage="1" sqref="I6:J6 S6" xr:uid="{5ED4111B-5C26-469D-86B8-B6EEEE676D08}">
      <formula1>"09,10,11,12,13,14,15,16,17,18,19,20,21,22,23,24,25,26,27,28,29,30"</formula1>
    </dataValidation>
    <dataValidation type="list" allowBlank="1" showInputMessage="1" showErrorMessage="1" sqref="G12:S12 G14:S14 G16:S16" xr:uid="{39425189-E990-4DDF-9076-10ED9CAC45D3}">
      <formula1>$G$690:$G$705</formula1>
    </dataValidation>
    <dataValidation type="list" allowBlank="1" showInputMessage="1" showErrorMessage="1" sqref="R10:V10" xr:uid="{A940C50F-BFAB-4333-B946-F5C3BA60D2B3}">
      <formula1>$F$690:$F$693</formula1>
    </dataValidation>
    <dataValidation type="list" allowBlank="1" showInputMessage="1" showErrorMessage="1" sqref="G4:N4" xr:uid="{2EC6E2DC-7166-4F0D-BAB7-BB2658D0B9E1}">
      <formula1>$B$690:$B$692</formula1>
    </dataValidation>
    <dataValidation type="list" allowBlank="1" showInputMessage="1" showErrorMessage="1" sqref="G8:M8" xr:uid="{FAD95A84-E4EB-4CF7-A159-04BE8163D36A}">
      <formula1>$C$690:$C$691</formula1>
    </dataValidation>
    <dataValidation type="list" allowBlank="1" showInputMessage="1" showErrorMessage="1" sqref="AH479:AH498 AH558:AH567 AH545:AH553 AH503:AH540 AH27:AH39 AH44:AH59 AH417:AH474 AH112:AH130 AH135:AH149 AH154:AH175 AH180:AH301 AH306:AH356 AH361:AH412 AH64:AH107 AH572:AJ610 AH615:AJ653 AH658:AJ678" xr:uid="{AF1CF5CD-9C1D-4021-BA1C-3C5B187A182F}">
      <formula1>$D$690:$D$695</formula1>
    </dataValidation>
    <dataValidation type="list" allowBlank="1" showInputMessage="1" showErrorMessage="1" sqref="AF615:AF653 AF417:AF474 AF27:AF39 AF44:AF59 AF558:AF567 AF112:AF130 AF135:AF149 AF154:AF175 AF180:AF301 AF306:AF356 AF361:AF412 AF479:AF498 AF503:AF540 AF545:AF553 AF572:AF610 AF64:AF107 AF658:AF678" xr:uid="{A48BD8BD-5567-450B-B739-C37D3A2E0B7B}">
      <formula1>"○,×"</formula1>
    </dataValidation>
    <dataValidation type="list" allowBlank="1" showInputMessage="1" showErrorMessage="1" sqref="G10:M10" xr:uid="{8E78E6AA-9167-43A9-90A7-0FB7B05C2DC7}">
      <formula1>"する,しない"</formula1>
    </dataValidation>
    <dataValidation type="list" allowBlank="1" showInputMessage="1" showErrorMessage="1" sqref="S19:S21 P19:P21 G19:G22 M19:M21 J19:J21 W20" xr:uid="{B7B0D075-AE70-487D-AB02-3F29213267B4}">
      <formula1>"□,■"</formula1>
    </dataValidation>
    <dataValidation type="list" allowBlank="1" showInputMessage="1" showErrorMessage="1" sqref="L6:M6 W6:X6" xr:uid="{587C1A85-E883-48FA-9254-D626F16160FA}">
      <formula1>"1,2,3,4,5,6,7,8,9,10,11,12"</formula1>
    </dataValidation>
  </dataValidations>
  <pageMargins left="0.39370078740157483" right="0.39370078740157483" top="0.39370078740157483" bottom="0.39370078740157483" header="0.19685039370078741" footer="0.19685039370078741"/>
  <pageSetup paperSize="9" scale="76" fitToHeight="0" orientation="landscape" r:id="rId1"/>
  <headerFooter alignWithMargins="0">
    <oddFooter>&amp;C&amp;P</oddFooter>
  </headerFooter>
  <rowBreaks count="19" manualBreakCount="19">
    <brk id="40" min="1" max="37" man="1"/>
    <brk id="60" min="1" max="37" man="1"/>
    <brk id="108" min="1" max="37" man="1"/>
    <brk id="150" min="1" max="37" man="1"/>
    <brk id="176" min="1" max="37" man="1"/>
    <brk id="219" min="1" max="37" man="1"/>
    <brk id="259" min="1" max="37" man="1"/>
    <brk id="302" min="1" max="37" man="1"/>
    <brk id="330" min="1" max="37" man="1"/>
    <brk id="357" min="1" max="37" man="1"/>
    <brk id="385" min="1" max="37" man="1"/>
    <brk id="413" min="1" max="37" man="1"/>
    <brk id="446" min="1" max="37" man="1"/>
    <brk id="475" min="1" max="37" man="1"/>
    <brk id="499" min="1" max="37" man="1"/>
    <brk id="541" min="1" max="37" man="1"/>
    <brk id="568" min="1" max="37" man="1"/>
    <brk id="611" min="1" max="37" man="1"/>
    <brk id="654" min="1" max="37" man="1"/>
  </rowBreaks>
  <legacy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A74698-3DCE-4A94-8F6B-ECD8672DF70E}">
  <sheetPr codeName="Sheet5">
    <pageSetUpPr fitToPage="1"/>
  </sheetPr>
  <dimension ref="A1:AN680"/>
  <sheetViews>
    <sheetView showGridLines="0" view="pageBreakPreview" topLeftCell="B1" zoomScaleNormal="80" zoomScaleSheetLayoutView="100" workbookViewId="0">
      <selection activeCell="B1" sqref="B1"/>
    </sheetView>
  </sheetViews>
  <sheetFormatPr defaultColWidth="9" defaultRowHeight="13"/>
  <cols>
    <col min="1" max="1" width="4.36328125" style="16" hidden="1" customWidth="1"/>
    <col min="2" max="2" width="2.6328125" style="16" customWidth="1"/>
    <col min="3" max="3" width="2.90625" style="16" customWidth="1"/>
    <col min="4" max="4" width="2.6328125" style="16" customWidth="1"/>
    <col min="5" max="5" width="3.08984375" style="16" customWidth="1"/>
    <col min="6" max="16" width="2.6328125" style="16" customWidth="1"/>
    <col min="17" max="17" width="4.6328125" style="16" bestFit="1" customWidth="1"/>
    <col min="18" max="20" width="2.6328125" style="16" customWidth="1"/>
    <col min="21" max="21" width="6.36328125" style="26" hidden="1" customWidth="1"/>
    <col min="22" max="29" width="2.6328125" style="16" customWidth="1"/>
    <col min="30" max="30" width="4.453125" style="16" bestFit="1" customWidth="1"/>
    <col min="31" max="33" width="2.6328125" style="16" customWidth="1"/>
    <col min="34" max="34" width="5.90625" style="16" customWidth="1"/>
    <col min="35" max="36" width="2.6328125" style="16" customWidth="1"/>
    <col min="37" max="37" width="87" style="34" bestFit="1" customWidth="1"/>
    <col min="38" max="38" width="3.90625" style="3" customWidth="1"/>
    <col min="39" max="39" width="5.90625" style="3" customWidth="1"/>
    <col min="40" max="40" width="3.90625" style="3" hidden="1" customWidth="1"/>
    <col min="41" max="16384" width="9" style="3"/>
  </cols>
  <sheetData>
    <row r="1" spans="1:40" customFormat="1" ht="39" customHeight="1">
      <c r="B1" s="79"/>
      <c r="C1" s="80" t="s">
        <v>337</v>
      </c>
      <c r="D1" s="80"/>
      <c r="E1" s="80"/>
      <c r="F1" s="80"/>
      <c r="G1" s="80"/>
      <c r="H1" s="80"/>
      <c r="I1" s="80"/>
      <c r="J1" s="80"/>
      <c r="K1" s="80"/>
      <c r="L1" s="80"/>
      <c r="M1" s="80"/>
      <c r="N1" s="80"/>
      <c r="O1" s="80"/>
      <c r="P1" s="80"/>
      <c r="Q1" s="80"/>
      <c r="R1" s="80"/>
      <c r="S1" s="80"/>
      <c r="T1" s="80"/>
      <c r="U1" s="217"/>
      <c r="V1" s="80"/>
      <c r="W1" s="80"/>
      <c r="X1" s="80"/>
      <c r="Y1" s="80"/>
      <c r="Z1" s="80"/>
      <c r="AA1" s="80"/>
      <c r="AB1" s="80"/>
      <c r="AC1" s="80"/>
      <c r="AD1" s="80"/>
      <c r="AE1" s="80"/>
      <c r="AF1" s="80"/>
      <c r="AG1" s="80"/>
      <c r="AH1" s="80"/>
      <c r="AI1" s="80"/>
      <c r="AJ1" s="80"/>
      <c r="AK1" s="270"/>
      <c r="AL1" s="82"/>
    </row>
    <row r="2" spans="1:40" s="1" customFormat="1" ht="24.75" customHeight="1">
      <c r="B2" s="83"/>
      <c r="C2" s="84"/>
      <c r="D2" s="85" t="s">
        <v>1343</v>
      </c>
      <c r="E2" s="86"/>
      <c r="F2" s="86"/>
      <c r="G2" s="86"/>
      <c r="H2" s="86"/>
      <c r="I2" s="86"/>
      <c r="J2" s="86"/>
      <c r="K2" s="86"/>
      <c r="L2" s="86"/>
      <c r="M2" s="86"/>
      <c r="N2" s="86"/>
      <c r="O2" s="86"/>
      <c r="P2" s="86"/>
      <c r="Q2" s="86"/>
      <c r="R2" s="86"/>
      <c r="S2" s="86"/>
      <c r="T2" s="86"/>
      <c r="U2" s="86"/>
      <c r="V2" s="86"/>
      <c r="W2" s="86"/>
      <c r="X2" s="86"/>
      <c r="Y2" s="86"/>
      <c r="Z2" s="86"/>
      <c r="AA2" s="86"/>
      <c r="AB2" s="86"/>
      <c r="AC2" s="86"/>
      <c r="AD2" s="86"/>
      <c r="AE2" s="86"/>
      <c r="AF2" s="86"/>
      <c r="AG2" s="86"/>
      <c r="AH2" s="86"/>
      <c r="AI2" s="86"/>
      <c r="AJ2" s="86"/>
      <c r="AK2" s="271"/>
      <c r="AL2" s="87"/>
    </row>
    <row r="3" spans="1:40" customFormat="1">
      <c r="B3" s="88"/>
      <c r="R3" s="9"/>
      <c r="S3" s="9"/>
      <c r="T3" s="9"/>
      <c r="U3" s="9"/>
      <c r="V3" s="9"/>
      <c r="W3" s="9"/>
      <c r="X3" s="9"/>
      <c r="Y3" s="9"/>
      <c r="Z3" s="9"/>
      <c r="AA3" s="9"/>
      <c r="AB3" s="9"/>
      <c r="AC3" s="9"/>
      <c r="AD3" s="9"/>
      <c r="AE3" s="9"/>
      <c r="AF3" s="9"/>
      <c r="AK3" s="272"/>
      <c r="AL3" s="101"/>
    </row>
    <row r="4" spans="1:40" s="1" customFormat="1" ht="13.5" customHeight="1">
      <c r="A4" s="6"/>
      <c r="B4" s="6"/>
      <c r="C4" s="7" t="s">
        <v>339</v>
      </c>
      <c r="D4" s="8"/>
      <c r="E4" s="9"/>
      <c r="F4" s="9"/>
      <c r="G4" s="612" t="s">
        <v>340</v>
      </c>
      <c r="H4" s="613"/>
      <c r="I4" s="613"/>
      <c r="J4" s="613"/>
      <c r="K4" s="613"/>
      <c r="L4" s="613"/>
      <c r="M4" s="613"/>
      <c r="N4" s="614"/>
      <c r="O4" s="110"/>
      <c r="P4" s="9"/>
      <c r="Q4" s="9"/>
      <c r="R4" s="9"/>
      <c r="S4" s="9"/>
      <c r="T4" s="9"/>
      <c r="U4" s="9"/>
      <c r="V4" s="9"/>
      <c r="W4" s="9"/>
      <c r="X4" s="9"/>
      <c r="Y4" s="9"/>
      <c r="Z4" s="9"/>
      <c r="AA4" s="9"/>
      <c r="AB4" s="9"/>
      <c r="AC4" s="9"/>
      <c r="AD4" s="9"/>
      <c r="AE4" s="9"/>
      <c r="AF4" s="9"/>
      <c r="AG4" s="9"/>
      <c r="AH4" s="9"/>
      <c r="AI4" s="9"/>
      <c r="AJ4" s="9"/>
      <c r="AK4" s="113"/>
      <c r="AL4" s="102"/>
    </row>
    <row r="5" spans="1:40" s="1" customFormat="1" ht="13.5" customHeight="1">
      <c r="A5" s="6"/>
      <c r="B5" s="6"/>
      <c r="C5" s="8"/>
      <c r="D5" s="8"/>
      <c r="E5" s="9"/>
      <c r="F5" s="9"/>
      <c r="G5" s="9"/>
      <c r="H5" s="9"/>
      <c r="I5" s="9"/>
      <c r="J5" s="9"/>
      <c r="K5" s="9"/>
      <c r="L5" s="9"/>
      <c r="M5" s="9"/>
      <c r="N5" s="9"/>
      <c r="O5" s="9"/>
      <c r="P5" s="9"/>
      <c r="Q5" s="9"/>
      <c r="R5" s="9"/>
      <c r="S5" s="9"/>
      <c r="T5" s="9"/>
      <c r="U5" s="9"/>
      <c r="V5" s="9"/>
      <c r="W5" s="9"/>
      <c r="X5" s="9"/>
      <c r="Y5" s="9"/>
      <c r="Z5" s="9"/>
      <c r="AA5" s="9"/>
      <c r="AB5" s="9"/>
      <c r="AC5" s="9"/>
      <c r="AD5" s="9"/>
      <c r="AE5" s="9"/>
      <c r="AF5" s="9"/>
      <c r="AG5" s="9"/>
      <c r="AH5" s="9"/>
      <c r="AI5" s="9"/>
      <c r="AJ5" s="9"/>
      <c r="AK5" s="113"/>
      <c r="AL5" s="102"/>
    </row>
    <row r="6" spans="1:40" s="9" customFormat="1">
      <c r="A6" s="90"/>
      <c r="B6" s="90"/>
      <c r="C6" s="91" t="s">
        <v>341</v>
      </c>
      <c r="D6" s="91"/>
      <c r="E6" s="91"/>
      <c r="F6" s="91"/>
      <c r="G6" s="615">
        <v>20</v>
      </c>
      <c r="H6" s="615"/>
      <c r="I6" s="604"/>
      <c r="J6" s="605"/>
      <c r="K6" s="91" t="s">
        <v>342</v>
      </c>
      <c r="L6" s="604"/>
      <c r="M6" s="605"/>
      <c r="N6" s="91" t="s">
        <v>343</v>
      </c>
      <c r="O6" s="616" t="s">
        <v>344</v>
      </c>
      <c r="P6" s="616"/>
      <c r="Q6" s="616">
        <v>20</v>
      </c>
      <c r="R6" s="617"/>
      <c r="S6" s="604"/>
      <c r="T6" s="605"/>
      <c r="V6" s="91" t="s">
        <v>342</v>
      </c>
      <c r="W6" s="604"/>
      <c r="X6" s="605"/>
      <c r="Y6" s="91" t="s">
        <v>345</v>
      </c>
      <c r="AA6" s="91"/>
      <c r="AB6" s="91"/>
      <c r="AC6" s="91"/>
      <c r="AE6" s="91"/>
      <c r="AJ6" s="113"/>
      <c r="AK6" s="258"/>
      <c r="AL6" s="105"/>
    </row>
    <row r="7" spans="1:40" s="1" customFormat="1">
      <c r="A7" s="2"/>
      <c r="B7" s="2"/>
      <c r="C7" s="7"/>
      <c r="D7" s="7"/>
      <c r="E7" s="7"/>
      <c r="F7" s="7"/>
      <c r="G7" s="78"/>
      <c r="H7" s="78"/>
      <c r="I7" s="78"/>
      <c r="J7" s="110"/>
      <c r="K7" s="110"/>
      <c r="L7" s="7"/>
      <c r="M7" s="110"/>
      <c r="N7" s="110"/>
      <c r="O7" s="110"/>
      <c r="P7" s="7"/>
      <c r="S7" s="110"/>
      <c r="T7" s="78"/>
      <c r="U7" s="78"/>
      <c r="V7" s="110"/>
      <c r="W7" s="110"/>
      <c r="X7" s="110"/>
      <c r="Y7" s="110"/>
      <c r="Z7" s="110"/>
      <c r="AA7" s="110"/>
      <c r="AB7" s="110"/>
      <c r="AC7" s="110"/>
      <c r="AD7" s="7"/>
      <c r="AE7" s="110"/>
      <c r="AF7" s="7"/>
      <c r="AG7" s="110"/>
      <c r="AH7" s="110"/>
      <c r="AI7" s="110"/>
      <c r="AJ7" s="7"/>
      <c r="AK7" s="34"/>
      <c r="AL7" s="103"/>
    </row>
    <row r="8" spans="1:40" s="1" customFormat="1">
      <c r="A8" s="2"/>
      <c r="B8" s="2"/>
      <c r="C8" s="7" t="s">
        <v>346</v>
      </c>
      <c r="G8" s="606"/>
      <c r="H8" s="607"/>
      <c r="I8" s="607"/>
      <c r="J8" s="607"/>
      <c r="K8" s="607"/>
      <c r="L8" s="607"/>
      <c r="M8" s="608"/>
      <c r="N8" s="110"/>
      <c r="O8" s="110"/>
      <c r="P8" s="7"/>
      <c r="R8" s="110"/>
      <c r="S8" s="110"/>
      <c r="T8" s="78"/>
      <c r="U8" s="78"/>
      <c r="V8" s="110"/>
      <c r="W8" s="110"/>
      <c r="X8" s="110"/>
      <c r="Y8" s="110"/>
      <c r="Z8" s="110"/>
      <c r="AA8" s="110"/>
      <c r="AB8" s="110"/>
      <c r="AC8" s="110"/>
      <c r="AD8" s="7"/>
      <c r="AE8" s="110"/>
      <c r="AF8" s="7"/>
      <c r="AG8" s="110"/>
      <c r="AH8" s="110"/>
      <c r="AI8" s="110"/>
      <c r="AJ8" s="7"/>
      <c r="AK8" s="34"/>
      <c r="AL8" s="103"/>
    </row>
    <row r="9" spans="1:40">
      <c r="A9" s="5"/>
      <c r="B9" s="5"/>
      <c r="C9" s="7"/>
      <c r="D9" s="7"/>
      <c r="E9" s="7"/>
      <c r="F9" s="7"/>
      <c r="G9" s="78"/>
      <c r="H9" s="375"/>
      <c r="I9" s="375"/>
      <c r="J9" s="110"/>
      <c r="K9" s="110"/>
      <c r="L9" s="7"/>
      <c r="M9" s="110"/>
      <c r="N9" s="375"/>
      <c r="O9" s="375"/>
      <c r="P9" s="7"/>
      <c r="Q9" s="1"/>
      <c r="R9" s="110"/>
      <c r="S9" s="110"/>
      <c r="T9" s="375"/>
      <c r="U9" s="78"/>
      <c r="V9" s="375"/>
      <c r="W9" s="375"/>
      <c r="X9" s="375"/>
      <c r="Y9" s="375"/>
      <c r="Z9" s="110"/>
      <c r="AA9" s="110"/>
      <c r="AB9" s="110"/>
      <c r="AC9" s="110"/>
      <c r="AD9" s="7"/>
      <c r="AE9" s="7"/>
      <c r="AF9" s="7"/>
      <c r="AG9" s="7"/>
      <c r="AH9" s="7"/>
      <c r="AI9" s="1"/>
      <c r="AJ9" s="1"/>
      <c r="AL9" s="4"/>
    </row>
    <row r="10" spans="1:40" s="95" customFormat="1">
      <c r="A10" s="93"/>
      <c r="B10" s="93"/>
      <c r="C10" s="7" t="s">
        <v>41</v>
      </c>
      <c r="D10" s="94"/>
      <c r="E10" s="94"/>
      <c r="F10" s="94"/>
      <c r="G10" s="609"/>
      <c r="H10" s="610"/>
      <c r="I10" s="610"/>
      <c r="J10" s="610"/>
      <c r="K10" s="610"/>
      <c r="L10" s="610"/>
      <c r="M10" s="611"/>
      <c r="N10" s="1"/>
      <c r="O10" s="7" t="s">
        <v>947</v>
      </c>
      <c r="P10" s="1"/>
      <c r="Q10" s="1"/>
      <c r="R10" s="609"/>
      <c r="S10" s="610"/>
      <c r="T10" s="610"/>
      <c r="U10" s="610"/>
      <c r="V10" s="611"/>
      <c r="W10" s="97"/>
      <c r="X10" s="97"/>
      <c r="Y10" s="97"/>
      <c r="Z10" s="1"/>
      <c r="AA10" s="1"/>
      <c r="AB10" s="1"/>
      <c r="AC10" s="1"/>
      <c r="AD10" s="7"/>
      <c r="AE10" s="110"/>
      <c r="AF10" s="110"/>
      <c r="AG10" s="110"/>
      <c r="AH10" s="7"/>
      <c r="AI10" s="1"/>
      <c r="AJ10" s="7"/>
      <c r="AK10" s="117"/>
      <c r="AL10" s="96"/>
      <c r="AM10" s="1"/>
      <c r="AN10" s="1"/>
    </row>
    <row r="11" spans="1:40" s="95" customFormat="1">
      <c r="A11" s="93"/>
      <c r="B11" s="93"/>
      <c r="C11" s="7"/>
      <c r="D11" s="94"/>
      <c r="E11" s="94"/>
      <c r="F11" s="94"/>
      <c r="G11" s="97"/>
      <c r="H11" s="97"/>
      <c r="I11" s="97"/>
      <c r="J11" s="97"/>
      <c r="K11" s="97"/>
      <c r="L11" s="97"/>
      <c r="M11" s="97"/>
      <c r="N11" s="1"/>
      <c r="O11" s="7"/>
      <c r="P11" s="1"/>
      <c r="Q11" s="1"/>
      <c r="R11" s="97"/>
      <c r="S11" s="97"/>
      <c r="T11" s="97"/>
      <c r="U11" s="97"/>
      <c r="V11" s="97"/>
      <c r="W11" s="97"/>
      <c r="X11" s="97"/>
      <c r="Y11" s="97"/>
      <c r="Z11" s="1"/>
      <c r="AA11" s="1"/>
      <c r="AB11" s="1"/>
      <c r="AC11" s="1"/>
      <c r="AD11" s="7"/>
      <c r="AE11" s="110"/>
      <c r="AF11" s="110"/>
      <c r="AG11" s="110"/>
      <c r="AH11" s="7"/>
      <c r="AI11" s="1"/>
      <c r="AJ11" s="7"/>
      <c r="AK11" s="34" t="s">
        <v>348</v>
      </c>
      <c r="AL11" s="96"/>
      <c r="AM11" s="1"/>
      <c r="AN11" s="1"/>
    </row>
    <row r="12" spans="1:40" s="95" customFormat="1">
      <c r="A12" s="93"/>
      <c r="B12" s="93"/>
      <c r="C12" s="7" t="s">
        <v>349</v>
      </c>
      <c r="D12" s="1"/>
      <c r="E12" s="1"/>
      <c r="F12" s="1"/>
      <c r="G12" s="606"/>
      <c r="H12" s="607"/>
      <c r="I12" s="607"/>
      <c r="J12" s="607"/>
      <c r="K12" s="607"/>
      <c r="L12" s="607"/>
      <c r="M12" s="607"/>
      <c r="N12" s="607"/>
      <c r="O12" s="607"/>
      <c r="P12" s="607"/>
      <c r="Q12" s="607"/>
      <c r="R12" s="607"/>
      <c r="S12" s="608"/>
      <c r="T12" s="1"/>
      <c r="U12" s="1"/>
      <c r="V12" s="97"/>
      <c r="W12" s="97"/>
      <c r="X12" s="97"/>
      <c r="Y12" s="97"/>
      <c r="Z12" s="1"/>
      <c r="AA12" s="1"/>
      <c r="AB12" s="1"/>
      <c r="AC12" s="1"/>
      <c r="AD12" s="7"/>
      <c r="AE12" s="110"/>
      <c r="AF12" s="110"/>
      <c r="AG12" s="110"/>
      <c r="AH12" s="7"/>
      <c r="AI12" s="1"/>
      <c r="AJ12" s="7"/>
      <c r="AK12" s="55" t="s">
        <v>350</v>
      </c>
      <c r="AL12" s="96"/>
      <c r="AM12" s="1"/>
      <c r="AN12" s="1"/>
    </row>
    <row r="13" spans="1:40" s="95" customFormat="1">
      <c r="A13" s="93"/>
      <c r="B13" s="93"/>
      <c r="C13" s="7"/>
      <c r="D13" s="1"/>
      <c r="E13" s="1"/>
      <c r="F13" s="1"/>
      <c r="G13" s="1"/>
      <c r="H13" s="1"/>
      <c r="I13" s="1"/>
      <c r="J13" s="1"/>
      <c r="K13" s="1"/>
      <c r="L13" s="1"/>
      <c r="M13" s="1"/>
      <c r="N13" s="1"/>
      <c r="O13" s="1"/>
      <c r="P13" s="1"/>
      <c r="Q13" s="1"/>
      <c r="R13" s="1"/>
      <c r="S13" s="1"/>
      <c r="T13" s="1"/>
      <c r="U13" s="1"/>
      <c r="V13" s="97"/>
      <c r="W13" s="97"/>
      <c r="X13" s="97"/>
      <c r="Y13" s="97"/>
      <c r="Z13" s="1"/>
      <c r="AA13" s="1"/>
      <c r="AB13" s="1"/>
      <c r="AC13" s="1"/>
      <c r="AD13" s="7"/>
      <c r="AE13" s="110"/>
      <c r="AF13" s="110"/>
      <c r="AG13" s="110"/>
      <c r="AH13" s="7"/>
      <c r="AI13" s="1"/>
      <c r="AJ13" s="7"/>
      <c r="AK13" s="55" t="s">
        <v>351</v>
      </c>
      <c r="AL13" s="96"/>
      <c r="AM13" s="1"/>
      <c r="AN13" s="1"/>
    </row>
    <row r="14" spans="1:40" s="95" customFormat="1">
      <c r="A14" s="93"/>
      <c r="B14" s="93"/>
      <c r="C14" s="1"/>
      <c r="D14" s="1"/>
      <c r="E14" s="1"/>
      <c r="F14" s="1"/>
      <c r="G14" s="606"/>
      <c r="H14" s="607"/>
      <c r="I14" s="607"/>
      <c r="J14" s="607"/>
      <c r="K14" s="607"/>
      <c r="L14" s="607"/>
      <c r="M14" s="607"/>
      <c r="N14" s="607"/>
      <c r="O14" s="607"/>
      <c r="P14" s="607"/>
      <c r="Q14" s="607"/>
      <c r="R14" s="607"/>
      <c r="S14" s="608"/>
      <c r="T14" s="1"/>
      <c r="U14" s="1"/>
      <c r="V14" s="97"/>
      <c r="W14" s="97"/>
      <c r="X14" s="97"/>
      <c r="Y14" s="97"/>
      <c r="Z14" s="1"/>
      <c r="AA14" s="1"/>
      <c r="AB14" s="1"/>
      <c r="AC14" s="1"/>
      <c r="AD14" s="7"/>
      <c r="AE14" s="110"/>
      <c r="AF14" s="110"/>
      <c r="AG14" s="110"/>
      <c r="AH14" s="7"/>
      <c r="AI14" s="1"/>
      <c r="AJ14" s="7"/>
      <c r="AK14" s="55" t="s">
        <v>352</v>
      </c>
      <c r="AL14" s="96"/>
      <c r="AM14" s="1"/>
      <c r="AN14" s="1"/>
    </row>
    <row r="15" spans="1:40" s="95" customFormat="1">
      <c r="A15" s="93"/>
      <c r="B15" s="93"/>
      <c r="C15" s="7"/>
      <c r="D15" s="94"/>
      <c r="E15" s="94"/>
      <c r="F15" s="94"/>
      <c r="G15" s="97"/>
      <c r="H15" s="97"/>
      <c r="I15" s="97"/>
      <c r="J15" s="97"/>
      <c r="K15" s="97"/>
      <c r="L15" s="97"/>
      <c r="M15" s="97"/>
      <c r="N15" s="1"/>
      <c r="O15" s="7"/>
      <c r="P15" s="1"/>
      <c r="Q15" s="1"/>
      <c r="R15" s="97"/>
      <c r="S15" s="97"/>
      <c r="T15" s="97"/>
      <c r="U15" s="97"/>
      <c r="V15" s="97"/>
      <c r="W15" s="97"/>
      <c r="X15" s="97"/>
      <c r="Y15" s="97"/>
      <c r="Z15" s="1"/>
      <c r="AA15" s="1"/>
      <c r="AB15" s="1"/>
      <c r="AC15" s="1"/>
      <c r="AD15" s="7"/>
      <c r="AE15" s="110"/>
      <c r="AF15" s="110"/>
      <c r="AG15" s="110"/>
      <c r="AH15" s="7"/>
      <c r="AI15" s="1"/>
      <c r="AJ15" s="7"/>
      <c r="AK15" s="55" t="s">
        <v>353</v>
      </c>
      <c r="AL15" s="96"/>
      <c r="AM15" s="1"/>
      <c r="AN15" s="1"/>
    </row>
    <row r="16" spans="1:40" s="95" customFormat="1">
      <c r="A16" s="93"/>
      <c r="B16" s="93"/>
      <c r="C16" s="7"/>
      <c r="D16" s="94"/>
      <c r="E16" s="94"/>
      <c r="F16" s="94"/>
      <c r="G16" s="606"/>
      <c r="H16" s="607"/>
      <c r="I16" s="607"/>
      <c r="J16" s="607"/>
      <c r="K16" s="607"/>
      <c r="L16" s="607"/>
      <c r="M16" s="607"/>
      <c r="N16" s="607"/>
      <c r="O16" s="607"/>
      <c r="P16" s="607"/>
      <c r="Q16" s="607"/>
      <c r="R16" s="607"/>
      <c r="S16" s="608"/>
      <c r="T16" s="97"/>
      <c r="U16" s="97"/>
      <c r="V16" s="97"/>
      <c r="W16" s="97"/>
      <c r="X16" s="97"/>
      <c r="Y16" s="97"/>
      <c r="Z16" s="1"/>
      <c r="AA16" s="1"/>
      <c r="AB16" s="1"/>
      <c r="AC16" s="1"/>
      <c r="AD16" s="7"/>
      <c r="AE16" s="110"/>
      <c r="AF16" s="110"/>
      <c r="AG16" s="110"/>
      <c r="AH16" s="7"/>
      <c r="AI16" s="1"/>
      <c r="AJ16" s="7"/>
      <c r="AK16" s="55" t="s">
        <v>354</v>
      </c>
      <c r="AL16" s="96"/>
      <c r="AM16" s="1"/>
      <c r="AN16" s="1"/>
    </row>
    <row r="17" spans="1:40" s="95" customFormat="1">
      <c r="A17" s="93"/>
      <c r="B17" s="93"/>
      <c r="C17" s="7"/>
      <c r="D17" s="94"/>
      <c r="E17" s="94"/>
      <c r="F17" s="94"/>
      <c r="G17" s="11"/>
      <c r="H17" s="11"/>
      <c r="I17" s="11"/>
      <c r="J17" s="11"/>
      <c r="K17" s="11"/>
      <c r="L17" s="11"/>
      <c r="M17" s="11"/>
      <c r="N17" s="11"/>
      <c r="O17" s="11"/>
      <c r="P17" s="11"/>
      <c r="Q17" s="11"/>
      <c r="R17" s="11"/>
      <c r="S17" s="11"/>
      <c r="T17" s="97"/>
      <c r="U17" s="97"/>
      <c r="V17" s="97"/>
      <c r="W17" s="97"/>
      <c r="X17" s="97"/>
      <c r="Y17" s="97"/>
      <c r="Z17" s="1"/>
      <c r="AA17" s="1"/>
      <c r="AB17" s="1"/>
      <c r="AC17" s="1"/>
      <c r="AD17" s="7"/>
      <c r="AE17" s="110"/>
      <c r="AF17" s="110"/>
      <c r="AG17" s="110"/>
      <c r="AH17" s="7"/>
      <c r="AI17" s="1"/>
      <c r="AJ17" s="7"/>
      <c r="AK17" s="34"/>
      <c r="AL17" s="96"/>
      <c r="AM17" s="1"/>
      <c r="AN17" s="1"/>
    </row>
    <row r="18" spans="1:40" s="1" customFormat="1">
      <c r="A18" s="2"/>
      <c r="B18" s="2"/>
      <c r="C18" s="7" t="s">
        <v>355</v>
      </c>
      <c r="D18" s="7"/>
      <c r="E18" s="7"/>
      <c r="F18" s="7"/>
      <c r="G18" s="1" t="s">
        <v>356</v>
      </c>
      <c r="AK18" s="34"/>
      <c r="AL18" s="69"/>
    </row>
    <row r="19" spans="1:40" s="1" customFormat="1">
      <c r="A19" s="2"/>
      <c r="B19" s="2"/>
      <c r="C19" s="7"/>
      <c r="D19" s="7"/>
      <c r="E19" s="7"/>
      <c r="F19" s="7"/>
      <c r="G19" s="98" t="s">
        <v>357</v>
      </c>
      <c r="H19" s="618" t="s">
        <v>358</v>
      </c>
      <c r="I19" s="618"/>
      <c r="J19" s="98" t="s">
        <v>357</v>
      </c>
      <c r="K19" s="618" t="s">
        <v>1344</v>
      </c>
      <c r="L19" s="618"/>
      <c r="M19" s="98" t="s">
        <v>357</v>
      </c>
      <c r="N19" s="618" t="s">
        <v>360</v>
      </c>
      <c r="O19" s="618"/>
      <c r="P19" s="98" t="s">
        <v>357</v>
      </c>
      <c r="Q19" s="618" t="s">
        <v>361</v>
      </c>
      <c r="R19" s="618"/>
      <c r="S19" s="98" t="s">
        <v>357</v>
      </c>
      <c r="T19" s="618" t="s">
        <v>362</v>
      </c>
      <c r="U19" s="618"/>
      <c r="V19" s="618"/>
      <c r="W19" s="375"/>
      <c r="X19" s="375"/>
      <c r="Y19" s="375"/>
      <c r="AJ19" s="7"/>
      <c r="AK19" s="34"/>
      <c r="AL19" s="69"/>
    </row>
    <row r="20" spans="1:40" s="1" customFormat="1">
      <c r="A20" s="2"/>
      <c r="B20" s="2"/>
      <c r="C20" s="7"/>
      <c r="D20" s="7"/>
      <c r="E20" s="7"/>
      <c r="F20" s="7"/>
      <c r="G20" s="98" t="s">
        <v>357</v>
      </c>
      <c r="H20" s="618" t="s">
        <v>1345</v>
      </c>
      <c r="I20" s="618"/>
      <c r="J20" s="98" t="s">
        <v>357</v>
      </c>
      <c r="K20" s="618" t="s">
        <v>1346</v>
      </c>
      <c r="L20" s="618"/>
      <c r="M20" s="98" t="s">
        <v>357</v>
      </c>
      <c r="N20" s="618" t="s">
        <v>365</v>
      </c>
      <c r="O20" s="618"/>
      <c r="P20" s="98" t="s">
        <v>357</v>
      </c>
      <c r="Q20" s="618" t="s">
        <v>366</v>
      </c>
      <c r="R20" s="618"/>
      <c r="S20" s="98" t="s">
        <v>357</v>
      </c>
      <c r="T20" s="618" t="s">
        <v>367</v>
      </c>
      <c r="U20" s="618"/>
      <c r="V20" s="618"/>
      <c r="W20" s="98" t="s">
        <v>357</v>
      </c>
      <c r="X20" s="618" t="s">
        <v>1347</v>
      </c>
      <c r="Y20" s="618"/>
      <c r="AA20" s="98"/>
      <c r="AB20" s="98"/>
      <c r="AC20" s="98"/>
      <c r="AF20" s="98"/>
      <c r="AG20" s="7"/>
      <c r="AH20" s="7"/>
      <c r="AJ20" s="7"/>
      <c r="AK20" s="34"/>
      <c r="AL20" s="69"/>
    </row>
    <row r="21" spans="1:40" s="1" customFormat="1">
      <c r="A21" s="2"/>
      <c r="B21" s="2"/>
      <c r="C21" s="7"/>
      <c r="D21" s="7"/>
      <c r="E21" s="7"/>
      <c r="F21" s="7"/>
      <c r="G21" s="383" t="s">
        <v>357</v>
      </c>
      <c r="H21" s="641" t="s">
        <v>1348</v>
      </c>
      <c r="I21" s="641"/>
      <c r="J21" s="383" t="s">
        <v>357</v>
      </c>
      <c r="K21" s="641" t="s">
        <v>1349</v>
      </c>
      <c r="L21" s="641"/>
      <c r="M21" s="383" t="s">
        <v>357</v>
      </c>
      <c r="N21" s="322" t="s">
        <v>376</v>
      </c>
      <c r="O21" s="47"/>
      <c r="P21" s="383" t="s">
        <v>357</v>
      </c>
      <c r="Q21" s="322" t="s">
        <v>377</v>
      </c>
      <c r="R21" s="47"/>
      <c r="S21" s="383" t="s">
        <v>357</v>
      </c>
      <c r="T21" s="322" t="s">
        <v>378</v>
      </c>
      <c r="U21" s="47"/>
      <c r="V21" s="47"/>
      <c r="W21" s="47"/>
      <c r="X21" s="47"/>
      <c r="Y21" s="7"/>
      <c r="Z21" s="98"/>
      <c r="AA21" s="98"/>
      <c r="AB21" s="98"/>
      <c r="AC21" s="98"/>
      <c r="AD21" s="7"/>
      <c r="AE21" s="7"/>
      <c r="AF21" s="98"/>
      <c r="AG21" s="7"/>
      <c r="AH21" s="7"/>
      <c r="AJ21" s="7"/>
      <c r="AK21" s="1" t="s">
        <v>375</v>
      </c>
      <c r="AL21" s="69"/>
    </row>
    <row r="22" spans="1:40" s="1" customFormat="1">
      <c r="A22" s="2"/>
      <c r="B22" s="2"/>
      <c r="C22" s="7"/>
      <c r="D22" s="7"/>
      <c r="E22" s="7"/>
      <c r="F22" s="7"/>
      <c r="G22" s="383" t="s">
        <v>357</v>
      </c>
      <c r="H22" s="322" t="s">
        <v>379</v>
      </c>
      <c r="I22" s="322"/>
      <c r="J22" s="322"/>
      <c r="K22" s="26"/>
      <c r="L22" s="322"/>
      <c r="M22" s="322"/>
      <c r="N22" s="26"/>
      <c r="O22" s="322"/>
      <c r="P22" s="322"/>
      <c r="Q22" s="26"/>
      <c r="R22" s="322"/>
      <c r="S22" s="383"/>
      <c r="T22" s="47"/>
      <c r="U22" s="47"/>
      <c r="V22" s="47"/>
      <c r="W22" s="47"/>
      <c r="X22" s="47"/>
      <c r="Y22" s="7"/>
      <c r="Z22" s="98"/>
      <c r="AA22" s="98"/>
      <c r="AB22" s="98"/>
      <c r="AC22" s="98"/>
      <c r="AD22" s="7"/>
      <c r="AE22" s="7"/>
      <c r="AF22" s="98"/>
      <c r="AG22" s="7"/>
      <c r="AH22" s="7"/>
      <c r="AJ22" s="7"/>
      <c r="AK22" s="34"/>
      <c r="AL22" s="69"/>
    </row>
    <row r="23" spans="1:40" s="95" customFormat="1" ht="18">
      <c r="A23" s="93"/>
      <c r="B23" s="93"/>
      <c r="C23" s="94"/>
      <c r="D23" s="94"/>
      <c r="E23" s="94"/>
      <c r="F23" s="94"/>
      <c r="G23" s="257"/>
      <c r="H23" s="7"/>
      <c r="I23" s="7"/>
      <c r="J23" s="98"/>
      <c r="K23" s="7"/>
      <c r="L23" s="7"/>
      <c r="M23" s="98"/>
      <c r="N23" s="7"/>
      <c r="O23" s="7"/>
      <c r="P23" s="98"/>
      <c r="Q23" s="7"/>
      <c r="R23" s="7"/>
      <c r="S23" s="98"/>
      <c r="T23" s="7"/>
      <c r="U23" s="7"/>
      <c r="V23" s="7"/>
      <c r="W23" s="7"/>
      <c r="X23" s="7"/>
      <c r="Y23" s="7"/>
      <c r="Z23" s="1"/>
      <c r="AA23" s="1"/>
      <c r="AB23" s="1"/>
      <c r="AC23" s="1"/>
      <c r="AD23" s="7"/>
      <c r="AE23" s="110"/>
      <c r="AF23" s="110"/>
      <c r="AG23" s="110"/>
      <c r="AH23" s="7"/>
      <c r="AI23" s="1"/>
      <c r="AJ23" s="7"/>
      <c r="AK23" s="117"/>
      <c r="AL23" s="96"/>
      <c r="AM23" s="1"/>
      <c r="AN23" s="1"/>
    </row>
    <row r="24" spans="1:40" s="1" customFormat="1">
      <c r="A24" s="20" t="str">
        <f t="shared" ref="A24" si="0">IF(LEN(J24)&gt;0,MID(J24,FIND("（",J24,1)+1,2),A23)</f>
        <v>MN</v>
      </c>
      <c r="B24" s="20"/>
      <c r="C24" s="52" t="s">
        <v>380</v>
      </c>
      <c r="D24" s="53"/>
      <c r="E24" s="26"/>
      <c r="F24" s="26"/>
      <c r="G24" s="26"/>
      <c r="H24" s="26"/>
      <c r="I24" s="26"/>
      <c r="J24" s="26" t="s">
        <v>957</v>
      </c>
      <c r="K24" s="71"/>
      <c r="L24" s="26"/>
      <c r="M24" s="71"/>
      <c r="N24" s="26"/>
      <c r="O24" s="26"/>
      <c r="P24" s="26"/>
      <c r="Q24" s="26"/>
      <c r="R24" s="26"/>
      <c r="S24" s="26"/>
      <c r="T24" s="26"/>
      <c r="U24" s="26" t="s">
        <v>1350</v>
      </c>
      <c r="V24" s="26"/>
      <c r="W24" s="26"/>
      <c r="X24" s="26"/>
      <c r="Y24" s="26"/>
      <c r="Z24" s="26"/>
      <c r="AA24" s="26"/>
      <c r="AB24" s="26"/>
      <c r="AC24" s="26"/>
      <c r="AD24" s="26"/>
      <c r="AE24" s="26"/>
      <c r="AF24" s="26"/>
      <c r="AG24" s="26"/>
      <c r="AH24" s="26"/>
      <c r="AJ24" s="72"/>
      <c r="AK24" s="26" t="s">
        <v>352</v>
      </c>
      <c r="AL24" s="10"/>
    </row>
    <row r="25" spans="1:40" ht="13.5" customHeight="1">
      <c r="A25" s="20"/>
      <c r="B25" s="51"/>
      <c r="C25" s="583" t="s">
        <v>73</v>
      </c>
      <c r="D25" s="573"/>
      <c r="E25" s="583" t="s">
        <v>94</v>
      </c>
      <c r="F25" s="583"/>
      <c r="G25" s="583"/>
      <c r="H25" s="583"/>
      <c r="I25" s="583"/>
      <c r="J25" s="583"/>
      <c r="K25" s="583"/>
      <c r="L25" s="583"/>
      <c r="M25" s="583"/>
      <c r="N25" s="583"/>
      <c r="O25" s="583"/>
      <c r="P25" s="583"/>
      <c r="Q25" s="583"/>
      <c r="R25" s="583"/>
      <c r="S25" s="583"/>
      <c r="T25" s="583"/>
      <c r="U25" s="226" t="s">
        <v>383</v>
      </c>
      <c r="V25" s="572" t="s">
        <v>138</v>
      </c>
      <c r="W25" s="572"/>
      <c r="X25" s="572"/>
      <c r="Y25" s="572"/>
      <c r="Z25" s="572"/>
      <c r="AA25" s="598" t="s">
        <v>959</v>
      </c>
      <c r="AB25" s="599"/>
      <c r="AC25" s="600"/>
      <c r="AD25" s="572" t="s">
        <v>97</v>
      </c>
      <c r="AE25" s="572"/>
      <c r="AF25" s="572" t="s">
        <v>98</v>
      </c>
      <c r="AG25" s="572"/>
      <c r="AH25" s="583" t="s">
        <v>75</v>
      </c>
      <c r="AI25" s="583"/>
      <c r="AJ25" s="583"/>
      <c r="AK25" s="581" t="s">
        <v>159</v>
      </c>
      <c r="AL25" s="37"/>
      <c r="AM25" s="16"/>
    </row>
    <row r="26" spans="1:40">
      <c r="A26" s="20"/>
      <c r="B26" s="51"/>
      <c r="C26" s="573"/>
      <c r="D26" s="573"/>
      <c r="E26" s="583"/>
      <c r="F26" s="583"/>
      <c r="G26" s="583"/>
      <c r="H26" s="583"/>
      <c r="I26" s="583"/>
      <c r="J26" s="583"/>
      <c r="K26" s="583"/>
      <c r="L26" s="583"/>
      <c r="M26" s="583"/>
      <c r="N26" s="583"/>
      <c r="O26" s="583"/>
      <c r="P26" s="583"/>
      <c r="Q26" s="583"/>
      <c r="R26" s="583"/>
      <c r="S26" s="583"/>
      <c r="T26" s="583"/>
      <c r="U26" s="227"/>
      <c r="V26" s="572"/>
      <c r="W26" s="572"/>
      <c r="X26" s="572"/>
      <c r="Y26" s="572"/>
      <c r="Z26" s="572"/>
      <c r="AA26" s="601"/>
      <c r="AB26" s="602"/>
      <c r="AC26" s="603"/>
      <c r="AD26" s="572"/>
      <c r="AE26" s="572"/>
      <c r="AF26" s="572"/>
      <c r="AG26" s="572"/>
      <c r="AH26" s="583"/>
      <c r="AI26" s="583"/>
      <c r="AJ26" s="583"/>
      <c r="AK26" s="582"/>
      <c r="AL26" s="37"/>
      <c r="AM26" s="16"/>
    </row>
    <row r="27" spans="1:40" s="1" customFormat="1" ht="13.4" customHeight="1">
      <c r="A27" s="20"/>
      <c r="B27" s="20"/>
      <c r="C27" s="541">
        <v>1</v>
      </c>
      <c r="D27" s="542"/>
      <c r="E27" s="563" t="s">
        <v>386</v>
      </c>
      <c r="F27" s="564"/>
      <c r="G27" s="564"/>
      <c r="H27" s="564"/>
      <c r="I27" s="564"/>
      <c r="J27" s="564"/>
      <c r="K27" s="564"/>
      <c r="L27" s="564"/>
      <c r="M27" s="564"/>
      <c r="N27" s="564"/>
      <c r="O27" s="564"/>
      <c r="P27" s="564"/>
      <c r="Q27" s="564"/>
      <c r="R27" s="564"/>
      <c r="S27" s="564"/>
      <c r="T27" s="565"/>
      <c r="U27" s="219" t="s">
        <v>441</v>
      </c>
      <c r="V27" s="546" t="s">
        <v>101</v>
      </c>
      <c r="W27" s="547"/>
      <c r="X27" s="547"/>
      <c r="Y27" s="547"/>
      <c r="Z27" s="548"/>
      <c r="AA27" s="623" t="s">
        <v>102</v>
      </c>
      <c r="AB27" s="624"/>
      <c r="AC27" s="625"/>
      <c r="AD27" s="415">
        <v>10</v>
      </c>
      <c r="AE27" s="415" t="s">
        <v>103</v>
      </c>
      <c r="AF27" s="646"/>
      <c r="AG27" s="647"/>
      <c r="AH27" s="549"/>
      <c r="AI27" s="550"/>
      <c r="AJ27" s="551"/>
      <c r="AK27" s="343"/>
      <c r="AL27" s="38"/>
      <c r="AM27" s="26"/>
      <c r="AN27" s="3" t="str">
        <f>$G$19</f>
        <v>■</v>
      </c>
    </row>
    <row r="28" spans="1:40" s="1" customFormat="1" ht="13.4" customHeight="1">
      <c r="A28" s="20"/>
      <c r="B28" s="20"/>
      <c r="C28" s="541">
        <v>2</v>
      </c>
      <c r="D28" s="542"/>
      <c r="E28" s="563" t="s">
        <v>388</v>
      </c>
      <c r="F28" s="564"/>
      <c r="G28" s="564"/>
      <c r="H28" s="564"/>
      <c r="I28" s="564"/>
      <c r="J28" s="564"/>
      <c r="K28" s="564"/>
      <c r="L28" s="564"/>
      <c r="M28" s="564"/>
      <c r="N28" s="564"/>
      <c r="O28" s="564"/>
      <c r="P28" s="564"/>
      <c r="Q28" s="564"/>
      <c r="R28" s="564"/>
      <c r="S28" s="564"/>
      <c r="T28" s="565"/>
      <c r="U28" s="219" t="s">
        <v>443</v>
      </c>
      <c r="V28" s="546" t="s">
        <v>101</v>
      </c>
      <c r="W28" s="547"/>
      <c r="X28" s="547"/>
      <c r="Y28" s="547"/>
      <c r="Z28" s="548"/>
      <c r="AA28" s="623" t="s">
        <v>102</v>
      </c>
      <c r="AB28" s="624"/>
      <c r="AC28" s="625"/>
      <c r="AD28" s="415">
        <v>51</v>
      </c>
      <c r="AE28" s="415" t="s">
        <v>103</v>
      </c>
      <c r="AF28" s="646"/>
      <c r="AG28" s="647"/>
      <c r="AH28" s="549"/>
      <c r="AI28" s="550"/>
      <c r="AJ28" s="551"/>
      <c r="AK28" s="343"/>
      <c r="AL28" s="38"/>
      <c r="AM28" s="26"/>
      <c r="AN28" s="3" t="str">
        <f t="shared" ref="AN28:AN39" si="1">$G$19</f>
        <v>■</v>
      </c>
    </row>
    <row r="29" spans="1:40" s="13" customFormat="1" ht="13.4" customHeight="1">
      <c r="A29" s="20"/>
      <c r="B29" s="20"/>
      <c r="C29" s="552">
        <v>3</v>
      </c>
      <c r="D29" s="553"/>
      <c r="E29" s="566" t="s">
        <v>106</v>
      </c>
      <c r="F29" s="567"/>
      <c r="G29" s="567"/>
      <c r="H29" s="567"/>
      <c r="I29" s="567"/>
      <c r="J29" s="567"/>
      <c r="K29" s="567"/>
      <c r="L29" s="567"/>
      <c r="M29" s="567"/>
      <c r="N29" s="567"/>
      <c r="O29" s="567"/>
      <c r="P29" s="567"/>
      <c r="Q29" s="567"/>
      <c r="R29" s="567"/>
      <c r="S29" s="567"/>
      <c r="T29" s="568"/>
      <c r="U29" s="220" t="s">
        <v>444</v>
      </c>
      <c r="V29" s="557" t="s">
        <v>107</v>
      </c>
      <c r="W29" s="558"/>
      <c r="X29" s="558"/>
      <c r="Y29" s="558"/>
      <c r="Z29" s="559"/>
      <c r="AA29" s="626" t="s">
        <v>108</v>
      </c>
      <c r="AB29" s="627"/>
      <c r="AC29" s="628"/>
      <c r="AD29" s="419">
        <v>1</v>
      </c>
      <c r="AE29" s="419">
        <v>0</v>
      </c>
      <c r="AF29" s="569" t="s">
        <v>109</v>
      </c>
      <c r="AG29" s="570"/>
      <c r="AH29" s="560"/>
      <c r="AI29" s="561"/>
      <c r="AJ29" s="562"/>
      <c r="AK29" s="346" t="s">
        <v>391</v>
      </c>
      <c r="AL29" s="38"/>
      <c r="AM29" s="54"/>
      <c r="AN29" s="3" t="str">
        <f t="shared" si="1"/>
        <v>■</v>
      </c>
    </row>
    <row r="30" spans="1:40" s="13" customFormat="1" ht="13.4" customHeight="1">
      <c r="A30" s="20"/>
      <c r="B30" s="20"/>
      <c r="C30" s="541">
        <v>4</v>
      </c>
      <c r="D30" s="542"/>
      <c r="E30" s="563" t="s">
        <v>110</v>
      </c>
      <c r="F30" s="564"/>
      <c r="G30" s="564"/>
      <c r="H30" s="564"/>
      <c r="I30" s="564"/>
      <c r="J30" s="564"/>
      <c r="K30" s="564"/>
      <c r="L30" s="564"/>
      <c r="M30" s="564"/>
      <c r="N30" s="564"/>
      <c r="O30" s="564"/>
      <c r="P30" s="564"/>
      <c r="Q30" s="564"/>
      <c r="R30" s="564"/>
      <c r="S30" s="564"/>
      <c r="T30" s="565"/>
      <c r="U30" s="221" t="s">
        <v>445</v>
      </c>
      <c r="V30" s="546" t="s">
        <v>107</v>
      </c>
      <c r="W30" s="547"/>
      <c r="X30" s="547"/>
      <c r="Y30" s="547"/>
      <c r="Z30" s="548"/>
      <c r="AA30" s="623" t="s">
        <v>108</v>
      </c>
      <c r="AB30" s="624"/>
      <c r="AC30" s="625"/>
      <c r="AD30" s="415">
        <v>1</v>
      </c>
      <c r="AE30" s="415">
        <v>0</v>
      </c>
      <c r="AF30" s="646"/>
      <c r="AG30" s="647"/>
      <c r="AH30" s="549"/>
      <c r="AI30" s="550"/>
      <c r="AJ30" s="551"/>
      <c r="AK30" s="265"/>
      <c r="AL30" s="38"/>
      <c r="AM30" s="54"/>
      <c r="AN30" s="3" t="str">
        <f t="shared" si="1"/>
        <v>■</v>
      </c>
    </row>
    <row r="31" spans="1:40" s="1" customFormat="1" ht="13.4" customHeight="1">
      <c r="A31" s="20"/>
      <c r="B31" s="20"/>
      <c r="C31" s="541">
        <v>5</v>
      </c>
      <c r="D31" s="542"/>
      <c r="E31" s="563" t="s">
        <v>80</v>
      </c>
      <c r="F31" s="564"/>
      <c r="G31" s="564"/>
      <c r="H31" s="564"/>
      <c r="I31" s="564"/>
      <c r="J31" s="564"/>
      <c r="K31" s="564"/>
      <c r="L31" s="564"/>
      <c r="M31" s="564"/>
      <c r="N31" s="564"/>
      <c r="O31" s="564"/>
      <c r="P31" s="564"/>
      <c r="Q31" s="564"/>
      <c r="R31" s="564"/>
      <c r="S31" s="564"/>
      <c r="T31" s="565"/>
      <c r="U31" s="225" t="s">
        <v>446</v>
      </c>
      <c r="V31" s="546" t="s">
        <v>101</v>
      </c>
      <c r="W31" s="547"/>
      <c r="X31" s="547"/>
      <c r="Y31" s="547"/>
      <c r="Z31" s="548"/>
      <c r="AA31" s="623" t="s">
        <v>102</v>
      </c>
      <c r="AB31" s="624"/>
      <c r="AC31" s="625"/>
      <c r="AD31" s="415">
        <v>2</v>
      </c>
      <c r="AE31" s="415" t="s">
        <v>103</v>
      </c>
      <c r="AF31" s="646"/>
      <c r="AG31" s="647"/>
      <c r="AH31" s="549"/>
      <c r="AI31" s="550"/>
      <c r="AJ31" s="551"/>
      <c r="AK31" s="265"/>
      <c r="AL31" s="38"/>
      <c r="AM31" s="26"/>
      <c r="AN31" s="3" t="str">
        <f t="shared" si="1"/>
        <v>■</v>
      </c>
    </row>
    <row r="32" spans="1:40" s="1" customFormat="1" ht="13.4" customHeight="1">
      <c r="A32" s="20"/>
      <c r="B32" s="20"/>
      <c r="C32" s="541">
        <v>6</v>
      </c>
      <c r="D32" s="542"/>
      <c r="E32" s="563" t="s">
        <v>394</v>
      </c>
      <c r="F32" s="564"/>
      <c r="G32" s="564"/>
      <c r="H32" s="564"/>
      <c r="I32" s="564"/>
      <c r="J32" s="564"/>
      <c r="K32" s="564"/>
      <c r="L32" s="564"/>
      <c r="M32" s="564"/>
      <c r="N32" s="564"/>
      <c r="O32" s="564"/>
      <c r="P32" s="564"/>
      <c r="Q32" s="564"/>
      <c r="R32" s="564"/>
      <c r="S32" s="564"/>
      <c r="T32" s="565"/>
      <c r="U32" s="225" t="s">
        <v>960</v>
      </c>
      <c r="V32" s="546" t="s">
        <v>107</v>
      </c>
      <c r="W32" s="547"/>
      <c r="X32" s="547"/>
      <c r="Y32" s="547"/>
      <c r="Z32" s="548"/>
      <c r="AA32" s="623" t="s">
        <v>102</v>
      </c>
      <c r="AB32" s="624"/>
      <c r="AC32" s="625"/>
      <c r="AD32" s="415">
        <v>16</v>
      </c>
      <c r="AE32" s="415" t="s">
        <v>103</v>
      </c>
      <c r="AF32" s="646"/>
      <c r="AG32" s="647"/>
      <c r="AH32" s="549"/>
      <c r="AI32" s="550"/>
      <c r="AJ32" s="551"/>
      <c r="AK32" s="407"/>
      <c r="AL32" s="38"/>
      <c r="AM32" s="26"/>
      <c r="AN32" s="3" t="str">
        <f t="shared" si="1"/>
        <v>■</v>
      </c>
    </row>
    <row r="33" spans="1:40" s="13" customFormat="1" ht="13.4" customHeight="1">
      <c r="A33" s="20"/>
      <c r="B33" s="20"/>
      <c r="C33" s="552">
        <v>7</v>
      </c>
      <c r="D33" s="553"/>
      <c r="E33" s="566" t="s">
        <v>396</v>
      </c>
      <c r="F33" s="567"/>
      <c r="G33" s="567"/>
      <c r="H33" s="567"/>
      <c r="I33" s="567"/>
      <c r="J33" s="567"/>
      <c r="K33" s="567"/>
      <c r="L33" s="567"/>
      <c r="M33" s="567"/>
      <c r="N33" s="567"/>
      <c r="O33" s="567"/>
      <c r="P33" s="567"/>
      <c r="Q33" s="567"/>
      <c r="R33" s="567"/>
      <c r="S33" s="567"/>
      <c r="T33" s="568"/>
      <c r="U33" s="259" t="s">
        <v>961</v>
      </c>
      <c r="V33" s="557" t="s">
        <v>398</v>
      </c>
      <c r="W33" s="558"/>
      <c r="X33" s="558"/>
      <c r="Y33" s="558"/>
      <c r="Z33" s="559"/>
      <c r="AA33" s="626" t="s">
        <v>102</v>
      </c>
      <c r="AB33" s="627"/>
      <c r="AC33" s="628"/>
      <c r="AD33" s="419">
        <v>40</v>
      </c>
      <c r="AE33" s="419" t="s">
        <v>103</v>
      </c>
      <c r="AF33" s="569" t="s">
        <v>109</v>
      </c>
      <c r="AG33" s="570"/>
      <c r="AH33" s="560"/>
      <c r="AI33" s="561"/>
      <c r="AJ33" s="562"/>
      <c r="AK33" s="333" t="s">
        <v>399</v>
      </c>
      <c r="AL33" s="38"/>
      <c r="AM33" s="54"/>
      <c r="AN33" s="3" t="str">
        <f t="shared" si="1"/>
        <v>■</v>
      </c>
    </row>
    <row r="34" spans="1:40" s="1" customFormat="1" ht="13.4" customHeight="1">
      <c r="A34" s="20"/>
      <c r="B34" s="20"/>
      <c r="C34" s="552">
        <v>8</v>
      </c>
      <c r="D34" s="553"/>
      <c r="E34" s="566" t="s">
        <v>400</v>
      </c>
      <c r="F34" s="567"/>
      <c r="G34" s="567"/>
      <c r="H34" s="567"/>
      <c r="I34" s="567"/>
      <c r="J34" s="567"/>
      <c r="K34" s="567"/>
      <c r="L34" s="567"/>
      <c r="M34" s="567"/>
      <c r="N34" s="567"/>
      <c r="O34" s="567"/>
      <c r="P34" s="567"/>
      <c r="Q34" s="567"/>
      <c r="R34" s="567"/>
      <c r="S34" s="567"/>
      <c r="T34" s="568"/>
      <c r="U34" s="259" t="s">
        <v>474</v>
      </c>
      <c r="V34" s="557" t="s">
        <v>107</v>
      </c>
      <c r="W34" s="558"/>
      <c r="X34" s="558"/>
      <c r="Y34" s="558"/>
      <c r="Z34" s="559"/>
      <c r="AA34" s="626" t="s">
        <v>102</v>
      </c>
      <c r="AB34" s="627"/>
      <c r="AC34" s="628"/>
      <c r="AD34" s="419">
        <v>30</v>
      </c>
      <c r="AE34" s="419">
        <v>0</v>
      </c>
      <c r="AF34" s="569" t="s">
        <v>109</v>
      </c>
      <c r="AG34" s="570"/>
      <c r="AH34" s="560"/>
      <c r="AI34" s="561"/>
      <c r="AJ34" s="562"/>
      <c r="AK34" s="333" t="s">
        <v>399</v>
      </c>
      <c r="AL34" s="38"/>
      <c r="AM34" s="26"/>
      <c r="AN34" s="3" t="str">
        <f t="shared" si="1"/>
        <v>■</v>
      </c>
    </row>
    <row r="35" spans="1:40" s="1" customFormat="1" ht="13.4" customHeight="1">
      <c r="A35" s="20"/>
      <c r="B35" s="20"/>
      <c r="C35" s="552">
        <v>9</v>
      </c>
      <c r="D35" s="553"/>
      <c r="E35" s="566" t="s">
        <v>402</v>
      </c>
      <c r="F35" s="567"/>
      <c r="G35" s="567"/>
      <c r="H35" s="567"/>
      <c r="I35" s="567"/>
      <c r="J35" s="567"/>
      <c r="K35" s="567"/>
      <c r="L35" s="567"/>
      <c r="M35" s="567"/>
      <c r="N35" s="567"/>
      <c r="O35" s="567"/>
      <c r="P35" s="567"/>
      <c r="Q35" s="567"/>
      <c r="R35" s="567"/>
      <c r="S35" s="567"/>
      <c r="T35" s="568"/>
      <c r="U35" s="259" t="s">
        <v>475</v>
      </c>
      <c r="V35" s="557" t="s">
        <v>107</v>
      </c>
      <c r="W35" s="558"/>
      <c r="X35" s="558"/>
      <c r="Y35" s="558"/>
      <c r="Z35" s="559"/>
      <c r="AA35" s="626" t="s">
        <v>108</v>
      </c>
      <c r="AB35" s="627"/>
      <c r="AC35" s="628"/>
      <c r="AD35" s="419">
        <v>1</v>
      </c>
      <c r="AE35" s="419">
        <v>0</v>
      </c>
      <c r="AF35" s="569" t="s">
        <v>109</v>
      </c>
      <c r="AG35" s="570"/>
      <c r="AH35" s="560"/>
      <c r="AI35" s="561"/>
      <c r="AJ35" s="562"/>
      <c r="AK35" s="333" t="s">
        <v>399</v>
      </c>
      <c r="AL35" s="38"/>
      <c r="AM35" s="26"/>
      <c r="AN35" s="3" t="str">
        <f t="shared" si="1"/>
        <v>■</v>
      </c>
    </row>
    <row r="36" spans="1:40" s="1" customFormat="1" ht="13.4" customHeight="1">
      <c r="A36" s="20"/>
      <c r="B36" s="20"/>
      <c r="C36" s="552">
        <v>10</v>
      </c>
      <c r="D36" s="553"/>
      <c r="E36" s="566" t="s">
        <v>404</v>
      </c>
      <c r="F36" s="567"/>
      <c r="G36" s="567"/>
      <c r="H36" s="567"/>
      <c r="I36" s="567"/>
      <c r="J36" s="567"/>
      <c r="K36" s="567"/>
      <c r="L36" s="567"/>
      <c r="M36" s="567"/>
      <c r="N36" s="567"/>
      <c r="O36" s="567"/>
      <c r="P36" s="567"/>
      <c r="Q36" s="567"/>
      <c r="R36" s="567"/>
      <c r="S36" s="567"/>
      <c r="T36" s="568"/>
      <c r="U36" s="259" t="s">
        <v>765</v>
      </c>
      <c r="V36" s="557" t="s">
        <v>107</v>
      </c>
      <c r="W36" s="558"/>
      <c r="X36" s="558"/>
      <c r="Y36" s="558"/>
      <c r="Z36" s="559"/>
      <c r="AA36" s="626" t="s">
        <v>108</v>
      </c>
      <c r="AB36" s="627"/>
      <c r="AC36" s="628"/>
      <c r="AD36" s="419">
        <v>1</v>
      </c>
      <c r="AE36" s="419">
        <v>0</v>
      </c>
      <c r="AF36" s="569" t="s">
        <v>109</v>
      </c>
      <c r="AG36" s="570"/>
      <c r="AH36" s="560"/>
      <c r="AI36" s="561"/>
      <c r="AJ36" s="562"/>
      <c r="AK36" s="333" t="s">
        <v>399</v>
      </c>
      <c r="AL36" s="29"/>
      <c r="AM36" s="26"/>
      <c r="AN36" s="3" t="str">
        <f t="shared" si="1"/>
        <v>■</v>
      </c>
    </row>
    <row r="37" spans="1:40" s="1" customFormat="1" ht="13.4" customHeight="1">
      <c r="A37" s="20"/>
      <c r="B37" s="20"/>
      <c r="C37" s="552">
        <v>11</v>
      </c>
      <c r="D37" s="553"/>
      <c r="E37" s="566" t="s">
        <v>406</v>
      </c>
      <c r="F37" s="567"/>
      <c r="G37" s="567"/>
      <c r="H37" s="567"/>
      <c r="I37" s="567"/>
      <c r="J37" s="567"/>
      <c r="K37" s="567"/>
      <c r="L37" s="567"/>
      <c r="M37" s="567"/>
      <c r="N37" s="567"/>
      <c r="O37" s="567"/>
      <c r="P37" s="567"/>
      <c r="Q37" s="567"/>
      <c r="R37" s="567"/>
      <c r="S37" s="567"/>
      <c r="T37" s="568"/>
      <c r="U37" s="259" t="s">
        <v>766</v>
      </c>
      <c r="V37" s="569" t="s">
        <v>485</v>
      </c>
      <c r="W37" s="594"/>
      <c r="X37" s="594"/>
      <c r="Y37" s="594"/>
      <c r="Z37" s="570"/>
      <c r="AA37" s="626" t="s">
        <v>102</v>
      </c>
      <c r="AB37" s="627"/>
      <c r="AC37" s="628"/>
      <c r="AD37" s="419">
        <v>100</v>
      </c>
      <c r="AE37" s="419" t="s">
        <v>103</v>
      </c>
      <c r="AF37" s="569" t="s">
        <v>109</v>
      </c>
      <c r="AG37" s="570"/>
      <c r="AH37" s="560"/>
      <c r="AI37" s="561"/>
      <c r="AJ37" s="562"/>
      <c r="AK37" s="333" t="s">
        <v>399</v>
      </c>
      <c r="AL37" s="29"/>
      <c r="AM37" s="26"/>
      <c r="AN37" s="3" t="str">
        <f t="shared" si="1"/>
        <v>■</v>
      </c>
    </row>
    <row r="38" spans="1:40" s="1" customFormat="1" ht="13.4" customHeight="1">
      <c r="A38" s="20"/>
      <c r="B38" s="20"/>
      <c r="C38" s="541">
        <v>12</v>
      </c>
      <c r="D38" s="542"/>
      <c r="E38" s="543" t="s">
        <v>1351</v>
      </c>
      <c r="F38" s="544"/>
      <c r="G38" s="544"/>
      <c r="H38" s="544"/>
      <c r="I38" s="544"/>
      <c r="J38" s="544"/>
      <c r="K38" s="544"/>
      <c r="L38" s="544"/>
      <c r="M38" s="544"/>
      <c r="N38" s="544"/>
      <c r="O38" s="544"/>
      <c r="P38" s="544"/>
      <c r="Q38" s="544"/>
      <c r="R38" s="544"/>
      <c r="S38" s="544"/>
      <c r="T38" s="545"/>
      <c r="U38" s="221" t="s">
        <v>453</v>
      </c>
      <c r="V38" s="546" t="s">
        <v>107</v>
      </c>
      <c r="W38" s="547"/>
      <c r="X38" s="547"/>
      <c r="Y38" s="547"/>
      <c r="Z38" s="548"/>
      <c r="AA38" s="638" t="s">
        <v>102</v>
      </c>
      <c r="AB38" s="639"/>
      <c r="AC38" s="640"/>
      <c r="AD38" s="415">
        <v>6</v>
      </c>
      <c r="AE38" s="415" t="s">
        <v>103</v>
      </c>
      <c r="AF38" s="646"/>
      <c r="AG38" s="647"/>
      <c r="AH38" s="549"/>
      <c r="AI38" s="550"/>
      <c r="AJ38" s="551"/>
      <c r="AK38" s="265"/>
      <c r="AL38" s="48"/>
      <c r="AM38" s="26"/>
      <c r="AN38" s="3" t="str">
        <f t="shared" si="1"/>
        <v>■</v>
      </c>
    </row>
    <row r="39" spans="1:40">
      <c r="A39" s="20"/>
      <c r="B39" s="25"/>
      <c r="C39" s="541">
        <v>13</v>
      </c>
      <c r="D39" s="542"/>
      <c r="E39" s="543" t="s">
        <v>411</v>
      </c>
      <c r="F39" s="544"/>
      <c r="G39" s="544"/>
      <c r="H39" s="544"/>
      <c r="I39" s="544"/>
      <c r="J39" s="544"/>
      <c r="K39" s="544"/>
      <c r="L39" s="544"/>
      <c r="M39" s="544"/>
      <c r="N39" s="544"/>
      <c r="O39" s="544"/>
      <c r="P39" s="544"/>
      <c r="Q39" s="544"/>
      <c r="R39" s="544"/>
      <c r="S39" s="544"/>
      <c r="T39" s="545"/>
      <c r="U39" s="221" t="s">
        <v>516</v>
      </c>
      <c r="V39" s="546" t="s">
        <v>107</v>
      </c>
      <c r="W39" s="547"/>
      <c r="X39" s="547"/>
      <c r="Y39" s="547"/>
      <c r="Z39" s="548"/>
      <c r="AA39" s="623" t="s">
        <v>102</v>
      </c>
      <c r="AB39" s="624"/>
      <c r="AC39" s="625"/>
      <c r="AD39" s="415">
        <v>6</v>
      </c>
      <c r="AE39" s="415" t="s">
        <v>103</v>
      </c>
      <c r="AF39" s="646"/>
      <c r="AG39" s="647"/>
      <c r="AH39" s="549"/>
      <c r="AI39" s="550"/>
      <c r="AJ39" s="551"/>
      <c r="AK39" s="265"/>
      <c r="AL39" s="37"/>
      <c r="AM39" s="16"/>
      <c r="AN39" s="3" t="str">
        <f t="shared" si="1"/>
        <v>■</v>
      </c>
    </row>
    <row r="40" spans="1:40" ht="13.4" customHeight="1">
      <c r="A40" s="20"/>
      <c r="B40" s="25"/>
      <c r="C40" s="122"/>
      <c r="D40" s="122"/>
      <c r="E40" s="207"/>
      <c r="F40" s="207"/>
      <c r="G40" s="207"/>
      <c r="H40" s="207"/>
      <c r="I40" s="207"/>
      <c r="J40" s="207"/>
      <c r="K40" s="207"/>
      <c r="L40" s="207"/>
      <c r="M40" s="207"/>
      <c r="N40" s="207"/>
      <c r="O40" s="207"/>
      <c r="P40" s="207"/>
      <c r="Q40" s="207"/>
      <c r="R40" s="207"/>
      <c r="S40" s="207"/>
      <c r="T40" s="207"/>
      <c r="U40" s="214"/>
      <c r="V40" s="205"/>
      <c r="W40" s="205"/>
      <c r="X40" s="205"/>
      <c r="Y40" s="205"/>
      <c r="Z40" s="205"/>
      <c r="AA40" s="619"/>
      <c r="AB40" s="619"/>
      <c r="AC40" s="619"/>
      <c r="AD40" s="206"/>
      <c r="AE40" s="206"/>
      <c r="AF40" s="326"/>
      <c r="AG40" s="347"/>
      <c r="AH40" s="238"/>
      <c r="AI40" s="238"/>
      <c r="AJ40" s="238"/>
      <c r="AK40" s="26"/>
      <c r="AL40" s="29"/>
      <c r="AM40" s="16"/>
    </row>
    <row r="41" spans="1:40" s="1" customFormat="1" ht="13.4" customHeight="1">
      <c r="A41" s="20"/>
      <c r="B41" s="20"/>
      <c r="C41" s="52" t="s">
        <v>380</v>
      </c>
      <c r="D41" s="53"/>
      <c r="E41" s="26"/>
      <c r="F41" s="26"/>
      <c r="G41" s="26"/>
      <c r="H41" s="26"/>
      <c r="I41" s="26"/>
      <c r="J41" s="26" t="s">
        <v>3037</v>
      </c>
      <c r="K41" s="71"/>
      <c r="L41" s="26"/>
      <c r="M41" s="71"/>
      <c r="N41" s="26"/>
      <c r="O41" s="26"/>
      <c r="P41" s="26"/>
      <c r="Q41" s="26"/>
      <c r="R41" s="26"/>
      <c r="S41" s="26"/>
      <c r="T41" s="26"/>
      <c r="U41" s="26" t="s">
        <v>1352</v>
      </c>
      <c r="V41" s="122"/>
      <c r="W41" s="122"/>
      <c r="X41" s="122"/>
      <c r="Y41" s="122"/>
      <c r="Z41" s="122"/>
      <c r="AA41" s="630"/>
      <c r="AB41" s="630"/>
      <c r="AC41" s="630"/>
      <c r="AD41" s="122"/>
      <c r="AE41" s="122"/>
      <c r="AF41" s="122"/>
      <c r="AG41" s="348"/>
      <c r="AH41" s="122"/>
      <c r="AI41" s="122"/>
      <c r="AJ41" s="122"/>
      <c r="AK41" s="26"/>
      <c r="AL41" s="48"/>
      <c r="AM41" s="26"/>
    </row>
    <row r="42" spans="1:40" ht="13.5" customHeight="1">
      <c r="A42" s="20"/>
      <c r="B42" s="51"/>
      <c r="C42" s="583" t="s">
        <v>73</v>
      </c>
      <c r="D42" s="573"/>
      <c r="E42" s="583" t="s">
        <v>94</v>
      </c>
      <c r="F42" s="583"/>
      <c r="G42" s="583"/>
      <c r="H42" s="583"/>
      <c r="I42" s="583"/>
      <c r="J42" s="583"/>
      <c r="K42" s="583"/>
      <c r="L42" s="583"/>
      <c r="M42" s="583"/>
      <c r="N42" s="583"/>
      <c r="O42" s="583"/>
      <c r="P42" s="583"/>
      <c r="Q42" s="583"/>
      <c r="R42" s="583"/>
      <c r="S42" s="583"/>
      <c r="T42" s="583"/>
      <c r="U42" s="226" t="s">
        <v>383</v>
      </c>
      <c r="V42" s="572" t="s">
        <v>138</v>
      </c>
      <c r="W42" s="572"/>
      <c r="X42" s="572"/>
      <c r="Y42" s="572"/>
      <c r="Z42" s="572"/>
      <c r="AA42" s="598" t="s">
        <v>959</v>
      </c>
      <c r="AB42" s="599"/>
      <c r="AC42" s="600"/>
      <c r="AD42" s="572" t="s">
        <v>97</v>
      </c>
      <c r="AE42" s="572"/>
      <c r="AF42" s="572" t="s">
        <v>98</v>
      </c>
      <c r="AG42" s="572"/>
      <c r="AH42" s="583" t="s">
        <v>75</v>
      </c>
      <c r="AI42" s="583"/>
      <c r="AJ42" s="583"/>
      <c r="AK42" s="581" t="s">
        <v>159</v>
      </c>
      <c r="AL42" s="38"/>
      <c r="AM42" s="16"/>
    </row>
    <row r="43" spans="1:40" ht="13.4" customHeight="1">
      <c r="A43" s="20"/>
      <c r="B43" s="51"/>
      <c r="C43" s="573"/>
      <c r="D43" s="573"/>
      <c r="E43" s="583"/>
      <c r="F43" s="583"/>
      <c r="G43" s="583"/>
      <c r="H43" s="583"/>
      <c r="I43" s="583"/>
      <c r="J43" s="583"/>
      <c r="K43" s="583"/>
      <c r="L43" s="583"/>
      <c r="M43" s="583"/>
      <c r="N43" s="583"/>
      <c r="O43" s="583"/>
      <c r="P43" s="583"/>
      <c r="Q43" s="583"/>
      <c r="R43" s="583"/>
      <c r="S43" s="583"/>
      <c r="T43" s="583"/>
      <c r="U43" s="227"/>
      <c r="V43" s="572"/>
      <c r="W43" s="572"/>
      <c r="X43" s="572"/>
      <c r="Y43" s="572"/>
      <c r="Z43" s="572"/>
      <c r="AA43" s="601"/>
      <c r="AB43" s="602"/>
      <c r="AC43" s="603"/>
      <c r="AD43" s="572"/>
      <c r="AE43" s="572"/>
      <c r="AF43" s="572"/>
      <c r="AG43" s="572"/>
      <c r="AH43" s="583"/>
      <c r="AI43" s="583"/>
      <c r="AJ43" s="583"/>
      <c r="AK43" s="582"/>
      <c r="AL43" s="38"/>
      <c r="AM43" s="16"/>
    </row>
    <row r="44" spans="1:40" s="1" customFormat="1" ht="13.4" customHeight="1">
      <c r="A44" s="20"/>
      <c r="B44" s="20"/>
      <c r="C44" s="541">
        <v>1</v>
      </c>
      <c r="D44" s="542"/>
      <c r="E44" s="563" t="s">
        <v>386</v>
      </c>
      <c r="F44" s="564"/>
      <c r="G44" s="564"/>
      <c r="H44" s="564"/>
      <c r="I44" s="564"/>
      <c r="J44" s="564"/>
      <c r="K44" s="564"/>
      <c r="L44" s="564"/>
      <c r="M44" s="564"/>
      <c r="N44" s="564"/>
      <c r="O44" s="564"/>
      <c r="P44" s="564"/>
      <c r="Q44" s="564"/>
      <c r="R44" s="564"/>
      <c r="S44" s="564"/>
      <c r="T44" s="565"/>
      <c r="U44" s="219" t="s">
        <v>441</v>
      </c>
      <c r="V44" s="546" t="s">
        <v>101</v>
      </c>
      <c r="W44" s="547"/>
      <c r="X44" s="547"/>
      <c r="Y44" s="547"/>
      <c r="Z44" s="548"/>
      <c r="AA44" s="623" t="s">
        <v>102</v>
      </c>
      <c r="AB44" s="624"/>
      <c r="AC44" s="625"/>
      <c r="AD44" s="415">
        <v>10</v>
      </c>
      <c r="AE44" s="415" t="s">
        <v>103</v>
      </c>
      <c r="AF44" s="646"/>
      <c r="AG44" s="647"/>
      <c r="AH44" s="549"/>
      <c r="AI44" s="550"/>
      <c r="AJ44" s="551"/>
      <c r="AK44" s="343"/>
      <c r="AL44" s="38"/>
      <c r="AM44" s="26"/>
      <c r="AN44" s="1" t="str">
        <f>$J$19</f>
        <v>■</v>
      </c>
    </row>
    <row r="45" spans="1:40" s="1" customFormat="1" ht="13.4" customHeight="1">
      <c r="A45" s="20"/>
      <c r="B45" s="20"/>
      <c r="C45" s="541">
        <v>2</v>
      </c>
      <c r="D45" s="542"/>
      <c r="E45" s="563" t="s">
        <v>388</v>
      </c>
      <c r="F45" s="564"/>
      <c r="G45" s="564"/>
      <c r="H45" s="564"/>
      <c r="I45" s="564"/>
      <c r="J45" s="564"/>
      <c r="K45" s="564"/>
      <c r="L45" s="564"/>
      <c r="M45" s="564"/>
      <c r="N45" s="564"/>
      <c r="O45" s="564"/>
      <c r="P45" s="564"/>
      <c r="Q45" s="564"/>
      <c r="R45" s="564"/>
      <c r="S45" s="564"/>
      <c r="T45" s="565"/>
      <c r="U45" s="219" t="s">
        <v>443</v>
      </c>
      <c r="V45" s="546" t="s">
        <v>101</v>
      </c>
      <c r="W45" s="547"/>
      <c r="X45" s="547"/>
      <c r="Y45" s="547"/>
      <c r="Z45" s="548"/>
      <c r="AA45" s="623" t="s">
        <v>102</v>
      </c>
      <c r="AB45" s="624"/>
      <c r="AC45" s="625"/>
      <c r="AD45" s="415">
        <v>51</v>
      </c>
      <c r="AE45" s="415" t="s">
        <v>103</v>
      </c>
      <c r="AF45" s="646"/>
      <c r="AG45" s="647"/>
      <c r="AH45" s="549"/>
      <c r="AI45" s="550"/>
      <c r="AJ45" s="551"/>
      <c r="AK45" s="343"/>
      <c r="AL45" s="38"/>
      <c r="AM45" s="26"/>
      <c r="AN45" s="1" t="str">
        <f t="shared" ref="AN45:AN58" si="2">$J$19</f>
        <v>■</v>
      </c>
    </row>
    <row r="46" spans="1:40" s="13" customFormat="1" ht="13.4" customHeight="1">
      <c r="A46" s="20"/>
      <c r="B46" s="20"/>
      <c r="C46" s="552">
        <v>3</v>
      </c>
      <c r="D46" s="553"/>
      <c r="E46" s="566" t="s">
        <v>106</v>
      </c>
      <c r="F46" s="567"/>
      <c r="G46" s="567"/>
      <c r="H46" s="567"/>
      <c r="I46" s="567"/>
      <c r="J46" s="567"/>
      <c r="K46" s="567"/>
      <c r="L46" s="567"/>
      <c r="M46" s="567"/>
      <c r="N46" s="567"/>
      <c r="O46" s="567"/>
      <c r="P46" s="567"/>
      <c r="Q46" s="567"/>
      <c r="R46" s="567"/>
      <c r="S46" s="567"/>
      <c r="T46" s="568"/>
      <c r="U46" s="220" t="s">
        <v>444</v>
      </c>
      <c r="V46" s="557" t="s">
        <v>107</v>
      </c>
      <c r="W46" s="558"/>
      <c r="X46" s="558"/>
      <c r="Y46" s="558"/>
      <c r="Z46" s="559"/>
      <c r="AA46" s="626" t="s">
        <v>108</v>
      </c>
      <c r="AB46" s="627"/>
      <c r="AC46" s="628"/>
      <c r="AD46" s="419">
        <v>1</v>
      </c>
      <c r="AE46" s="419">
        <v>0</v>
      </c>
      <c r="AF46" s="569" t="s">
        <v>109</v>
      </c>
      <c r="AG46" s="570"/>
      <c r="AH46" s="560"/>
      <c r="AI46" s="561"/>
      <c r="AJ46" s="562"/>
      <c r="AK46" s="346" t="s">
        <v>416</v>
      </c>
      <c r="AL46" s="38"/>
      <c r="AM46" s="54"/>
      <c r="AN46" s="1" t="str">
        <f t="shared" si="2"/>
        <v>■</v>
      </c>
    </row>
    <row r="47" spans="1:40" s="13" customFormat="1" ht="13.4" customHeight="1">
      <c r="A47" s="20"/>
      <c r="B47" s="20"/>
      <c r="C47" s="541">
        <v>4</v>
      </c>
      <c r="D47" s="542"/>
      <c r="E47" s="563" t="s">
        <v>110</v>
      </c>
      <c r="F47" s="564"/>
      <c r="G47" s="564"/>
      <c r="H47" s="564"/>
      <c r="I47" s="564"/>
      <c r="J47" s="564"/>
      <c r="K47" s="564"/>
      <c r="L47" s="564"/>
      <c r="M47" s="564"/>
      <c r="N47" s="564"/>
      <c r="O47" s="564"/>
      <c r="P47" s="564"/>
      <c r="Q47" s="564"/>
      <c r="R47" s="564"/>
      <c r="S47" s="564"/>
      <c r="T47" s="565"/>
      <c r="U47" s="221" t="s">
        <v>445</v>
      </c>
      <c r="V47" s="546" t="s">
        <v>107</v>
      </c>
      <c r="W47" s="547"/>
      <c r="X47" s="547"/>
      <c r="Y47" s="547"/>
      <c r="Z47" s="548"/>
      <c r="AA47" s="623" t="s">
        <v>108</v>
      </c>
      <c r="AB47" s="624"/>
      <c r="AC47" s="625"/>
      <c r="AD47" s="415">
        <v>1</v>
      </c>
      <c r="AE47" s="415">
        <v>0</v>
      </c>
      <c r="AF47" s="646"/>
      <c r="AG47" s="647"/>
      <c r="AH47" s="549"/>
      <c r="AI47" s="550"/>
      <c r="AJ47" s="551"/>
      <c r="AK47" s="265"/>
      <c r="AL47" s="38"/>
      <c r="AM47" s="54"/>
      <c r="AN47" s="1" t="str">
        <f t="shared" si="2"/>
        <v>■</v>
      </c>
    </row>
    <row r="48" spans="1:40" s="1" customFormat="1" ht="13.4" customHeight="1">
      <c r="A48" s="20"/>
      <c r="B48" s="20"/>
      <c r="C48" s="541">
        <v>5</v>
      </c>
      <c r="D48" s="542"/>
      <c r="E48" s="563" t="s">
        <v>80</v>
      </c>
      <c r="F48" s="564"/>
      <c r="G48" s="564"/>
      <c r="H48" s="564"/>
      <c r="I48" s="564"/>
      <c r="J48" s="564"/>
      <c r="K48" s="564"/>
      <c r="L48" s="564"/>
      <c r="M48" s="564"/>
      <c r="N48" s="564"/>
      <c r="O48" s="564"/>
      <c r="P48" s="564"/>
      <c r="Q48" s="564"/>
      <c r="R48" s="564"/>
      <c r="S48" s="564"/>
      <c r="T48" s="565"/>
      <c r="U48" s="221" t="s">
        <v>446</v>
      </c>
      <c r="V48" s="546" t="s">
        <v>101</v>
      </c>
      <c r="W48" s="547"/>
      <c r="X48" s="547"/>
      <c r="Y48" s="547"/>
      <c r="Z48" s="548"/>
      <c r="AA48" s="623" t="s">
        <v>102</v>
      </c>
      <c r="AB48" s="624"/>
      <c r="AC48" s="625"/>
      <c r="AD48" s="415">
        <v>2</v>
      </c>
      <c r="AE48" s="415" t="s">
        <v>103</v>
      </c>
      <c r="AF48" s="646"/>
      <c r="AG48" s="647"/>
      <c r="AH48" s="549"/>
      <c r="AI48" s="550"/>
      <c r="AJ48" s="551"/>
      <c r="AK48" s="265"/>
      <c r="AL48" s="38"/>
      <c r="AM48" s="26"/>
      <c r="AN48" s="1" t="str">
        <f t="shared" si="2"/>
        <v>■</v>
      </c>
    </row>
    <row r="49" spans="1:40" s="1" customFormat="1" ht="13.4" customHeight="1">
      <c r="A49" s="20"/>
      <c r="B49" s="20"/>
      <c r="C49" s="541">
        <v>6</v>
      </c>
      <c r="D49" s="542"/>
      <c r="E49" s="563" t="s">
        <v>418</v>
      </c>
      <c r="F49" s="564"/>
      <c r="G49" s="564"/>
      <c r="H49" s="564"/>
      <c r="I49" s="564"/>
      <c r="J49" s="564"/>
      <c r="K49" s="564"/>
      <c r="L49" s="564"/>
      <c r="M49" s="564"/>
      <c r="N49" s="564"/>
      <c r="O49" s="564"/>
      <c r="P49" s="564"/>
      <c r="Q49" s="564"/>
      <c r="R49" s="564"/>
      <c r="S49" s="564"/>
      <c r="T49" s="565"/>
      <c r="U49" s="221" t="s">
        <v>963</v>
      </c>
      <c r="V49" s="546" t="s">
        <v>107</v>
      </c>
      <c r="W49" s="547"/>
      <c r="X49" s="547"/>
      <c r="Y49" s="547"/>
      <c r="Z49" s="548"/>
      <c r="AA49" s="623" t="s">
        <v>102</v>
      </c>
      <c r="AB49" s="624"/>
      <c r="AC49" s="625"/>
      <c r="AD49" s="415">
        <v>1</v>
      </c>
      <c r="AE49" s="415" t="s">
        <v>103</v>
      </c>
      <c r="AF49" s="646"/>
      <c r="AG49" s="647"/>
      <c r="AH49" s="549"/>
      <c r="AI49" s="550"/>
      <c r="AJ49" s="551"/>
      <c r="AK49" s="265"/>
      <c r="AL49" s="38"/>
      <c r="AM49" s="26"/>
      <c r="AN49" s="1" t="str">
        <f t="shared" si="2"/>
        <v>■</v>
      </c>
    </row>
    <row r="50" spans="1:40" s="13" customFormat="1" ht="13.4" customHeight="1">
      <c r="A50" s="20"/>
      <c r="B50" s="20"/>
      <c r="C50" s="541">
        <v>7</v>
      </c>
      <c r="D50" s="542"/>
      <c r="E50" s="563" t="s">
        <v>420</v>
      </c>
      <c r="F50" s="564"/>
      <c r="G50" s="564"/>
      <c r="H50" s="564"/>
      <c r="I50" s="564"/>
      <c r="J50" s="564"/>
      <c r="K50" s="564"/>
      <c r="L50" s="564"/>
      <c r="M50" s="564"/>
      <c r="N50" s="564"/>
      <c r="O50" s="564"/>
      <c r="P50" s="564"/>
      <c r="Q50" s="564"/>
      <c r="R50" s="564"/>
      <c r="S50" s="564"/>
      <c r="T50" s="565"/>
      <c r="U50" s="221" t="s">
        <v>746</v>
      </c>
      <c r="V50" s="546" t="s">
        <v>107</v>
      </c>
      <c r="W50" s="547"/>
      <c r="X50" s="547"/>
      <c r="Y50" s="547"/>
      <c r="Z50" s="548"/>
      <c r="AA50" s="623" t="s">
        <v>102</v>
      </c>
      <c r="AB50" s="624"/>
      <c r="AC50" s="625"/>
      <c r="AD50" s="415">
        <v>2</v>
      </c>
      <c r="AE50" s="415" t="s">
        <v>103</v>
      </c>
      <c r="AF50" s="646"/>
      <c r="AG50" s="647"/>
      <c r="AH50" s="549"/>
      <c r="AI50" s="550"/>
      <c r="AJ50" s="551"/>
      <c r="AK50" s="265"/>
      <c r="AL50" s="38"/>
      <c r="AM50" s="54"/>
      <c r="AN50" s="1" t="str">
        <f t="shared" si="2"/>
        <v>■</v>
      </c>
    </row>
    <row r="51" spans="1:40" s="1" customFormat="1" ht="13.4" customHeight="1">
      <c r="A51" s="20"/>
      <c r="B51" s="20"/>
      <c r="C51" s="541">
        <v>8</v>
      </c>
      <c r="D51" s="542"/>
      <c r="E51" s="563" t="s">
        <v>422</v>
      </c>
      <c r="F51" s="564"/>
      <c r="G51" s="564"/>
      <c r="H51" s="564"/>
      <c r="I51" s="564"/>
      <c r="J51" s="564"/>
      <c r="K51" s="564"/>
      <c r="L51" s="564"/>
      <c r="M51" s="564"/>
      <c r="N51" s="564"/>
      <c r="O51" s="564"/>
      <c r="P51" s="564"/>
      <c r="Q51" s="564"/>
      <c r="R51" s="564"/>
      <c r="S51" s="564"/>
      <c r="T51" s="565"/>
      <c r="U51" s="221" t="s">
        <v>747</v>
      </c>
      <c r="V51" s="546" t="s">
        <v>107</v>
      </c>
      <c r="W51" s="547"/>
      <c r="X51" s="547"/>
      <c r="Y51" s="547"/>
      <c r="Z51" s="548"/>
      <c r="AA51" s="623" t="s">
        <v>102</v>
      </c>
      <c r="AB51" s="624"/>
      <c r="AC51" s="625"/>
      <c r="AD51" s="415">
        <v>1</v>
      </c>
      <c r="AE51" s="415" t="s">
        <v>103</v>
      </c>
      <c r="AF51" s="646"/>
      <c r="AG51" s="647"/>
      <c r="AH51" s="549"/>
      <c r="AI51" s="550"/>
      <c r="AJ51" s="551"/>
      <c r="AK51" s="343"/>
      <c r="AL51" s="38"/>
      <c r="AM51" s="26"/>
      <c r="AN51" s="1" t="str">
        <f t="shared" si="2"/>
        <v>■</v>
      </c>
    </row>
    <row r="52" spans="1:40" s="13" customFormat="1" ht="13.4" customHeight="1">
      <c r="A52" s="20"/>
      <c r="B52" s="20"/>
      <c r="C52" s="552">
        <v>9</v>
      </c>
      <c r="D52" s="553"/>
      <c r="E52" s="566" t="s">
        <v>1353</v>
      </c>
      <c r="F52" s="567"/>
      <c r="G52" s="567"/>
      <c r="H52" s="567"/>
      <c r="I52" s="567"/>
      <c r="J52" s="567"/>
      <c r="K52" s="567"/>
      <c r="L52" s="567"/>
      <c r="M52" s="567"/>
      <c r="N52" s="567"/>
      <c r="O52" s="567"/>
      <c r="P52" s="567"/>
      <c r="Q52" s="567"/>
      <c r="R52" s="567"/>
      <c r="S52" s="567"/>
      <c r="T52" s="568"/>
      <c r="U52" s="259" t="s">
        <v>1354</v>
      </c>
      <c r="V52" s="557" t="s">
        <v>107</v>
      </c>
      <c r="W52" s="558"/>
      <c r="X52" s="558"/>
      <c r="Y52" s="558"/>
      <c r="Z52" s="559"/>
      <c r="AA52" s="626" t="s">
        <v>102</v>
      </c>
      <c r="AB52" s="627"/>
      <c r="AC52" s="628"/>
      <c r="AD52" s="419">
        <v>7</v>
      </c>
      <c r="AE52" s="419" t="s">
        <v>103</v>
      </c>
      <c r="AF52" s="569" t="s">
        <v>109</v>
      </c>
      <c r="AG52" s="570"/>
      <c r="AH52" s="560"/>
      <c r="AI52" s="561"/>
      <c r="AJ52" s="562"/>
      <c r="AK52" s="346" t="s">
        <v>391</v>
      </c>
      <c r="AL52" s="38"/>
      <c r="AM52" s="54"/>
      <c r="AN52" s="1" t="str">
        <f t="shared" si="2"/>
        <v>■</v>
      </c>
    </row>
    <row r="53" spans="1:40" s="13" customFormat="1" ht="13.4" customHeight="1">
      <c r="A53" s="20"/>
      <c r="B53" s="20"/>
      <c r="C53" s="541">
        <v>10</v>
      </c>
      <c r="D53" s="542"/>
      <c r="E53" s="563" t="s">
        <v>1355</v>
      </c>
      <c r="F53" s="564"/>
      <c r="G53" s="564"/>
      <c r="H53" s="564"/>
      <c r="I53" s="564"/>
      <c r="J53" s="564"/>
      <c r="K53" s="564"/>
      <c r="L53" s="564"/>
      <c r="M53" s="564"/>
      <c r="N53" s="564"/>
      <c r="O53" s="564"/>
      <c r="P53" s="564"/>
      <c r="Q53" s="564"/>
      <c r="R53" s="564"/>
      <c r="S53" s="564"/>
      <c r="T53" s="565"/>
      <c r="U53" s="221" t="s">
        <v>1356</v>
      </c>
      <c r="V53" s="546" t="s">
        <v>107</v>
      </c>
      <c r="W53" s="547"/>
      <c r="X53" s="547"/>
      <c r="Y53" s="547"/>
      <c r="Z53" s="548"/>
      <c r="AA53" s="623" t="s">
        <v>102</v>
      </c>
      <c r="AB53" s="624"/>
      <c r="AC53" s="625"/>
      <c r="AD53" s="415">
        <v>7</v>
      </c>
      <c r="AE53" s="415" t="s">
        <v>103</v>
      </c>
      <c r="AF53" s="646"/>
      <c r="AG53" s="647"/>
      <c r="AH53" s="549"/>
      <c r="AI53" s="550"/>
      <c r="AJ53" s="551"/>
      <c r="AK53" s="265" t="s">
        <v>3020</v>
      </c>
      <c r="AL53" s="38"/>
      <c r="AM53" s="54"/>
      <c r="AN53" s="1" t="str">
        <f t="shared" si="2"/>
        <v>■</v>
      </c>
    </row>
    <row r="54" spans="1:40" s="13" customFormat="1" ht="13.4" customHeight="1">
      <c r="A54" s="20"/>
      <c r="B54" s="20"/>
      <c r="C54" s="541">
        <v>11</v>
      </c>
      <c r="D54" s="542"/>
      <c r="E54" s="563" t="s">
        <v>430</v>
      </c>
      <c r="F54" s="564"/>
      <c r="G54" s="564"/>
      <c r="H54" s="564"/>
      <c r="I54" s="564"/>
      <c r="J54" s="564"/>
      <c r="K54" s="564"/>
      <c r="L54" s="564"/>
      <c r="M54" s="564"/>
      <c r="N54" s="564"/>
      <c r="O54" s="564"/>
      <c r="P54" s="564"/>
      <c r="Q54" s="564"/>
      <c r="R54" s="564"/>
      <c r="S54" s="564"/>
      <c r="T54" s="565"/>
      <c r="U54" s="221" t="s">
        <v>964</v>
      </c>
      <c r="V54" s="546" t="s">
        <v>107</v>
      </c>
      <c r="W54" s="547"/>
      <c r="X54" s="547"/>
      <c r="Y54" s="547"/>
      <c r="Z54" s="548"/>
      <c r="AA54" s="623" t="s">
        <v>102</v>
      </c>
      <c r="AB54" s="624"/>
      <c r="AC54" s="625"/>
      <c r="AD54" s="415">
        <v>6</v>
      </c>
      <c r="AE54" s="415" t="s">
        <v>103</v>
      </c>
      <c r="AF54" s="646"/>
      <c r="AG54" s="647"/>
      <c r="AH54" s="549"/>
      <c r="AI54" s="550"/>
      <c r="AJ54" s="551"/>
      <c r="AK54" s="265"/>
      <c r="AL54" s="38"/>
      <c r="AM54" s="54"/>
      <c r="AN54" s="1" t="str">
        <f t="shared" si="2"/>
        <v>■</v>
      </c>
    </row>
    <row r="55" spans="1:40" s="13" customFormat="1" ht="13.4" customHeight="1">
      <c r="A55" s="20"/>
      <c r="B55" s="20"/>
      <c r="C55" s="541">
        <v>12</v>
      </c>
      <c r="D55" s="542"/>
      <c r="E55" s="563" t="s">
        <v>432</v>
      </c>
      <c r="F55" s="564"/>
      <c r="G55" s="564"/>
      <c r="H55" s="564"/>
      <c r="I55" s="564"/>
      <c r="J55" s="564"/>
      <c r="K55" s="564"/>
      <c r="L55" s="564"/>
      <c r="M55" s="564"/>
      <c r="N55" s="564"/>
      <c r="O55" s="564"/>
      <c r="P55" s="564"/>
      <c r="Q55" s="564"/>
      <c r="R55" s="564"/>
      <c r="S55" s="564"/>
      <c r="T55" s="565"/>
      <c r="U55" s="221" t="s">
        <v>965</v>
      </c>
      <c r="V55" s="546" t="s">
        <v>107</v>
      </c>
      <c r="W55" s="547"/>
      <c r="X55" s="547"/>
      <c r="Y55" s="547"/>
      <c r="Z55" s="548"/>
      <c r="AA55" s="623" t="s">
        <v>102</v>
      </c>
      <c r="AB55" s="624"/>
      <c r="AC55" s="625"/>
      <c r="AD55" s="415">
        <v>2</v>
      </c>
      <c r="AE55" s="415" t="s">
        <v>103</v>
      </c>
      <c r="AF55" s="646"/>
      <c r="AG55" s="647"/>
      <c r="AH55" s="549"/>
      <c r="AI55" s="550"/>
      <c r="AJ55" s="551"/>
      <c r="AK55" s="265"/>
      <c r="AL55" s="38"/>
      <c r="AM55" s="54"/>
      <c r="AN55" s="1" t="str">
        <f t="shared" si="2"/>
        <v>■</v>
      </c>
    </row>
    <row r="56" spans="1:40" s="1" customFormat="1" ht="13.4" customHeight="1">
      <c r="A56" s="20"/>
      <c r="B56" s="20"/>
      <c r="C56" s="541">
        <v>13</v>
      </c>
      <c r="D56" s="542"/>
      <c r="E56" s="563" t="s">
        <v>434</v>
      </c>
      <c r="F56" s="564"/>
      <c r="G56" s="564"/>
      <c r="H56" s="564"/>
      <c r="I56" s="564"/>
      <c r="J56" s="564"/>
      <c r="K56" s="564"/>
      <c r="L56" s="564"/>
      <c r="M56" s="564"/>
      <c r="N56" s="564"/>
      <c r="O56" s="564"/>
      <c r="P56" s="564"/>
      <c r="Q56" s="564"/>
      <c r="R56" s="564"/>
      <c r="S56" s="564"/>
      <c r="T56" s="565"/>
      <c r="U56" s="221" t="s">
        <v>966</v>
      </c>
      <c r="V56" s="546" t="s">
        <v>107</v>
      </c>
      <c r="W56" s="547"/>
      <c r="X56" s="547"/>
      <c r="Y56" s="547"/>
      <c r="Z56" s="548"/>
      <c r="AA56" s="623" t="s">
        <v>108</v>
      </c>
      <c r="AB56" s="624"/>
      <c r="AC56" s="625"/>
      <c r="AD56" s="415">
        <v>1</v>
      </c>
      <c r="AE56" s="415">
        <v>0</v>
      </c>
      <c r="AF56" s="646"/>
      <c r="AG56" s="647"/>
      <c r="AH56" s="549"/>
      <c r="AI56" s="550"/>
      <c r="AJ56" s="551"/>
      <c r="AK56" s="265"/>
      <c r="AL56" s="29"/>
      <c r="AM56" s="26"/>
      <c r="AN56" s="1" t="str">
        <f t="shared" si="2"/>
        <v>■</v>
      </c>
    </row>
    <row r="57" spans="1:40" s="1" customFormat="1" ht="13.4" customHeight="1">
      <c r="A57" s="20"/>
      <c r="B57" s="20"/>
      <c r="C57" s="541">
        <v>14</v>
      </c>
      <c r="D57" s="542"/>
      <c r="E57" s="563" t="s">
        <v>1351</v>
      </c>
      <c r="F57" s="564"/>
      <c r="G57" s="564"/>
      <c r="H57" s="564"/>
      <c r="I57" s="564"/>
      <c r="J57" s="564"/>
      <c r="K57" s="564"/>
      <c r="L57" s="564"/>
      <c r="M57" s="564"/>
      <c r="N57" s="564"/>
      <c r="O57" s="564"/>
      <c r="P57" s="564"/>
      <c r="Q57" s="564"/>
      <c r="R57" s="564"/>
      <c r="S57" s="564"/>
      <c r="T57" s="565"/>
      <c r="U57" s="221" t="s">
        <v>453</v>
      </c>
      <c r="V57" s="546" t="s">
        <v>107</v>
      </c>
      <c r="W57" s="547"/>
      <c r="X57" s="547"/>
      <c r="Y57" s="547"/>
      <c r="Z57" s="548"/>
      <c r="AA57" s="623" t="s">
        <v>102</v>
      </c>
      <c r="AB57" s="624"/>
      <c r="AC57" s="625"/>
      <c r="AD57" s="415">
        <v>6</v>
      </c>
      <c r="AE57" s="415" t="s">
        <v>103</v>
      </c>
      <c r="AF57" s="646"/>
      <c r="AG57" s="647"/>
      <c r="AH57" s="549"/>
      <c r="AI57" s="550"/>
      <c r="AJ57" s="551"/>
      <c r="AK57" s="343"/>
      <c r="AL57" s="48"/>
      <c r="AM57" s="26"/>
      <c r="AN57" s="1" t="str">
        <f t="shared" si="2"/>
        <v>■</v>
      </c>
    </row>
    <row r="58" spans="1:40" s="1" customFormat="1" ht="13.4" customHeight="1">
      <c r="A58" s="20"/>
      <c r="B58" s="20"/>
      <c r="C58" s="541">
        <v>15</v>
      </c>
      <c r="D58" s="542"/>
      <c r="E58" s="563" t="s">
        <v>411</v>
      </c>
      <c r="F58" s="564"/>
      <c r="G58" s="564"/>
      <c r="H58" s="564"/>
      <c r="I58" s="564"/>
      <c r="J58" s="564"/>
      <c r="K58" s="564"/>
      <c r="L58" s="564"/>
      <c r="M58" s="564"/>
      <c r="N58" s="564"/>
      <c r="O58" s="564"/>
      <c r="P58" s="564"/>
      <c r="Q58" s="564"/>
      <c r="R58" s="564"/>
      <c r="S58" s="564"/>
      <c r="T58" s="565"/>
      <c r="U58" s="221" t="s">
        <v>516</v>
      </c>
      <c r="V58" s="546" t="s">
        <v>107</v>
      </c>
      <c r="W58" s="547"/>
      <c r="X58" s="547"/>
      <c r="Y58" s="547"/>
      <c r="Z58" s="548"/>
      <c r="AA58" s="623" t="s">
        <v>102</v>
      </c>
      <c r="AB58" s="624"/>
      <c r="AC58" s="625"/>
      <c r="AD58" s="415">
        <v>6</v>
      </c>
      <c r="AE58" s="415" t="s">
        <v>103</v>
      </c>
      <c r="AF58" s="646"/>
      <c r="AG58" s="647"/>
      <c r="AH58" s="549"/>
      <c r="AI58" s="550"/>
      <c r="AJ58" s="551"/>
      <c r="AK58" s="343"/>
      <c r="AL58" s="37"/>
      <c r="AM58" s="26"/>
      <c r="AN58" s="1" t="str">
        <f t="shared" si="2"/>
        <v>■</v>
      </c>
    </row>
    <row r="59" spans="1:40" ht="13.4" customHeight="1">
      <c r="A59" s="20"/>
      <c r="B59" s="25"/>
      <c r="V59" s="238"/>
      <c r="W59" s="238"/>
      <c r="X59" s="238"/>
      <c r="Y59" s="238"/>
      <c r="Z59" s="238"/>
      <c r="AA59" s="629"/>
      <c r="AB59" s="629"/>
      <c r="AC59" s="629"/>
      <c r="AD59" s="238"/>
      <c r="AE59" s="238"/>
      <c r="AF59" s="238"/>
      <c r="AG59" s="238"/>
      <c r="AH59" s="238"/>
      <c r="AI59" s="238"/>
      <c r="AJ59" s="238"/>
      <c r="AK59" s="55"/>
      <c r="AL59" s="37"/>
      <c r="AM59" s="16"/>
    </row>
    <row r="60" spans="1:40" s="1" customFormat="1" ht="13.4" customHeight="1">
      <c r="A60" s="20"/>
      <c r="B60" s="20"/>
      <c r="C60" s="52" t="s">
        <v>380</v>
      </c>
      <c r="D60" s="53"/>
      <c r="E60" s="26"/>
      <c r="F60" s="26"/>
      <c r="G60" s="26"/>
      <c r="H60" s="26"/>
      <c r="I60" s="26"/>
      <c r="J60" s="26" t="s">
        <v>438</v>
      </c>
      <c r="K60" s="71"/>
      <c r="L60" s="26"/>
      <c r="M60" s="71"/>
      <c r="N60" s="26"/>
      <c r="O60" s="26"/>
      <c r="P60" s="26"/>
      <c r="Q60" s="26"/>
      <c r="R60" s="26"/>
      <c r="S60" s="26"/>
      <c r="T60" s="26"/>
      <c r="U60" s="26" t="s">
        <v>1357</v>
      </c>
      <c r="V60" s="122"/>
      <c r="W60" s="122"/>
      <c r="X60" s="122"/>
      <c r="Y60" s="122"/>
      <c r="Z60" s="122"/>
      <c r="AA60" s="630"/>
      <c r="AB60" s="630"/>
      <c r="AC60" s="630"/>
      <c r="AD60" s="122"/>
      <c r="AE60" s="122"/>
      <c r="AF60" s="122"/>
      <c r="AG60" s="122"/>
      <c r="AH60" s="122"/>
      <c r="AI60" s="122"/>
      <c r="AJ60" s="122"/>
      <c r="AK60" s="26"/>
      <c r="AL60" s="38"/>
      <c r="AM60" s="26"/>
    </row>
    <row r="61" spans="1:40" ht="13.5" customHeight="1">
      <c r="A61" s="20"/>
      <c r="B61" s="51"/>
      <c r="C61" s="583" t="s">
        <v>73</v>
      </c>
      <c r="D61" s="573"/>
      <c r="E61" s="583" t="s">
        <v>94</v>
      </c>
      <c r="F61" s="583"/>
      <c r="G61" s="583"/>
      <c r="H61" s="583"/>
      <c r="I61" s="583"/>
      <c r="J61" s="583"/>
      <c r="K61" s="583"/>
      <c r="L61" s="583"/>
      <c r="M61" s="583"/>
      <c r="N61" s="583"/>
      <c r="O61" s="583"/>
      <c r="P61" s="583"/>
      <c r="Q61" s="583"/>
      <c r="R61" s="583"/>
      <c r="S61" s="583"/>
      <c r="T61" s="583"/>
      <c r="U61" s="226" t="s">
        <v>383</v>
      </c>
      <c r="V61" s="572" t="s">
        <v>138</v>
      </c>
      <c r="W61" s="572"/>
      <c r="X61" s="572"/>
      <c r="Y61" s="572"/>
      <c r="Z61" s="572"/>
      <c r="AA61" s="598" t="s">
        <v>959</v>
      </c>
      <c r="AB61" s="599"/>
      <c r="AC61" s="600"/>
      <c r="AD61" s="572" t="s">
        <v>97</v>
      </c>
      <c r="AE61" s="572"/>
      <c r="AF61" s="572" t="s">
        <v>98</v>
      </c>
      <c r="AG61" s="572"/>
      <c r="AH61" s="583" t="s">
        <v>75</v>
      </c>
      <c r="AI61" s="583"/>
      <c r="AJ61" s="583"/>
      <c r="AK61" s="581" t="s">
        <v>159</v>
      </c>
      <c r="AL61" s="38"/>
      <c r="AM61" s="16"/>
    </row>
    <row r="62" spans="1:40" ht="13.4" customHeight="1">
      <c r="A62" s="20"/>
      <c r="B62" s="51"/>
      <c r="C62" s="573"/>
      <c r="D62" s="573"/>
      <c r="E62" s="583"/>
      <c r="F62" s="583"/>
      <c r="G62" s="583"/>
      <c r="H62" s="583"/>
      <c r="I62" s="583"/>
      <c r="J62" s="583"/>
      <c r="K62" s="583"/>
      <c r="L62" s="583"/>
      <c r="M62" s="583"/>
      <c r="N62" s="583"/>
      <c r="O62" s="583"/>
      <c r="P62" s="583"/>
      <c r="Q62" s="583"/>
      <c r="R62" s="583"/>
      <c r="S62" s="583"/>
      <c r="T62" s="583"/>
      <c r="U62" s="227"/>
      <c r="V62" s="572"/>
      <c r="W62" s="572"/>
      <c r="X62" s="572"/>
      <c r="Y62" s="572"/>
      <c r="Z62" s="572"/>
      <c r="AA62" s="601"/>
      <c r="AB62" s="602"/>
      <c r="AC62" s="603"/>
      <c r="AD62" s="572"/>
      <c r="AE62" s="572"/>
      <c r="AF62" s="572"/>
      <c r="AG62" s="572"/>
      <c r="AH62" s="583"/>
      <c r="AI62" s="583"/>
      <c r="AJ62" s="583"/>
      <c r="AK62" s="582"/>
      <c r="AL62" s="38"/>
      <c r="AM62" s="16"/>
    </row>
    <row r="63" spans="1:40" s="1" customFormat="1" ht="13.4" customHeight="1">
      <c r="A63" s="20"/>
      <c r="B63" s="20"/>
      <c r="C63" s="541">
        <v>1</v>
      </c>
      <c r="D63" s="542"/>
      <c r="E63" s="563" t="s">
        <v>440</v>
      </c>
      <c r="F63" s="564"/>
      <c r="G63" s="564"/>
      <c r="H63" s="564"/>
      <c r="I63" s="564"/>
      <c r="J63" s="564"/>
      <c r="K63" s="564"/>
      <c r="L63" s="564"/>
      <c r="M63" s="564"/>
      <c r="N63" s="564"/>
      <c r="O63" s="564"/>
      <c r="P63" s="564"/>
      <c r="Q63" s="564"/>
      <c r="R63" s="564"/>
      <c r="S63" s="564"/>
      <c r="T63" s="565"/>
      <c r="U63" s="219" t="s">
        <v>441</v>
      </c>
      <c r="V63" s="546" t="s">
        <v>101</v>
      </c>
      <c r="W63" s="547"/>
      <c r="X63" s="547"/>
      <c r="Y63" s="547"/>
      <c r="Z63" s="548"/>
      <c r="AA63" s="623" t="s">
        <v>102</v>
      </c>
      <c r="AB63" s="624"/>
      <c r="AC63" s="625"/>
      <c r="AD63" s="415">
        <v>10</v>
      </c>
      <c r="AE63" s="415" t="s">
        <v>103</v>
      </c>
      <c r="AF63" s="646"/>
      <c r="AG63" s="647"/>
      <c r="AH63" s="549"/>
      <c r="AI63" s="550"/>
      <c r="AJ63" s="551"/>
      <c r="AK63" s="343"/>
      <c r="AL63" s="38"/>
      <c r="AM63" s="26"/>
      <c r="AN63" s="1" t="str">
        <f>$M$19</f>
        <v>■</v>
      </c>
    </row>
    <row r="64" spans="1:40" s="1" customFormat="1" ht="13.4" customHeight="1">
      <c r="A64" s="20"/>
      <c r="B64" s="20"/>
      <c r="C64" s="541">
        <v>2</v>
      </c>
      <c r="D64" s="542"/>
      <c r="E64" s="563" t="s">
        <v>442</v>
      </c>
      <c r="F64" s="564"/>
      <c r="G64" s="564"/>
      <c r="H64" s="564"/>
      <c r="I64" s="564"/>
      <c r="J64" s="564"/>
      <c r="K64" s="564"/>
      <c r="L64" s="564"/>
      <c r="M64" s="564"/>
      <c r="N64" s="564"/>
      <c r="O64" s="564"/>
      <c r="P64" s="564"/>
      <c r="Q64" s="564"/>
      <c r="R64" s="564"/>
      <c r="S64" s="564"/>
      <c r="T64" s="565"/>
      <c r="U64" s="219" t="s">
        <v>443</v>
      </c>
      <c r="V64" s="546" t="s">
        <v>101</v>
      </c>
      <c r="W64" s="547"/>
      <c r="X64" s="547"/>
      <c r="Y64" s="547"/>
      <c r="Z64" s="548"/>
      <c r="AA64" s="623" t="s">
        <v>102</v>
      </c>
      <c r="AB64" s="624"/>
      <c r="AC64" s="625"/>
      <c r="AD64" s="415">
        <v>51</v>
      </c>
      <c r="AE64" s="415" t="s">
        <v>103</v>
      </c>
      <c r="AF64" s="646"/>
      <c r="AG64" s="647"/>
      <c r="AH64" s="549"/>
      <c r="AI64" s="550"/>
      <c r="AJ64" s="551"/>
      <c r="AK64" s="343"/>
      <c r="AL64" s="38"/>
      <c r="AM64" s="26"/>
      <c r="AN64" s="1" t="str">
        <f t="shared" ref="AN64:AN99" si="3">$M$19</f>
        <v>■</v>
      </c>
    </row>
    <row r="65" spans="1:40" s="13" customFormat="1" ht="13.4" customHeight="1">
      <c r="A65" s="20"/>
      <c r="B65" s="20"/>
      <c r="C65" s="552">
        <v>3</v>
      </c>
      <c r="D65" s="553"/>
      <c r="E65" s="566" t="s">
        <v>106</v>
      </c>
      <c r="F65" s="567"/>
      <c r="G65" s="567"/>
      <c r="H65" s="567"/>
      <c r="I65" s="567"/>
      <c r="J65" s="567"/>
      <c r="K65" s="567"/>
      <c r="L65" s="567"/>
      <c r="M65" s="567"/>
      <c r="N65" s="567"/>
      <c r="O65" s="567"/>
      <c r="P65" s="567"/>
      <c r="Q65" s="567"/>
      <c r="R65" s="567"/>
      <c r="S65" s="567"/>
      <c r="T65" s="568"/>
      <c r="U65" s="220" t="s">
        <v>444</v>
      </c>
      <c r="V65" s="557" t="s">
        <v>107</v>
      </c>
      <c r="W65" s="558"/>
      <c r="X65" s="558"/>
      <c r="Y65" s="558"/>
      <c r="Z65" s="559"/>
      <c r="AA65" s="626" t="s">
        <v>108</v>
      </c>
      <c r="AB65" s="627"/>
      <c r="AC65" s="628"/>
      <c r="AD65" s="419">
        <v>1</v>
      </c>
      <c r="AE65" s="419">
        <v>0</v>
      </c>
      <c r="AF65" s="569" t="s">
        <v>109</v>
      </c>
      <c r="AG65" s="570"/>
      <c r="AH65" s="560"/>
      <c r="AI65" s="561"/>
      <c r="AJ65" s="562"/>
      <c r="AK65" s="346" t="s">
        <v>391</v>
      </c>
      <c r="AL65" s="38"/>
      <c r="AM65" s="54"/>
      <c r="AN65" s="1" t="str">
        <f t="shared" si="3"/>
        <v>■</v>
      </c>
    </row>
    <row r="66" spans="1:40" s="13" customFormat="1" ht="13.4" customHeight="1">
      <c r="A66" s="20"/>
      <c r="B66" s="20"/>
      <c r="C66" s="541">
        <v>4</v>
      </c>
      <c r="D66" s="542"/>
      <c r="E66" s="563" t="s">
        <v>110</v>
      </c>
      <c r="F66" s="564"/>
      <c r="G66" s="564"/>
      <c r="H66" s="564"/>
      <c r="I66" s="564"/>
      <c r="J66" s="564"/>
      <c r="K66" s="564"/>
      <c r="L66" s="564"/>
      <c r="M66" s="564"/>
      <c r="N66" s="564"/>
      <c r="O66" s="564"/>
      <c r="P66" s="564"/>
      <c r="Q66" s="564"/>
      <c r="R66" s="564"/>
      <c r="S66" s="564"/>
      <c r="T66" s="565"/>
      <c r="U66" s="221" t="s">
        <v>445</v>
      </c>
      <c r="V66" s="546" t="s">
        <v>107</v>
      </c>
      <c r="W66" s="547"/>
      <c r="X66" s="547"/>
      <c r="Y66" s="547"/>
      <c r="Z66" s="548"/>
      <c r="AA66" s="623" t="s">
        <v>108</v>
      </c>
      <c r="AB66" s="624"/>
      <c r="AC66" s="625"/>
      <c r="AD66" s="415">
        <v>1</v>
      </c>
      <c r="AE66" s="415">
        <v>0</v>
      </c>
      <c r="AF66" s="646"/>
      <c r="AG66" s="647"/>
      <c r="AH66" s="549"/>
      <c r="AI66" s="550"/>
      <c r="AJ66" s="551"/>
      <c r="AK66" s="265"/>
      <c r="AL66" s="38"/>
      <c r="AM66" s="54"/>
      <c r="AN66" s="1" t="str">
        <f t="shared" si="3"/>
        <v>■</v>
      </c>
    </row>
    <row r="67" spans="1:40" s="1" customFormat="1">
      <c r="A67" s="20"/>
      <c r="B67" s="20"/>
      <c r="C67" s="541">
        <v>5</v>
      </c>
      <c r="D67" s="542"/>
      <c r="E67" s="543" t="s">
        <v>80</v>
      </c>
      <c r="F67" s="544"/>
      <c r="G67" s="544"/>
      <c r="H67" s="544"/>
      <c r="I67" s="544"/>
      <c r="J67" s="544"/>
      <c r="K67" s="544"/>
      <c r="L67" s="544"/>
      <c r="M67" s="544"/>
      <c r="N67" s="544"/>
      <c r="O67" s="544"/>
      <c r="P67" s="544"/>
      <c r="Q67" s="544"/>
      <c r="R67" s="544"/>
      <c r="S67" s="544"/>
      <c r="T67" s="545"/>
      <c r="U67" s="221" t="s">
        <v>446</v>
      </c>
      <c r="V67" s="546" t="s">
        <v>101</v>
      </c>
      <c r="W67" s="547"/>
      <c r="X67" s="547"/>
      <c r="Y67" s="547"/>
      <c r="Z67" s="548"/>
      <c r="AA67" s="623" t="s">
        <v>102</v>
      </c>
      <c r="AB67" s="624"/>
      <c r="AC67" s="625"/>
      <c r="AD67" s="415">
        <v>2</v>
      </c>
      <c r="AE67" s="415" t="s">
        <v>103</v>
      </c>
      <c r="AF67" s="646"/>
      <c r="AG67" s="647"/>
      <c r="AH67" s="549"/>
      <c r="AI67" s="550"/>
      <c r="AJ67" s="551"/>
      <c r="AK67" s="265"/>
      <c r="AL67" s="38"/>
      <c r="AM67" s="26"/>
      <c r="AN67" s="1" t="str">
        <f t="shared" si="3"/>
        <v>■</v>
      </c>
    </row>
    <row r="68" spans="1:40" s="13" customFormat="1">
      <c r="A68" s="20"/>
      <c r="B68" s="20"/>
      <c r="C68" s="552">
        <v>6</v>
      </c>
      <c r="D68" s="553"/>
      <c r="E68" s="554" t="s">
        <v>111</v>
      </c>
      <c r="F68" s="555"/>
      <c r="G68" s="555"/>
      <c r="H68" s="555"/>
      <c r="I68" s="555"/>
      <c r="J68" s="555"/>
      <c r="K68" s="555"/>
      <c r="L68" s="555"/>
      <c r="M68" s="555"/>
      <c r="N68" s="555"/>
      <c r="O68" s="555"/>
      <c r="P68" s="555"/>
      <c r="Q68" s="555"/>
      <c r="R68" s="555"/>
      <c r="S68" s="555"/>
      <c r="T68" s="556"/>
      <c r="U68" s="259" t="s">
        <v>447</v>
      </c>
      <c r="V68" s="557" t="s">
        <v>107</v>
      </c>
      <c r="W68" s="558"/>
      <c r="X68" s="558"/>
      <c r="Y68" s="558"/>
      <c r="Z68" s="559"/>
      <c r="AA68" s="626" t="s">
        <v>108</v>
      </c>
      <c r="AB68" s="627"/>
      <c r="AC68" s="628"/>
      <c r="AD68" s="419">
        <v>3</v>
      </c>
      <c r="AE68" s="419">
        <v>0</v>
      </c>
      <c r="AF68" s="569" t="s">
        <v>109</v>
      </c>
      <c r="AG68" s="570"/>
      <c r="AH68" s="560"/>
      <c r="AI68" s="561"/>
      <c r="AJ68" s="562"/>
      <c r="AK68" s="321" t="s">
        <v>391</v>
      </c>
      <c r="AL68" s="38"/>
      <c r="AM68" s="54"/>
      <c r="AN68" s="1" t="str">
        <f t="shared" si="3"/>
        <v>■</v>
      </c>
    </row>
    <row r="69" spans="1:40" s="13" customFormat="1">
      <c r="A69" s="20"/>
      <c r="B69" s="20"/>
      <c r="C69" s="541">
        <v>7</v>
      </c>
      <c r="D69" s="542"/>
      <c r="E69" s="543" t="s">
        <v>112</v>
      </c>
      <c r="F69" s="544"/>
      <c r="G69" s="544"/>
      <c r="H69" s="544"/>
      <c r="I69" s="544"/>
      <c r="J69" s="544"/>
      <c r="K69" s="544"/>
      <c r="L69" s="544"/>
      <c r="M69" s="544"/>
      <c r="N69" s="544"/>
      <c r="O69" s="544"/>
      <c r="P69" s="544"/>
      <c r="Q69" s="544"/>
      <c r="R69" s="544"/>
      <c r="S69" s="544"/>
      <c r="T69" s="545"/>
      <c r="U69" s="221" t="s">
        <v>448</v>
      </c>
      <c r="V69" s="546" t="s">
        <v>101</v>
      </c>
      <c r="W69" s="547"/>
      <c r="X69" s="547"/>
      <c r="Y69" s="547"/>
      <c r="Z69" s="548"/>
      <c r="AA69" s="623" t="s">
        <v>102</v>
      </c>
      <c r="AB69" s="624"/>
      <c r="AC69" s="625"/>
      <c r="AD69" s="415">
        <v>64</v>
      </c>
      <c r="AE69" s="415" t="s">
        <v>103</v>
      </c>
      <c r="AF69" s="646"/>
      <c r="AG69" s="647"/>
      <c r="AH69" s="549"/>
      <c r="AI69" s="550"/>
      <c r="AJ69" s="551"/>
      <c r="AK69" s="265"/>
      <c r="AL69" s="38"/>
      <c r="AM69" s="54"/>
      <c r="AN69" s="1" t="str">
        <f t="shared" si="3"/>
        <v>■</v>
      </c>
    </row>
    <row r="70" spans="1:40" s="13" customFormat="1">
      <c r="A70" s="20"/>
      <c r="B70" s="20"/>
      <c r="C70" s="541">
        <v>8</v>
      </c>
      <c r="D70" s="542"/>
      <c r="E70" s="543" t="s">
        <v>113</v>
      </c>
      <c r="F70" s="544"/>
      <c r="G70" s="544"/>
      <c r="H70" s="544"/>
      <c r="I70" s="544"/>
      <c r="J70" s="544"/>
      <c r="K70" s="544"/>
      <c r="L70" s="544"/>
      <c r="M70" s="544"/>
      <c r="N70" s="544"/>
      <c r="O70" s="544"/>
      <c r="P70" s="544"/>
      <c r="Q70" s="544"/>
      <c r="R70" s="544"/>
      <c r="S70" s="544"/>
      <c r="T70" s="545"/>
      <c r="U70" s="221" t="s">
        <v>449</v>
      </c>
      <c r="V70" s="546" t="s">
        <v>101</v>
      </c>
      <c r="W70" s="547"/>
      <c r="X70" s="547"/>
      <c r="Y70" s="547"/>
      <c r="Z70" s="548"/>
      <c r="AA70" s="623" t="s">
        <v>102</v>
      </c>
      <c r="AB70" s="624"/>
      <c r="AC70" s="625"/>
      <c r="AD70" s="415">
        <v>64</v>
      </c>
      <c r="AE70" s="415" t="s">
        <v>103</v>
      </c>
      <c r="AF70" s="646"/>
      <c r="AG70" s="647"/>
      <c r="AH70" s="549"/>
      <c r="AI70" s="550"/>
      <c r="AJ70" s="551"/>
      <c r="AK70" s="265"/>
      <c r="AL70" s="38"/>
      <c r="AM70" s="54"/>
      <c r="AN70" s="1" t="str">
        <f t="shared" si="3"/>
        <v>■</v>
      </c>
    </row>
    <row r="71" spans="1:40" s="1" customFormat="1">
      <c r="A71" s="20"/>
      <c r="B71" s="20"/>
      <c r="C71" s="541">
        <v>9</v>
      </c>
      <c r="D71" s="542"/>
      <c r="E71" s="543" t="s">
        <v>114</v>
      </c>
      <c r="F71" s="544"/>
      <c r="G71" s="544"/>
      <c r="H71" s="544"/>
      <c r="I71" s="544"/>
      <c r="J71" s="544"/>
      <c r="K71" s="544"/>
      <c r="L71" s="544"/>
      <c r="M71" s="544"/>
      <c r="N71" s="544"/>
      <c r="O71" s="544"/>
      <c r="P71" s="544"/>
      <c r="Q71" s="544"/>
      <c r="R71" s="544"/>
      <c r="S71" s="544"/>
      <c r="T71" s="545"/>
      <c r="U71" s="221" t="s">
        <v>450</v>
      </c>
      <c r="V71" s="546" t="s">
        <v>101</v>
      </c>
      <c r="W71" s="547"/>
      <c r="X71" s="547"/>
      <c r="Y71" s="547"/>
      <c r="Z71" s="548"/>
      <c r="AA71" s="623" t="s">
        <v>102</v>
      </c>
      <c r="AB71" s="624"/>
      <c r="AC71" s="625"/>
      <c r="AD71" s="415">
        <v>64</v>
      </c>
      <c r="AE71" s="415" t="s">
        <v>103</v>
      </c>
      <c r="AF71" s="646"/>
      <c r="AG71" s="647"/>
      <c r="AH71" s="549"/>
      <c r="AI71" s="550"/>
      <c r="AJ71" s="551"/>
      <c r="AK71" s="265"/>
      <c r="AL71" s="38"/>
      <c r="AM71" s="26"/>
      <c r="AN71" s="1" t="str">
        <f t="shared" si="3"/>
        <v>■</v>
      </c>
    </row>
    <row r="72" spans="1:40" s="1" customFormat="1">
      <c r="A72" s="20"/>
      <c r="B72" s="20"/>
      <c r="C72" s="541">
        <v>10</v>
      </c>
      <c r="D72" s="542"/>
      <c r="E72" s="543" t="s">
        <v>115</v>
      </c>
      <c r="F72" s="544"/>
      <c r="G72" s="544"/>
      <c r="H72" s="544"/>
      <c r="I72" s="544"/>
      <c r="J72" s="544"/>
      <c r="K72" s="544"/>
      <c r="L72" s="544"/>
      <c r="M72" s="544"/>
      <c r="N72" s="544"/>
      <c r="O72" s="544"/>
      <c r="P72" s="544"/>
      <c r="Q72" s="544"/>
      <c r="R72" s="544"/>
      <c r="S72" s="544"/>
      <c r="T72" s="545"/>
      <c r="U72" s="221" t="s">
        <v>451</v>
      </c>
      <c r="V72" s="546" t="s">
        <v>107</v>
      </c>
      <c r="W72" s="547"/>
      <c r="X72" s="547"/>
      <c r="Y72" s="547"/>
      <c r="Z72" s="548"/>
      <c r="AA72" s="623" t="s">
        <v>108</v>
      </c>
      <c r="AB72" s="624"/>
      <c r="AC72" s="625"/>
      <c r="AD72" s="415">
        <v>6</v>
      </c>
      <c r="AE72" s="415">
        <v>0</v>
      </c>
      <c r="AF72" s="646"/>
      <c r="AG72" s="647"/>
      <c r="AH72" s="549"/>
      <c r="AI72" s="550"/>
      <c r="AJ72" s="551"/>
      <c r="AK72" s="344"/>
      <c r="AL72" s="38"/>
      <c r="AM72" s="26"/>
      <c r="AN72" s="1" t="str">
        <f t="shared" si="3"/>
        <v>■</v>
      </c>
    </row>
    <row r="73" spans="1:40" s="1" customFormat="1">
      <c r="A73" s="20"/>
      <c r="B73" s="20"/>
      <c r="C73" s="541">
        <v>11</v>
      </c>
      <c r="D73" s="542"/>
      <c r="E73" s="543" t="s">
        <v>116</v>
      </c>
      <c r="F73" s="544"/>
      <c r="G73" s="544"/>
      <c r="H73" s="544"/>
      <c r="I73" s="544"/>
      <c r="J73" s="544"/>
      <c r="K73" s="544"/>
      <c r="L73" s="544"/>
      <c r="M73" s="544"/>
      <c r="N73" s="544"/>
      <c r="O73" s="544"/>
      <c r="P73" s="544"/>
      <c r="Q73" s="544"/>
      <c r="R73" s="544"/>
      <c r="S73" s="544"/>
      <c r="T73" s="545"/>
      <c r="U73" s="221" t="s">
        <v>452</v>
      </c>
      <c r="V73" s="546" t="s">
        <v>107</v>
      </c>
      <c r="W73" s="547"/>
      <c r="X73" s="547"/>
      <c r="Y73" s="547"/>
      <c r="Z73" s="548"/>
      <c r="AA73" s="623" t="s">
        <v>102</v>
      </c>
      <c r="AB73" s="624"/>
      <c r="AC73" s="625"/>
      <c r="AD73" s="415">
        <v>4</v>
      </c>
      <c r="AE73" s="415" t="s">
        <v>103</v>
      </c>
      <c r="AF73" s="646"/>
      <c r="AG73" s="647"/>
      <c r="AH73" s="549"/>
      <c r="AI73" s="550"/>
      <c r="AJ73" s="551"/>
      <c r="AK73" s="265"/>
      <c r="AL73" s="38"/>
      <c r="AM73" s="26"/>
      <c r="AN73" s="1" t="str">
        <f t="shared" si="3"/>
        <v>■</v>
      </c>
    </row>
    <row r="74" spans="1:40" s="1" customFormat="1">
      <c r="A74" s="20"/>
      <c r="B74" s="20"/>
      <c r="C74" s="541">
        <v>12</v>
      </c>
      <c r="D74" s="542"/>
      <c r="E74" s="543" t="s">
        <v>1351</v>
      </c>
      <c r="F74" s="544"/>
      <c r="G74" s="544"/>
      <c r="H74" s="544"/>
      <c r="I74" s="544"/>
      <c r="J74" s="544"/>
      <c r="K74" s="544"/>
      <c r="L74" s="544"/>
      <c r="M74" s="544"/>
      <c r="N74" s="544"/>
      <c r="O74" s="544"/>
      <c r="P74" s="544"/>
      <c r="Q74" s="544"/>
      <c r="R74" s="544"/>
      <c r="S74" s="544"/>
      <c r="T74" s="545"/>
      <c r="U74" s="221" t="s">
        <v>453</v>
      </c>
      <c r="V74" s="546" t="s">
        <v>107</v>
      </c>
      <c r="W74" s="547"/>
      <c r="X74" s="547"/>
      <c r="Y74" s="547"/>
      <c r="Z74" s="548"/>
      <c r="AA74" s="623" t="s">
        <v>102</v>
      </c>
      <c r="AB74" s="624"/>
      <c r="AC74" s="625"/>
      <c r="AD74" s="415">
        <v>6</v>
      </c>
      <c r="AE74" s="415" t="s">
        <v>103</v>
      </c>
      <c r="AF74" s="646"/>
      <c r="AG74" s="647"/>
      <c r="AH74" s="549"/>
      <c r="AI74" s="550"/>
      <c r="AJ74" s="551"/>
      <c r="AK74" s="265"/>
      <c r="AL74" s="38"/>
      <c r="AM74" s="26"/>
      <c r="AN74" s="1" t="str">
        <f t="shared" si="3"/>
        <v>■</v>
      </c>
    </row>
    <row r="75" spans="1:40" s="1" customFormat="1">
      <c r="A75" s="20"/>
      <c r="B75" s="20"/>
      <c r="C75" s="541">
        <v>13</v>
      </c>
      <c r="D75" s="542"/>
      <c r="E75" s="543" t="s">
        <v>454</v>
      </c>
      <c r="F75" s="544"/>
      <c r="G75" s="544"/>
      <c r="H75" s="544"/>
      <c r="I75" s="544"/>
      <c r="J75" s="544"/>
      <c r="K75" s="544"/>
      <c r="L75" s="544"/>
      <c r="M75" s="544"/>
      <c r="N75" s="544"/>
      <c r="O75" s="544"/>
      <c r="P75" s="544"/>
      <c r="Q75" s="544"/>
      <c r="R75" s="544"/>
      <c r="S75" s="544"/>
      <c r="T75" s="545"/>
      <c r="U75" s="221" t="s">
        <v>455</v>
      </c>
      <c r="V75" s="546" t="s">
        <v>107</v>
      </c>
      <c r="W75" s="547"/>
      <c r="X75" s="547"/>
      <c r="Y75" s="547"/>
      <c r="Z75" s="548"/>
      <c r="AA75" s="623" t="s">
        <v>102</v>
      </c>
      <c r="AB75" s="624"/>
      <c r="AC75" s="625"/>
      <c r="AD75" s="415">
        <v>1</v>
      </c>
      <c r="AE75" s="415" t="s">
        <v>103</v>
      </c>
      <c r="AF75" s="646"/>
      <c r="AG75" s="647"/>
      <c r="AH75" s="549"/>
      <c r="AI75" s="550"/>
      <c r="AJ75" s="551"/>
      <c r="AK75" s="265"/>
      <c r="AL75" s="38"/>
      <c r="AM75" s="26"/>
      <c r="AN75" s="1" t="str">
        <f t="shared" si="3"/>
        <v>■</v>
      </c>
    </row>
    <row r="76" spans="1:40" s="13" customFormat="1">
      <c r="A76" s="20"/>
      <c r="B76" s="20"/>
      <c r="C76" s="552">
        <v>14</v>
      </c>
      <c r="D76" s="553"/>
      <c r="E76" s="554" t="s">
        <v>760</v>
      </c>
      <c r="F76" s="555"/>
      <c r="G76" s="555"/>
      <c r="H76" s="555"/>
      <c r="I76" s="555"/>
      <c r="J76" s="555"/>
      <c r="K76" s="555"/>
      <c r="L76" s="555"/>
      <c r="M76" s="555"/>
      <c r="N76" s="555"/>
      <c r="O76" s="555"/>
      <c r="P76" s="555"/>
      <c r="Q76" s="555"/>
      <c r="R76" s="555"/>
      <c r="S76" s="555"/>
      <c r="T76" s="556"/>
      <c r="U76" s="259" t="s">
        <v>457</v>
      </c>
      <c r="V76" s="557" t="s">
        <v>107</v>
      </c>
      <c r="W76" s="558"/>
      <c r="X76" s="558"/>
      <c r="Y76" s="558"/>
      <c r="Z76" s="559"/>
      <c r="AA76" s="626" t="s">
        <v>102</v>
      </c>
      <c r="AB76" s="627"/>
      <c r="AC76" s="628"/>
      <c r="AD76" s="419">
        <v>6</v>
      </c>
      <c r="AE76" s="419" t="s">
        <v>103</v>
      </c>
      <c r="AF76" s="569" t="s">
        <v>109</v>
      </c>
      <c r="AG76" s="570"/>
      <c r="AH76" s="560"/>
      <c r="AI76" s="561"/>
      <c r="AJ76" s="562"/>
      <c r="AK76" s="321" t="s">
        <v>391</v>
      </c>
      <c r="AL76" s="38"/>
      <c r="AM76" s="54"/>
      <c r="AN76" s="1" t="str">
        <f t="shared" si="3"/>
        <v>■</v>
      </c>
    </row>
    <row r="77" spans="1:40" s="1" customFormat="1">
      <c r="A77" s="20"/>
      <c r="B77" s="20"/>
      <c r="C77" s="541">
        <v>15</v>
      </c>
      <c r="D77" s="542"/>
      <c r="E77" s="543" t="s">
        <v>458</v>
      </c>
      <c r="F77" s="544"/>
      <c r="G77" s="544"/>
      <c r="H77" s="544"/>
      <c r="I77" s="544"/>
      <c r="J77" s="544"/>
      <c r="K77" s="544"/>
      <c r="L77" s="544"/>
      <c r="M77" s="544"/>
      <c r="N77" s="544"/>
      <c r="O77" s="544"/>
      <c r="P77" s="544"/>
      <c r="Q77" s="544"/>
      <c r="R77" s="544"/>
      <c r="S77" s="544"/>
      <c r="T77" s="545"/>
      <c r="U77" s="221" t="s">
        <v>459</v>
      </c>
      <c r="V77" s="546" t="s">
        <v>107</v>
      </c>
      <c r="W77" s="547"/>
      <c r="X77" s="547"/>
      <c r="Y77" s="547"/>
      <c r="Z77" s="548"/>
      <c r="AA77" s="623" t="s">
        <v>108</v>
      </c>
      <c r="AB77" s="624"/>
      <c r="AC77" s="625"/>
      <c r="AD77" s="415">
        <v>3</v>
      </c>
      <c r="AE77" s="415">
        <v>0</v>
      </c>
      <c r="AF77" s="646"/>
      <c r="AG77" s="647"/>
      <c r="AH77" s="549"/>
      <c r="AI77" s="550"/>
      <c r="AJ77" s="551"/>
      <c r="AK77" s="344"/>
      <c r="AL77" s="38"/>
      <c r="AM77" s="26"/>
      <c r="AN77" s="1" t="str">
        <f t="shared" si="3"/>
        <v>■</v>
      </c>
    </row>
    <row r="78" spans="1:40" s="1" customFormat="1">
      <c r="A78" s="20"/>
      <c r="B78" s="20"/>
      <c r="C78" s="541">
        <v>16</v>
      </c>
      <c r="D78" s="542"/>
      <c r="E78" s="543" t="s">
        <v>466</v>
      </c>
      <c r="F78" s="544"/>
      <c r="G78" s="544"/>
      <c r="H78" s="544"/>
      <c r="I78" s="544"/>
      <c r="J78" s="544"/>
      <c r="K78" s="544"/>
      <c r="L78" s="544"/>
      <c r="M78" s="544"/>
      <c r="N78" s="544"/>
      <c r="O78" s="544"/>
      <c r="P78" s="544"/>
      <c r="Q78" s="544"/>
      <c r="R78" s="544"/>
      <c r="S78" s="544"/>
      <c r="T78" s="545"/>
      <c r="U78" s="221" t="s">
        <v>467</v>
      </c>
      <c r="V78" s="546" t="s">
        <v>101</v>
      </c>
      <c r="W78" s="547"/>
      <c r="X78" s="547"/>
      <c r="Y78" s="547"/>
      <c r="Z78" s="548"/>
      <c r="AA78" s="623" t="s">
        <v>102</v>
      </c>
      <c r="AB78" s="624"/>
      <c r="AC78" s="625"/>
      <c r="AD78" s="415">
        <v>10</v>
      </c>
      <c r="AE78" s="415" t="s">
        <v>103</v>
      </c>
      <c r="AF78" s="646"/>
      <c r="AG78" s="647"/>
      <c r="AH78" s="549"/>
      <c r="AI78" s="550"/>
      <c r="AJ78" s="551"/>
      <c r="AK78" s="265"/>
      <c r="AL78" s="38"/>
      <c r="AM78" s="26"/>
      <c r="AN78" s="1" t="str">
        <f t="shared" si="3"/>
        <v>■</v>
      </c>
    </row>
    <row r="79" spans="1:40" s="1" customFormat="1">
      <c r="A79" s="20"/>
      <c r="B79" s="20"/>
      <c r="C79" s="541">
        <v>17</v>
      </c>
      <c r="D79" s="542"/>
      <c r="E79" s="543" t="s">
        <v>1358</v>
      </c>
      <c r="F79" s="544"/>
      <c r="G79" s="544"/>
      <c r="H79" s="544"/>
      <c r="I79" s="544"/>
      <c r="J79" s="544"/>
      <c r="K79" s="544"/>
      <c r="L79" s="544"/>
      <c r="M79" s="544"/>
      <c r="N79" s="544"/>
      <c r="O79" s="544"/>
      <c r="P79" s="544"/>
      <c r="Q79" s="544"/>
      <c r="R79" s="544"/>
      <c r="S79" s="544"/>
      <c r="T79" s="545"/>
      <c r="U79" s="221" t="s">
        <v>746</v>
      </c>
      <c r="V79" s="546" t="s">
        <v>107</v>
      </c>
      <c r="W79" s="547"/>
      <c r="X79" s="547"/>
      <c r="Y79" s="547"/>
      <c r="Z79" s="548"/>
      <c r="AA79" s="623" t="s">
        <v>102</v>
      </c>
      <c r="AB79" s="624"/>
      <c r="AC79" s="625"/>
      <c r="AD79" s="415">
        <v>2</v>
      </c>
      <c r="AE79" s="415" t="s">
        <v>103</v>
      </c>
      <c r="AF79" s="646"/>
      <c r="AG79" s="647"/>
      <c r="AH79" s="549"/>
      <c r="AI79" s="550"/>
      <c r="AJ79" s="551"/>
      <c r="AK79" s="265"/>
      <c r="AL79" s="38"/>
      <c r="AM79" s="26"/>
      <c r="AN79" s="1" t="str">
        <f t="shared" si="3"/>
        <v>■</v>
      </c>
    </row>
    <row r="80" spans="1:40" s="1" customFormat="1" ht="13.4" customHeight="1">
      <c r="A80" s="20"/>
      <c r="B80" s="20"/>
      <c r="C80" s="541">
        <v>18</v>
      </c>
      <c r="D80" s="542"/>
      <c r="E80" s="691" t="s">
        <v>1359</v>
      </c>
      <c r="F80" s="692"/>
      <c r="G80" s="692"/>
      <c r="H80" s="692"/>
      <c r="I80" s="692"/>
      <c r="J80" s="692"/>
      <c r="K80" s="692"/>
      <c r="L80" s="692"/>
      <c r="M80" s="692"/>
      <c r="N80" s="692"/>
      <c r="O80" s="692"/>
      <c r="P80" s="692"/>
      <c r="Q80" s="692"/>
      <c r="R80" s="692"/>
      <c r="S80" s="692"/>
      <c r="T80" s="693"/>
      <c r="U80" s="221" t="s">
        <v>747</v>
      </c>
      <c r="V80" s="546" t="s">
        <v>107</v>
      </c>
      <c r="W80" s="547"/>
      <c r="X80" s="547"/>
      <c r="Y80" s="547"/>
      <c r="Z80" s="548"/>
      <c r="AA80" s="623" t="s">
        <v>102</v>
      </c>
      <c r="AB80" s="624"/>
      <c r="AC80" s="625"/>
      <c r="AD80" s="415">
        <v>1</v>
      </c>
      <c r="AE80" s="415" t="s">
        <v>103</v>
      </c>
      <c r="AF80" s="646"/>
      <c r="AG80" s="647"/>
      <c r="AH80" s="549"/>
      <c r="AI80" s="550"/>
      <c r="AJ80" s="551"/>
      <c r="AK80" s="343"/>
      <c r="AL80" s="38"/>
      <c r="AM80" s="26"/>
      <c r="AN80" s="1" t="str">
        <f t="shared" si="3"/>
        <v>■</v>
      </c>
    </row>
    <row r="81" spans="1:40" s="13" customFormat="1">
      <c r="A81" s="20"/>
      <c r="B81" s="20"/>
      <c r="C81" s="552">
        <v>19</v>
      </c>
      <c r="D81" s="553"/>
      <c r="E81" s="554" t="s">
        <v>1360</v>
      </c>
      <c r="F81" s="555"/>
      <c r="G81" s="555"/>
      <c r="H81" s="555"/>
      <c r="I81" s="555"/>
      <c r="J81" s="555"/>
      <c r="K81" s="555"/>
      <c r="L81" s="555"/>
      <c r="M81" s="555"/>
      <c r="N81" s="555"/>
      <c r="O81" s="555"/>
      <c r="P81" s="555"/>
      <c r="Q81" s="555"/>
      <c r="R81" s="555"/>
      <c r="S81" s="555"/>
      <c r="T81" s="556"/>
      <c r="U81" s="259" t="s">
        <v>1361</v>
      </c>
      <c r="V81" s="557" t="s">
        <v>107</v>
      </c>
      <c r="W81" s="558"/>
      <c r="X81" s="558"/>
      <c r="Y81" s="558"/>
      <c r="Z81" s="559"/>
      <c r="AA81" s="626" t="s">
        <v>102</v>
      </c>
      <c r="AB81" s="627"/>
      <c r="AC81" s="628"/>
      <c r="AD81" s="419">
        <v>7</v>
      </c>
      <c r="AE81" s="419" t="s">
        <v>103</v>
      </c>
      <c r="AF81" s="569" t="s">
        <v>109</v>
      </c>
      <c r="AG81" s="570"/>
      <c r="AH81" s="560"/>
      <c r="AI81" s="561"/>
      <c r="AJ81" s="562"/>
      <c r="AK81" s="346" t="s">
        <v>391</v>
      </c>
      <c r="AL81" s="38"/>
      <c r="AM81" s="54"/>
      <c r="AN81" s="1" t="str">
        <f t="shared" si="3"/>
        <v>■</v>
      </c>
    </row>
    <row r="82" spans="1:40" s="13" customFormat="1">
      <c r="A82" s="20"/>
      <c r="B82" s="20"/>
      <c r="C82" s="541">
        <v>20</v>
      </c>
      <c r="D82" s="542"/>
      <c r="E82" s="691" t="s">
        <v>1362</v>
      </c>
      <c r="F82" s="692"/>
      <c r="G82" s="692"/>
      <c r="H82" s="692"/>
      <c r="I82" s="692"/>
      <c r="J82" s="692"/>
      <c r="K82" s="692"/>
      <c r="L82" s="692"/>
      <c r="M82" s="692"/>
      <c r="N82" s="692"/>
      <c r="O82" s="692"/>
      <c r="P82" s="692"/>
      <c r="Q82" s="692"/>
      <c r="R82" s="692"/>
      <c r="S82" s="692"/>
      <c r="T82" s="693"/>
      <c r="U82" s="221" t="s">
        <v>1363</v>
      </c>
      <c r="V82" s="546" t="s">
        <v>107</v>
      </c>
      <c r="W82" s="547"/>
      <c r="X82" s="547"/>
      <c r="Y82" s="547"/>
      <c r="Z82" s="548"/>
      <c r="AA82" s="623" t="s">
        <v>102</v>
      </c>
      <c r="AB82" s="624"/>
      <c r="AC82" s="625"/>
      <c r="AD82" s="415">
        <v>7</v>
      </c>
      <c r="AE82" s="415" t="s">
        <v>103</v>
      </c>
      <c r="AF82" s="646"/>
      <c r="AG82" s="647"/>
      <c r="AH82" s="549"/>
      <c r="AI82" s="550"/>
      <c r="AJ82" s="551"/>
      <c r="AK82" s="265" t="s">
        <v>3020</v>
      </c>
      <c r="AL82" s="38"/>
      <c r="AM82" s="54"/>
      <c r="AN82" s="1" t="str">
        <f t="shared" si="3"/>
        <v>■</v>
      </c>
    </row>
    <row r="83" spans="1:40" s="1" customFormat="1">
      <c r="A83" s="20"/>
      <c r="B83" s="20"/>
      <c r="C83" s="552">
        <v>21</v>
      </c>
      <c r="D83" s="553"/>
      <c r="E83" s="554" t="s">
        <v>400</v>
      </c>
      <c r="F83" s="555"/>
      <c r="G83" s="555"/>
      <c r="H83" s="555"/>
      <c r="I83" s="555"/>
      <c r="J83" s="555"/>
      <c r="K83" s="555"/>
      <c r="L83" s="555"/>
      <c r="M83" s="555"/>
      <c r="N83" s="555"/>
      <c r="O83" s="555"/>
      <c r="P83" s="555"/>
      <c r="Q83" s="555"/>
      <c r="R83" s="555"/>
      <c r="S83" s="555"/>
      <c r="T83" s="556"/>
      <c r="U83" s="220" t="s">
        <v>474</v>
      </c>
      <c r="V83" s="557" t="s">
        <v>717</v>
      </c>
      <c r="W83" s="558"/>
      <c r="X83" s="558"/>
      <c r="Y83" s="558"/>
      <c r="Z83" s="559"/>
      <c r="AA83" s="626" t="s">
        <v>102</v>
      </c>
      <c r="AB83" s="627"/>
      <c r="AC83" s="628"/>
      <c r="AD83" s="419">
        <v>1</v>
      </c>
      <c r="AE83" s="419" t="s">
        <v>103</v>
      </c>
      <c r="AF83" s="569" t="s">
        <v>109</v>
      </c>
      <c r="AG83" s="570"/>
      <c r="AH83" s="560"/>
      <c r="AI83" s="561"/>
      <c r="AJ83" s="562"/>
      <c r="AK83" s="333" t="s">
        <v>399</v>
      </c>
      <c r="AL83" s="38"/>
      <c r="AM83" s="26"/>
      <c r="AN83" s="1" t="str">
        <f t="shared" si="3"/>
        <v>■</v>
      </c>
    </row>
    <row r="84" spans="1:40" s="1" customFormat="1">
      <c r="A84" s="20"/>
      <c r="B84" s="20"/>
      <c r="C84" s="552">
        <v>22</v>
      </c>
      <c r="D84" s="553"/>
      <c r="E84" s="554" t="s">
        <v>478</v>
      </c>
      <c r="F84" s="555"/>
      <c r="G84" s="555"/>
      <c r="H84" s="555"/>
      <c r="I84" s="555"/>
      <c r="J84" s="555"/>
      <c r="K84" s="555"/>
      <c r="L84" s="555"/>
      <c r="M84" s="555"/>
      <c r="N84" s="555"/>
      <c r="O84" s="555"/>
      <c r="P84" s="555"/>
      <c r="Q84" s="555"/>
      <c r="R84" s="555"/>
      <c r="S84" s="555"/>
      <c r="T84" s="556"/>
      <c r="U84" s="220" t="s">
        <v>479</v>
      </c>
      <c r="V84" s="557" t="s">
        <v>717</v>
      </c>
      <c r="W84" s="558"/>
      <c r="X84" s="558"/>
      <c r="Y84" s="558"/>
      <c r="Z84" s="559"/>
      <c r="AA84" s="626" t="s">
        <v>102</v>
      </c>
      <c r="AB84" s="627"/>
      <c r="AC84" s="628"/>
      <c r="AD84" s="419">
        <v>30</v>
      </c>
      <c r="AE84" s="419" t="s">
        <v>103</v>
      </c>
      <c r="AF84" s="569" t="s">
        <v>109</v>
      </c>
      <c r="AG84" s="570"/>
      <c r="AH84" s="560"/>
      <c r="AI84" s="561"/>
      <c r="AJ84" s="562"/>
      <c r="AK84" s="346" t="s">
        <v>416</v>
      </c>
      <c r="AL84" s="38"/>
      <c r="AM84" s="26"/>
      <c r="AN84" s="1" t="str">
        <f t="shared" si="3"/>
        <v>■</v>
      </c>
    </row>
    <row r="85" spans="1:40" s="1" customFormat="1" ht="13" customHeight="1">
      <c r="A85" s="20"/>
      <c r="B85" s="20"/>
      <c r="C85" s="552">
        <v>23</v>
      </c>
      <c r="D85" s="553"/>
      <c r="E85" s="554" t="s">
        <v>481</v>
      </c>
      <c r="F85" s="555"/>
      <c r="G85" s="555"/>
      <c r="H85" s="555"/>
      <c r="I85" s="555"/>
      <c r="J85" s="555"/>
      <c r="K85" s="555"/>
      <c r="L85" s="555"/>
      <c r="M85" s="555"/>
      <c r="N85" s="555"/>
      <c r="O85" s="555"/>
      <c r="P85" s="555"/>
      <c r="Q85" s="555"/>
      <c r="R85" s="555"/>
      <c r="S85" s="555"/>
      <c r="T85" s="556"/>
      <c r="U85" s="220" t="s">
        <v>482</v>
      </c>
      <c r="V85" s="557" t="s">
        <v>717</v>
      </c>
      <c r="W85" s="558"/>
      <c r="X85" s="558"/>
      <c r="Y85" s="558"/>
      <c r="Z85" s="559"/>
      <c r="AA85" s="626" t="s">
        <v>102</v>
      </c>
      <c r="AB85" s="627"/>
      <c r="AC85" s="628"/>
      <c r="AD85" s="419">
        <v>5</v>
      </c>
      <c r="AE85" s="419" t="s">
        <v>103</v>
      </c>
      <c r="AF85" s="569" t="s">
        <v>109</v>
      </c>
      <c r="AG85" s="570"/>
      <c r="AH85" s="560"/>
      <c r="AI85" s="561"/>
      <c r="AJ85" s="562"/>
      <c r="AK85" s="346" t="s">
        <v>416</v>
      </c>
      <c r="AL85" s="38"/>
      <c r="AM85" s="26"/>
      <c r="AN85" s="1" t="str">
        <f t="shared" si="3"/>
        <v>■</v>
      </c>
    </row>
    <row r="86" spans="1:40" s="13" customFormat="1" ht="13.5" customHeight="1">
      <c r="A86" s="20"/>
      <c r="B86" s="20"/>
      <c r="C86" s="552">
        <v>24</v>
      </c>
      <c r="D86" s="553"/>
      <c r="E86" s="554" t="s">
        <v>483</v>
      </c>
      <c r="F86" s="555"/>
      <c r="G86" s="555"/>
      <c r="H86" s="555"/>
      <c r="I86" s="555"/>
      <c r="J86" s="555"/>
      <c r="K86" s="555"/>
      <c r="L86" s="555"/>
      <c r="M86" s="555"/>
      <c r="N86" s="555"/>
      <c r="O86" s="555"/>
      <c r="P86" s="555"/>
      <c r="Q86" s="555"/>
      <c r="R86" s="555"/>
      <c r="S86" s="555"/>
      <c r="T86" s="556"/>
      <c r="U86" s="259" t="s">
        <v>484</v>
      </c>
      <c r="V86" s="569" t="s">
        <v>485</v>
      </c>
      <c r="W86" s="594"/>
      <c r="X86" s="594"/>
      <c r="Y86" s="594"/>
      <c r="Z86" s="570"/>
      <c r="AA86" s="635" t="s">
        <v>102</v>
      </c>
      <c r="AB86" s="636"/>
      <c r="AC86" s="637"/>
      <c r="AD86" s="419">
        <v>40</v>
      </c>
      <c r="AE86" s="419" t="s">
        <v>103</v>
      </c>
      <c r="AF86" s="569" t="s">
        <v>109</v>
      </c>
      <c r="AG86" s="570"/>
      <c r="AH86" s="560"/>
      <c r="AI86" s="561"/>
      <c r="AJ86" s="562"/>
      <c r="AK86" s="333" t="s">
        <v>399</v>
      </c>
      <c r="AL86" s="38"/>
      <c r="AM86" s="54"/>
      <c r="AN86" s="1" t="str">
        <f t="shared" si="3"/>
        <v>■</v>
      </c>
    </row>
    <row r="87" spans="1:40" s="1" customFormat="1">
      <c r="A87" s="20"/>
      <c r="B87" s="20"/>
      <c r="C87" s="541">
        <v>25</v>
      </c>
      <c r="D87" s="542"/>
      <c r="E87" s="543" t="s">
        <v>1364</v>
      </c>
      <c r="F87" s="544"/>
      <c r="G87" s="544"/>
      <c r="H87" s="544"/>
      <c r="I87" s="544"/>
      <c r="J87" s="544"/>
      <c r="K87" s="544"/>
      <c r="L87" s="544"/>
      <c r="M87" s="544"/>
      <c r="N87" s="544"/>
      <c r="O87" s="544"/>
      <c r="P87" s="544"/>
      <c r="Q87" s="544"/>
      <c r="R87" s="544"/>
      <c r="S87" s="544"/>
      <c r="T87" s="545"/>
      <c r="U87" s="221" t="s">
        <v>1365</v>
      </c>
      <c r="V87" s="546" t="s">
        <v>107</v>
      </c>
      <c r="W87" s="547"/>
      <c r="X87" s="547"/>
      <c r="Y87" s="547"/>
      <c r="Z87" s="548"/>
      <c r="AA87" s="623" t="s">
        <v>102</v>
      </c>
      <c r="AB87" s="624"/>
      <c r="AC87" s="625"/>
      <c r="AD87" s="415">
        <v>1</v>
      </c>
      <c r="AE87" s="415" t="s">
        <v>103</v>
      </c>
      <c r="AF87" s="646"/>
      <c r="AG87" s="647"/>
      <c r="AH87" s="549"/>
      <c r="AI87" s="550"/>
      <c r="AJ87" s="551"/>
      <c r="AK87" s="343"/>
      <c r="AL87" s="38"/>
      <c r="AM87" s="26"/>
      <c r="AN87" s="1" t="str">
        <f t="shared" si="3"/>
        <v>■</v>
      </c>
    </row>
    <row r="88" spans="1:40" s="1" customFormat="1">
      <c r="A88" s="20"/>
      <c r="B88" s="20"/>
      <c r="C88" s="541">
        <v>26</v>
      </c>
      <c r="D88" s="542"/>
      <c r="E88" s="543" t="s">
        <v>1366</v>
      </c>
      <c r="F88" s="544"/>
      <c r="G88" s="544"/>
      <c r="H88" s="544"/>
      <c r="I88" s="544"/>
      <c r="J88" s="544"/>
      <c r="K88" s="544"/>
      <c r="L88" s="544"/>
      <c r="M88" s="544"/>
      <c r="N88" s="544"/>
      <c r="O88" s="544"/>
      <c r="P88" s="544"/>
      <c r="Q88" s="544"/>
      <c r="R88" s="544"/>
      <c r="S88" s="544"/>
      <c r="T88" s="545"/>
      <c r="U88" s="222" t="s">
        <v>516</v>
      </c>
      <c r="V88" s="546" t="s">
        <v>107</v>
      </c>
      <c r="W88" s="547"/>
      <c r="X88" s="547"/>
      <c r="Y88" s="547"/>
      <c r="Z88" s="548"/>
      <c r="AA88" s="623" t="s">
        <v>102</v>
      </c>
      <c r="AB88" s="624"/>
      <c r="AC88" s="625"/>
      <c r="AD88" s="415">
        <v>6</v>
      </c>
      <c r="AE88" s="415" t="s">
        <v>103</v>
      </c>
      <c r="AF88" s="646"/>
      <c r="AG88" s="647"/>
      <c r="AH88" s="549"/>
      <c r="AI88" s="550"/>
      <c r="AJ88" s="551"/>
      <c r="AK88" s="343"/>
      <c r="AL88" s="38"/>
      <c r="AM88" s="26"/>
      <c r="AN88" s="1" t="str">
        <f t="shared" si="3"/>
        <v>■</v>
      </c>
    </row>
    <row r="89" spans="1:40" s="1" customFormat="1">
      <c r="A89" s="20"/>
      <c r="B89" s="20"/>
      <c r="C89" s="541">
        <v>27</v>
      </c>
      <c r="D89" s="542"/>
      <c r="E89" s="543" t="s">
        <v>517</v>
      </c>
      <c r="F89" s="544"/>
      <c r="G89" s="544"/>
      <c r="H89" s="544"/>
      <c r="I89" s="544"/>
      <c r="J89" s="544"/>
      <c r="K89" s="544"/>
      <c r="L89" s="544"/>
      <c r="M89" s="544"/>
      <c r="N89" s="544"/>
      <c r="O89" s="544"/>
      <c r="P89" s="544"/>
      <c r="Q89" s="544"/>
      <c r="R89" s="544"/>
      <c r="S89" s="544"/>
      <c r="T89" s="545"/>
      <c r="U89" s="222" t="s">
        <v>518</v>
      </c>
      <c r="V89" s="546" t="s">
        <v>101</v>
      </c>
      <c r="W89" s="547"/>
      <c r="X89" s="547"/>
      <c r="Y89" s="547"/>
      <c r="Z89" s="548"/>
      <c r="AA89" s="623" t="s">
        <v>102</v>
      </c>
      <c r="AB89" s="624"/>
      <c r="AC89" s="625"/>
      <c r="AD89" s="415">
        <v>3</v>
      </c>
      <c r="AE89" s="415" t="s">
        <v>103</v>
      </c>
      <c r="AF89" s="646"/>
      <c r="AG89" s="647"/>
      <c r="AH89" s="549"/>
      <c r="AI89" s="550"/>
      <c r="AJ89" s="551"/>
      <c r="AK89" s="343"/>
      <c r="AL89" s="38"/>
      <c r="AM89" s="26"/>
      <c r="AN89" s="1" t="str">
        <f t="shared" si="3"/>
        <v>■</v>
      </c>
    </row>
    <row r="90" spans="1:40" s="1" customFormat="1">
      <c r="A90" s="20"/>
      <c r="B90" s="20"/>
      <c r="C90" s="541">
        <v>28</v>
      </c>
      <c r="D90" s="542"/>
      <c r="E90" s="543" t="s">
        <v>519</v>
      </c>
      <c r="F90" s="544"/>
      <c r="G90" s="544"/>
      <c r="H90" s="544"/>
      <c r="I90" s="544"/>
      <c r="J90" s="544"/>
      <c r="K90" s="544"/>
      <c r="L90" s="544"/>
      <c r="M90" s="544"/>
      <c r="N90" s="544"/>
      <c r="O90" s="544"/>
      <c r="P90" s="544"/>
      <c r="Q90" s="544"/>
      <c r="R90" s="544"/>
      <c r="S90" s="544"/>
      <c r="T90" s="545"/>
      <c r="U90" s="222" t="s">
        <v>520</v>
      </c>
      <c r="V90" s="546" t="s">
        <v>101</v>
      </c>
      <c r="W90" s="547"/>
      <c r="X90" s="547"/>
      <c r="Y90" s="547"/>
      <c r="Z90" s="548"/>
      <c r="AA90" s="623" t="s">
        <v>102</v>
      </c>
      <c r="AB90" s="624"/>
      <c r="AC90" s="625"/>
      <c r="AD90" s="415">
        <v>3</v>
      </c>
      <c r="AE90" s="415" t="s">
        <v>103</v>
      </c>
      <c r="AF90" s="646"/>
      <c r="AG90" s="647"/>
      <c r="AH90" s="549"/>
      <c r="AI90" s="550"/>
      <c r="AJ90" s="551"/>
      <c r="AK90" s="343"/>
      <c r="AL90" s="38"/>
      <c r="AM90" s="26"/>
      <c r="AN90" s="1" t="str">
        <f t="shared" si="3"/>
        <v>■</v>
      </c>
    </row>
    <row r="91" spans="1:40" s="1" customFormat="1">
      <c r="A91" s="20"/>
      <c r="B91" s="20"/>
      <c r="C91" s="552">
        <v>29</v>
      </c>
      <c r="D91" s="553"/>
      <c r="E91" s="554" t="s">
        <v>521</v>
      </c>
      <c r="F91" s="555"/>
      <c r="G91" s="555"/>
      <c r="H91" s="555"/>
      <c r="I91" s="555"/>
      <c r="J91" s="555"/>
      <c r="K91" s="555"/>
      <c r="L91" s="555"/>
      <c r="M91" s="555"/>
      <c r="N91" s="555"/>
      <c r="O91" s="555"/>
      <c r="P91" s="555"/>
      <c r="Q91" s="555"/>
      <c r="R91" s="555"/>
      <c r="S91" s="555"/>
      <c r="T91" s="556"/>
      <c r="U91" s="260" t="s">
        <v>522</v>
      </c>
      <c r="V91" s="557" t="s">
        <v>107</v>
      </c>
      <c r="W91" s="558"/>
      <c r="X91" s="558"/>
      <c r="Y91" s="558"/>
      <c r="Z91" s="559"/>
      <c r="AA91" s="626" t="s">
        <v>108</v>
      </c>
      <c r="AB91" s="627"/>
      <c r="AC91" s="628"/>
      <c r="AD91" s="419">
        <v>3</v>
      </c>
      <c r="AE91" s="419">
        <v>0</v>
      </c>
      <c r="AF91" s="569" t="s">
        <v>109</v>
      </c>
      <c r="AG91" s="570"/>
      <c r="AH91" s="560"/>
      <c r="AI91" s="561"/>
      <c r="AJ91" s="562"/>
      <c r="AK91" s="346" t="s">
        <v>391</v>
      </c>
      <c r="AL91" s="38"/>
      <c r="AM91" s="26"/>
      <c r="AN91" s="1" t="str">
        <f t="shared" si="3"/>
        <v>■</v>
      </c>
    </row>
    <row r="92" spans="1:40" s="1" customFormat="1">
      <c r="A92" s="20"/>
      <c r="B92" s="20"/>
      <c r="C92" s="541">
        <v>30</v>
      </c>
      <c r="D92" s="542"/>
      <c r="E92" s="543" t="s">
        <v>523</v>
      </c>
      <c r="F92" s="544"/>
      <c r="G92" s="544"/>
      <c r="H92" s="544"/>
      <c r="I92" s="544"/>
      <c r="J92" s="544"/>
      <c r="K92" s="544"/>
      <c r="L92" s="544"/>
      <c r="M92" s="544"/>
      <c r="N92" s="544"/>
      <c r="O92" s="544"/>
      <c r="P92" s="544"/>
      <c r="Q92" s="544"/>
      <c r="R92" s="544"/>
      <c r="S92" s="544"/>
      <c r="T92" s="545"/>
      <c r="U92" s="222" t="s">
        <v>524</v>
      </c>
      <c r="V92" s="546" t="s">
        <v>101</v>
      </c>
      <c r="W92" s="547"/>
      <c r="X92" s="547"/>
      <c r="Y92" s="547"/>
      <c r="Z92" s="548"/>
      <c r="AA92" s="623" t="s">
        <v>102</v>
      </c>
      <c r="AB92" s="624"/>
      <c r="AC92" s="625"/>
      <c r="AD92" s="415">
        <v>3</v>
      </c>
      <c r="AE92" s="415" t="s">
        <v>103</v>
      </c>
      <c r="AF92" s="646"/>
      <c r="AG92" s="647"/>
      <c r="AH92" s="549"/>
      <c r="AI92" s="550"/>
      <c r="AJ92" s="551"/>
      <c r="AK92" s="343"/>
      <c r="AL92" s="38"/>
      <c r="AM92" s="26"/>
      <c r="AN92" s="1" t="str">
        <f t="shared" si="3"/>
        <v>■</v>
      </c>
    </row>
    <row r="93" spans="1:40" s="1" customFormat="1">
      <c r="A93" s="20"/>
      <c r="B93" s="20"/>
      <c r="C93" s="541">
        <v>31</v>
      </c>
      <c r="D93" s="542"/>
      <c r="E93" s="543" t="s">
        <v>525</v>
      </c>
      <c r="F93" s="544"/>
      <c r="G93" s="544"/>
      <c r="H93" s="544"/>
      <c r="I93" s="544"/>
      <c r="J93" s="544"/>
      <c r="K93" s="544"/>
      <c r="L93" s="544"/>
      <c r="M93" s="544"/>
      <c r="N93" s="544"/>
      <c r="O93" s="544"/>
      <c r="P93" s="544"/>
      <c r="Q93" s="544"/>
      <c r="R93" s="544"/>
      <c r="S93" s="544"/>
      <c r="T93" s="545"/>
      <c r="U93" s="222" t="s">
        <v>526</v>
      </c>
      <c r="V93" s="546" t="s">
        <v>101</v>
      </c>
      <c r="W93" s="547"/>
      <c r="X93" s="547"/>
      <c r="Y93" s="547"/>
      <c r="Z93" s="548"/>
      <c r="AA93" s="623" t="s">
        <v>102</v>
      </c>
      <c r="AB93" s="624"/>
      <c r="AC93" s="625"/>
      <c r="AD93" s="415">
        <v>3</v>
      </c>
      <c r="AE93" s="415" t="s">
        <v>103</v>
      </c>
      <c r="AF93" s="646"/>
      <c r="AG93" s="647"/>
      <c r="AH93" s="549"/>
      <c r="AI93" s="550"/>
      <c r="AJ93" s="551"/>
      <c r="AK93" s="343"/>
      <c r="AL93" s="38"/>
      <c r="AM93" s="26"/>
      <c r="AN93" s="1" t="str">
        <f t="shared" si="3"/>
        <v>■</v>
      </c>
    </row>
    <row r="94" spans="1:40" s="1" customFormat="1">
      <c r="A94" s="20"/>
      <c r="B94" s="20"/>
      <c r="C94" s="541">
        <v>32</v>
      </c>
      <c r="D94" s="542"/>
      <c r="E94" s="543" t="s">
        <v>527</v>
      </c>
      <c r="F94" s="544"/>
      <c r="G94" s="544"/>
      <c r="H94" s="544"/>
      <c r="I94" s="544"/>
      <c r="J94" s="544"/>
      <c r="K94" s="544"/>
      <c r="L94" s="544"/>
      <c r="M94" s="544"/>
      <c r="N94" s="544"/>
      <c r="O94" s="544"/>
      <c r="P94" s="544"/>
      <c r="Q94" s="544"/>
      <c r="R94" s="544"/>
      <c r="S94" s="544"/>
      <c r="T94" s="545"/>
      <c r="U94" s="222" t="s">
        <v>528</v>
      </c>
      <c r="V94" s="546" t="s">
        <v>101</v>
      </c>
      <c r="W94" s="547"/>
      <c r="X94" s="547"/>
      <c r="Y94" s="547"/>
      <c r="Z94" s="548"/>
      <c r="AA94" s="623" t="s">
        <v>102</v>
      </c>
      <c r="AB94" s="624"/>
      <c r="AC94" s="625"/>
      <c r="AD94" s="415">
        <v>64</v>
      </c>
      <c r="AE94" s="415" t="s">
        <v>103</v>
      </c>
      <c r="AF94" s="646"/>
      <c r="AG94" s="647"/>
      <c r="AH94" s="549"/>
      <c r="AI94" s="550"/>
      <c r="AJ94" s="551"/>
      <c r="AK94" s="343"/>
      <c r="AL94" s="38"/>
      <c r="AM94" s="26"/>
      <c r="AN94" s="1" t="str">
        <f t="shared" si="3"/>
        <v>■</v>
      </c>
    </row>
    <row r="95" spans="1:40" s="1" customFormat="1">
      <c r="A95" s="20"/>
      <c r="B95" s="20"/>
      <c r="C95" s="541">
        <v>33</v>
      </c>
      <c r="D95" s="542"/>
      <c r="E95" s="543" t="s">
        <v>531</v>
      </c>
      <c r="F95" s="544"/>
      <c r="G95" s="544"/>
      <c r="H95" s="544"/>
      <c r="I95" s="544"/>
      <c r="J95" s="544"/>
      <c r="K95" s="544"/>
      <c r="L95" s="544"/>
      <c r="M95" s="544"/>
      <c r="N95" s="544"/>
      <c r="O95" s="544"/>
      <c r="P95" s="544"/>
      <c r="Q95" s="544"/>
      <c r="R95" s="544"/>
      <c r="S95" s="544"/>
      <c r="T95" s="545"/>
      <c r="U95" s="222" t="s">
        <v>532</v>
      </c>
      <c r="V95" s="546" t="s">
        <v>533</v>
      </c>
      <c r="W95" s="547"/>
      <c r="X95" s="547"/>
      <c r="Y95" s="547"/>
      <c r="Z95" s="548"/>
      <c r="AA95" s="623" t="s">
        <v>102</v>
      </c>
      <c r="AB95" s="624"/>
      <c r="AC95" s="625"/>
      <c r="AD95" s="415">
        <v>64</v>
      </c>
      <c r="AE95" s="415" t="s">
        <v>103</v>
      </c>
      <c r="AF95" s="646"/>
      <c r="AG95" s="647"/>
      <c r="AH95" s="549"/>
      <c r="AI95" s="550"/>
      <c r="AJ95" s="551"/>
      <c r="AK95" s="343"/>
      <c r="AL95" s="38"/>
      <c r="AM95" s="26"/>
      <c r="AN95" s="1" t="str">
        <f t="shared" si="3"/>
        <v>■</v>
      </c>
    </row>
    <row r="96" spans="1:40" s="13" customFormat="1">
      <c r="A96" s="20"/>
      <c r="B96" s="20"/>
      <c r="C96" s="541">
        <v>34</v>
      </c>
      <c r="D96" s="542"/>
      <c r="E96" s="543" t="s">
        <v>534</v>
      </c>
      <c r="F96" s="544"/>
      <c r="G96" s="544"/>
      <c r="H96" s="544"/>
      <c r="I96" s="544"/>
      <c r="J96" s="544"/>
      <c r="K96" s="544"/>
      <c r="L96" s="544"/>
      <c r="M96" s="544"/>
      <c r="N96" s="544"/>
      <c r="O96" s="544"/>
      <c r="P96" s="544"/>
      <c r="Q96" s="544"/>
      <c r="R96" s="544"/>
      <c r="S96" s="544"/>
      <c r="T96" s="545"/>
      <c r="U96" s="222" t="s">
        <v>535</v>
      </c>
      <c r="V96" s="546" t="s">
        <v>533</v>
      </c>
      <c r="W96" s="547"/>
      <c r="X96" s="547"/>
      <c r="Y96" s="547"/>
      <c r="Z96" s="548"/>
      <c r="AA96" s="623" t="s">
        <v>102</v>
      </c>
      <c r="AB96" s="624"/>
      <c r="AC96" s="625"/>
      <c r="AD96" s="415">
        <v>7</v>
      </c>
      <c r="AE96" s="415" t="s">
        <v>103</v>
      </c>
      <c r="AF96" s="646"/>
      <c r="AG96" s="647"/>
      <c r="AH96" s="549"/>
      <c r="AI96" s="550"/>
      <c r="AJ96" s="551"/>
      <c r="AK96" s="265" t="s">
        <v>3020</v>
      </c>
      <c r="AL96" s="29"/>
      <c r="AM96" s="54"/>
      <c r="AN96" s="1" t="str">
        <f t="shared" si="3"/>
        <v>■</v>
      </c>
    </row>
    <row r="97" spans="1:40" s="1" customFormat="1">
      <c r="A97" s="20"/>
      <c r="B97" s="20"/>
      <c r="C97" s="541">
        <v>35</v>
      </c>
      <c r="D97" s="542"/>
      <c r="E97" s="543" t="s">
        <v>536</v>
      </c>
      <c r="F97" s="544"/>
      <c r="G97" s="544"/>
      <c r="H97" s="544"/>
      <c r="I97" s="544"/>
      <c r="J97" s="544"/>
      <c r="K97" s="544"/>
      <c r="L97" s="544"/>
      <c r="M97" s="544"/>
      <c r="N97" s="544"/>
      <c r="O97" s="544"/>
      <c r="P97" s="544"/>
      <c r="Q97" s="544"/>
      <c r="R97" s="544"/>
      <c r="S97" s="544"/>
      <c r="T97" s="545"/>
      <c r="U97" s="222" t="s">
        <v>537</v>
      </c>
      <c r="V97" s="546" t="s">
        <v>533</v>
      </c>
      <c r="W97" s="547"/>
      <c r="X97" s="547"/>
      <c r="Y97" s="547"/>
      <c r="Z97" s="548"/>
      <c r="AA97" s="623" t="s">
        <v>102</v>
      </c>
      <c r="AB97" s="624"/>
      <c r="AC97" s="625"/>
      <c r="AD97" s="415">
        <v>5</v>
      </c>
      <c r="AE97" s="415" t="s">
        <v>103</v>
      </c>
      <c r="AF97" s="646"/>
      <c r="AG97" s="647"/>
      <c r="AH97" s="549"/>
      <c r="AI97" s="550"/>
      <c r="AJ97" s="551"/>
      <c r="AK97" s="265" t="s">
        <v>3020</v>
      </c>
      <c r="AL97" s="48"/>
      <c r="AM97" s="26"/>
      <c r="AN97" s="1" t="str">
        <f t="shared" si="3"/>
        <v>■</v>
      </c>
    </row>
    <row r="98" spans="1:40" s="1" customFormat="1">
      <c r="A98" s="20"/>
      <c r="B98" s="20"/>
      <c r="C98" s="541">
        <v>36</v>
      </c>
      <c r="D98" s="542"/>
      <c r="E98" s="543" t="s">
        <v>538</v>
      </c>
      <c r="F98" s="544"/>
      <c r="G98" s="544"/>
      <c r="H98" s="544"/>
      <c r="I98" s="544"/>
      <c r="J98" s="544"/>
      <c r="K98" s="544"/>
      <c r="L98" s="544"/>
      <c r="M98" s="544"/>
      <c r="N98" s="544"/>
      <c r="O98" s="544"/>
      <c r="P98" s="544"/>
      <c r="Q98" s="544"/>
      <c r="R98" s="544"/>
      <c r="S98" s="544"/>
      <c r="T98" s="545"/>
      <c r="U98" s="222" t="s">
        <v>539</v>
      </c>
      <c r="V98" s="546" t="s">
        <v>533</v>
      </c>
      <c r="W98" s="547"/>
      <c r="X98" s="547"/>
      <c r="Y98" s="547"/>
      <c r="Z98" s="548"/>
      <c r="AA98" s="623" t="s">
        <v>102</v>
      </c>
      <c r="AB98" s="624"/>
      <c r="AC98" s="625"/>
      <c r="AD98" s="415">
        <v>1</v>
      </c>
      <c r="AE98" s="415" t="s">
        <v>103</v>
      </c>
      <c r="AF98" s="646"/>
      <c r="AG98" s="647"/>
      <c r="AH98" s="549"/>
      <c r="AI98" s="550"/>
      <c r="AJ98" s="551"/>
      <c r="AK98" s="265" t="s">
        <v>3020</v>
      </c>
      <c r="AL98" s="37"/>
      <c r="AM98" s="26"/>
      <c r="AN98" s="1" t="str">
        <f t="shared" si="3"/>
        <v>■</v>
      </c>
    </row>
    <row r="99" spans="1:40" s="1" customFormat="1">
      <c r="A99" s="20"/>
      <c r="B99" s="20"/>
      <c r="C99" s="541">
        <v>37</v>
      </c>
      <c r="D99" s="542"/>
      <c r="E99" s="543" t="s">
        <v>540</v>
      </c>
      <c r="F99" s="544"/>
      <c r="G99" s="544"/>
      <c r="H99" s="544"/>
      <c r="I99" s="544"/>
      <c r="J99" s="544"/>
      <c r="K99" s="544"/>
      <c r="L99" s="544"/>
      <c r="M99" s="544"/>
      <c r="N99" s="544"/>
      <c r="O99" s="544"/>
      <c r="P99" s="544"/>
      <c r="Q99" s="544"/>
      <c r="R99" s="544"/>
      <c r="S99" s="544"/>
      <c r="T99" s="545"/>
      <c r="U99" s="222" t="s">
        <v>541</v>
      </c>
      <c r="V99" s="546" t="s">
        <v>542</v>
      </c>
      <c r="W99" s="547"/>
      <c r="X99" s="547"/>
      <c r="Y99" s="547"/>
      <c r="Z99" s="548"/>
      <c r="AA99" s="623" t="s">
        <v>102</v>
      </c>
      <c r="AB99" s="624"/>
      <c r="AC99" s="625"/>
      <c r="AD99" s="415">
        <v>2</v>
      </c>
      <c r="AE99" s="415" t="s">
        <v>103</v>
      </c>
      <c r="AF99" s="646"/>
      <c r="AG99" s="647"/>
      <c r="AH99" s="549"/>
      <c r="AI99" s="550"/>
      <c r="AJ99" s="551"/>
      <c r="AK99" s="343"/>
      <c r="AL99" s="37"/>
      <c r="AM99" s="26"/>
      <c r="AN99" s="1" t="str">
        <f t="shared" si="3"/>
        <v>■</v>
      </c>
    </row>
    <row r="100" spans="1:40" ht="13.4" customHeight="1">
      <c r="A100" s="20"/>
      <c r="B100" s="25"/>
      <c r="C100" s="24"/>
      <c r="D100" s="24"/>
      <c r="E100" s="24"/>
      <c r="F100" s="24"/>
      <c r="G100" s="24"/>
      <c r="H100" s="24"/>
      <c r="I100" s="24"/>
      <c r="J100" s="24"/>
      <c r="K100" s="24"/>
      <c r="L100" s="24"/>
      <c r="M100" s="24"/>
      <c r="N100" s="24"/>
      <c r="O100" s="24"/>
      <c r="P100" s="24"/>
      <c r="Q100" s="24"/>
      <c r="R100" s="24"/>
      <c r="S100" s="24"/>
      <c r="T100" s="24"/>
      <c r="U100" s="224"/>
      <c r="V100" s="412"/>
      <c r="W100" s="412"/>
      <c r="X100" s="412"/>
      <c r="Y100" s="412"/>
      <c r="Z100" s="412"/>
      <c r="AA100" s="629"/>
      <c r="AB100" s="629"/>
      <c r="AC100" s="629"/>
      <c r="AD100" s="412"/>
      <c r="AE100" s="412"/>
      <c r="AF100" s="412"/>
      <c r="AG100" s="412"/>
      <c r="AH100" s="412"/>
      <c r="AI100" s="412"/>
      <c r="AJ100" s="412"/>
      <c r="AK100" s="55"/>
      <c r="AL100" s="37"/>
      <c r="AM100" s="16"/>
    </row>
    <row r="101" spans="1:40" s="1" customFormat="1" ht="13.4" customHeight="1">
      <c r="A101" s="20"/>
      <c r="B101" s="20"/>
      <c r="C101" s="52" t="s">
        <v>380</v>
      </c>
      <c r="D101" s="53"/>
      <c r="E101" s="26"/>
      <c r="F101" s="26"/>
      <c r="G101" s="26"/>
      <c r="H101" s="26"/>
      <c r="I101" s="26"/>
      <c r="J101" s="26" t="s">
        <v>543</v>
      </c>
      <c r="K101" s="71"/>
      <c r="L101" s="26"/>
      <c r="M101" s="71"/>
      <c r="N101" s="26"/>
      <c r="O101" s="26"/>
      <c r="P101" s="26"/>
      <c r="Q101" s="26"/>
      <c r="R101" s="26"/>
      <c r="S101" s="26"/>
      <c r="T101" s="26"/>
      <c r="U101" s="26" t="s">
        <v>1367</v>
      </c>
      <c r="V101" s="122"/>
      <c r="W101" s="122"/>
      <c r="X101" s="122"/>
      <c r="Y101" s="122"/>
      <c r="Z101" s="122"/>
      <c r="AA101" s="630"/>
      <c r="AB101" s="630"/>
      <c r="AC101" s="630"/>
      <c r="AD101" s="122"/>
      <c r="AE101" s="122"/>
      <c r="AF101" s="122"/>
      <c r="AG101" s="122"/>
      <c r="AH101" s="122"/>
      <c r="AI101" s="122"/>
      <c r="AJ101" s="122"/>
      <c r="AK101" s="26"/>
      <c r="AL101" s="38"/>
      <c r="AM101" s="26"/>
    </row>
    <row r="102" spans="1:40" ht="13.5" customHeight="1">
      <c r="A102" s="20"/>
      <c r="B102" s="51"/>
      <c r="C102" s="583" t="s">
        <v>73</v>
      </c>
      <c r="D102" s="573"/>
      <c r="E102" s="583" t="s">
        <v>94</v>
      </c>
      <c r="F102" s="583"/>
      <c r="G102" s="583"/>
      <c r="H102" s="583"/>
      <c r="I102" s="583"/>
      <c r="J102" s="583"/>
      <c r="K102" s="583"/>
      <c r="L102" s="583"/>
      <c r="M102" s="583"/>
      <c r="N102" s="583"/>
      <c r="O102" s="583"/>
      <c r="P102" s="583"/>
      <c r="Q102" s="583"/>
      <c r="R102" s="583"/>
      <c r="S102" s="583"/>
      <c r="T102" s="583"/>
      <c r="U102" s="226" t="s">
        <v>383</v>
      </c>
      <c r="V102" s="572" t="s">
        <v>138</v>
      </c>
      <c r="W102" s="572"/>
      <c r="X102" s="572"/>
      <c r="Y102" s="572"/>
      <c r="Z102" s="572"/>
      <c r="AA102" s="598" t="s">
        <v>959</v>
      </c>
      <c r="AB102" s="599"/>
      <c r="AC102" s="600"/>
      <c r="AD102" s="572" t="s">
        <v>97</v>
      </c>
      <c r="AE102" s="572"/>
      <c r="AF102" s="572" t="s">
        <v>98</v>
      </c>
      <c r="AG102" s="572"/>
      <c r="AH102" s="583" t="s">
        <v>75</v>
      </c>
      <c r="AI102" s="583"/>
      <c r="AJ102" s="583"/>
      <c r="AK102" s="581" t="s">
        <v>159</v>
      </c>
      <c r="AL102" s="38"/>
      <c r="AM102" s="16"/>
    </row>
    <row r="103" spans="1:40" ht="13.4" customHeight="1">
      <c r="A103" s="20"/>
      <c r="B103" s="51"/>
      <c r="C103" s="573"/>
      <c r="D103" s="573"/>
      <c r="E103" s="583"/>
      <c r="F103" s="583"/>
      <c r="G103" s="583"/>
      <c r="H103" s="583"/>
      <c r="I103" s="583"/>
      <c r="J103" s="583"/>
      <c r="K103" s="583"/>
      <c r="L103" s="583"/>
      <c r="M103" s="583"/>
      <c r="N103" s="583"/>
      <c r="O103" s="583"/>
      <c r="P103" s="583"/>
      <c r="Q103" s="583"/>
      <c r="R103" s="583"/>
      <c r="S103" s="583"/>
      <c r="T103" s="583"/>
      <c r="U103" s="227"/>
      <c r="V103" s="572"/>
      <c r="W103" s="572"/>
      <c r="X103" s="572"/>
      <c r="Y103" s="572"/>
      <c r="Z103" s="572"/>
      <c r="AA103" s="601"/>
      <c r="AB103" s="602"/>
      <c r="AC103" s="603"/>
      <c r="AD103" s="572"/>
      <c r="AE103" s="572"/>
      <c r="AF103" s="572"/>
      <c r="AG103" s="572"/>
      <c r="AH103" s="583"/>
      <c r="AI103" s="583"/>
      <c r="AJ103" s="583"/>
      <c r="AK103" s="582"/>
      <c r="AL103" s="38"/>
      <c r="AM103" s="16"/>
    </row>
    <row r="104" spans="1:40" s="1" customFormat="1" ht="13.4" customHeight="1">
      <c r="A104" s="20"/>
      <c r="B104" s="20"/>
      <c r="C104" s="541">
        <v>1</v>
      </c>
      <c r="D104" s="542"/>
      <c r="E104" s="563" t="s">
        <v>440</v>
      </c>
      <c r="F104" s="564"/>
      <c r="G104" s="564"/>
      <c r="H104" s="564"/>
      <c r="I104" s="564"/>
      <c r="J104" s="564"/>
      <c r="K104" s="564"/>
      <c r="L104" s="564"/>
      <c r="M104" s="564"/>
      <c r="N104" s="564"/>
      <c r="O104" s="564"/>
      <c r="P104" s="564"/>
      <c r="Q104" s="564"/>
      <c r="R104" s="564"/>
      <c r="S104" s="564"/>
      <c r="T104" s="565"/>
      <c r="U104" s="219" t="s">
        <v>441</v>
      </c>
      <c r="V104" s="546" t="s">
        <v>101</v>
      </c>
      <c r="W104" s="547"/>
      <c r="X104" s="547"/>
      <c r="Y104" s="547"/>
      <c r="Z104" s="548"/>
      <c r="AA104" s="623" t="s">
        <v>102</v>
      </c>
      <c r="AB104" s="624"/>
      <c r="AC104" s="625"/>
      <c r="AD104" s="415">
        <v>10</v>
      </c>
      <c r="AE104" s="415" t="s">
        <v>103</v>
      </c>
      <c r="AF104" s="646"/>
      <c r="AG104" s="647"/>
      <c r="AH104" s="549"/>
      <c r="AI104" s="550"/>
      <c r="AJ104" s="551"/>
      <c r="AK104" s="351"/>
      <c r="AL104" s="38"/>
      <c r="AM104" s="26"/>
      <c r="AN104" s="1" t="str">
        <f>$P$19</f>
        <v>■</v>
      </c>
    </row>
    <row r="105" spans="1:40" s="1" customFormat="1" ht="13.4" customHeight="1">
      <c r="A105" s="20"/>
      <c r="B105" s="20"/>
      <c r="C105" s="541">
        <v>2</v>
      </c>
      <c r="D105" s="542"/>
      <c r="E105" s="563" t="s">
        <v>442</v>
      </c>
      <c r="F105" s="564"/>
      <c r="G105" s="564"/>
      <c r="H105" s="564"/>
      <c r="I105" s="564"/>
      <c r="J105" s="564"/>
      <c r="K105" s="564"/>
      <c r="L105" s="564"/>
      <c r="M105" s="564"/>
      <c r="N105" s="564"/>
      <c r="O105" s="564"/>
      <c r="P105" s="564"/>
      <c r="Q105" s="564"/>
      <c r="R105" s="564"/>
      <c r="S105" s="564"/>
      <c r="T105" s="565"/>
      <c r="U105" s="219" t="s">
        <v>443</v>
      </c>
      <c r="V105" s="546" t="s">
        <v>101</v>
      </c>
      <c r="W105" s="547"/>
      <c r="X105" s="547"/>
      <c r="Y105" s="547"/>
      <c r="Z105" s="548"/>
      <c r="AA105" s="623" t="s">
        <v>102</v>
      </c>
      <c r="AB105" s="624"/>
      <c r="AC105" s="625"/>
      <c r="AD105" s="415">
        <v>51</v>
      </c>
      <c r="AE105" s="415" t="s">
        <v>103</v>
      </c>
      <c r="AF105" s="646"/>
      <c r="AG105" s="647"/>
      <c r="AH105" s="549"/>
      <c r="AI105" s="550"/>
      <c r="AJ105" s="551"/>
      <c r="AK105" s="351"/>
      <c r="AL105" s="38"/>
      <c r="AM105" s="26"/>
      <c r="AN105" s="1" t="str">
        <f t="shared" ref="AN105:AN122" si="4">$P$19</f>
        <v>■</v>
      </c>
    </row>
    <row r="106" spans="1:40" s="13" customFormat="1" ht="13.4" customHeight="1">
      <c r="A106" s="20"/>
      <c r="B106" s="20"/>
      <c r="C106" s="552">
        <v>3</v>
      </c>
      <c r="D106" s="553"/>
      <c r="E106" s="566" t="s">
        <v>106</v>
      </c>
      <c r="F106" s="567"/>
      <c r="G106" s="567"/>
      <c r="H106" s="567"/>
      <c r="I106" s="567"/>
      <c r="J106" s="567"/>
      <c r="K106" s="567"/>
      <c r="L106" s="567"/>
      <c r="M106" s="567"/>
      <c r="N106" s="567"/>
      <c r="O106" s="567"/>
      <c r="P106" s="567"/>
      <c r="Q106" s="567"/>
      <c r="R106" s="567"/>
      <c r="S106" s="567"/>
      <c r="T106" s="568"/>
      <c r="U106" s="220" t="s">
        <v>444</v>
      </c>
      <c r="V106" s="557" t="s">
        <v>107</v>
      </c>
      <c r="W106" s="558"/>
      <c r="X106" s="558"/>
      <c r="Y106" s="558"/>
      <c r="Z106" s="559"/>
      <c r="AA106" s="626" t="s">
        <v>108</v>
      </c>
      <c r="AB106" s="627"/>
      <c r="AC106" s="628"/>
      <c r="AD106" s="419">
        <v>1</v>
      </c>
      <c r="AE106" s="419">
        <v>0</v>
      </c>
      <c r="AF106" s="569" t="s">
        <v>109</v>
      </c>
      <c r="AG106" s="570"/>
      <c r="AH106" s="560"/>
      <c r="AI106" s="561"/>
      <c r="AJ106" s="562"/>
      <c r="AK106" s="346" t="s">
        <v>391</v>
      </c>
      <c r="AL106" s="38"/>
      <c r="AM106" s="54"/>
      <c r="AN106" s="1" t="str">
        <f t="shared" si="4"/>
        <v>■</v>
      </c>
    </row>
    <row r="107" spans="1:40" s="13" customFormat="1" ht="13.4" customHeight="1">
      <c r="A107" s="20"/>
      <c r="B107" s="20"/>
      <c r="C107" s="541">
        <v>4</v>
      </c>
      <c r="D107" s="542"/>
      <c r="E107" s="563" t="s">
        <v>110</v>
      </c>
      <c r="F107" s="564"/>
      <c r="G107" s="564"/>
      <c r="H107" s="564"/>
      <c r="I107" s="564"/>
      <c r="J107" s="564"/>
      <c r="K107" s="564"/>
      <c r="L107" s="564"/>
      <c r="M107" s="564"/>
      <c r="N107" s="564"/>
      <c r="O107" s="564"/>
      <c r="P107" s="564"/>
      <c r="Q107" s="564"/>
      <c r="R107" s="564"/>
      <c r="S107" s="564"/>
      <c r="T107" s="565"/>
      <c r="U107" s="221" t="s">
        <v>445</v>
      </c>
      <c r="V107" s="546" t="s">
        <v>107</v>
      </c>
      <c r="W107" s="547"/>
      <c r="X107" s="547"/>
      <c r="Y107" s="547"/>
      <c r="Z107" s="548"/>
      <c r="AA107" s="623" t="s">
        <v>108</v>
      </c>
      <c r="AB107" s="624"/>
      <c r="AC107" s="625"/>
      <c r="AD107" s="415">
        <v>1</v>
      </c>
      <c r="AE107" s="415">
        <v>0</v>
      </c>
      <c r="AF107" s="646"/>
      <c r="AG107" s="647"/>
      <c r="AH107" s="549"/>
      <c r="AI107" s="550"/>
      <c r="AJ107" s="551"/>
      <c r="AK107" s="265"/>
      <c r="AL107" s="38"/>
      <c r="AM107" s="54"/>
      <c r="AN107" s="1" t="str">
        <f t="shared" si="4"/>
        <v>■</v>
      </c>
    </row>
    <row r="108" spans="1:40" s="1" customFormat="1">
      <c r="A108" s="20"/>
      <c r="B108" s="20"/>
      <c r="C108" s="541">
        <v>5</v>
      </c>
      <c r="D108" s="542"/>
      <c r="E108" s="543" t="s">
        <v>80</v>
      </c>
      <c r="F108" s="544"/>
      <c r="G108" s="544"/>
      <c r="H108" s="544"/>
      <c r="I108" s="544"/>
      <c r="J108" s="544"/>
      <c r="K108" s="544"/>
      <c r="L108" s="544"/>
      <c r="M108" s="544"/>
      <c r="N108" s="544"/>
      <c r="O108" s="544"/>
      <c r="P108" s="544"/>
      <c r="Q108" s="544"/>
      <c r="R108" s="544"/>
      <c r="S108" s="544"/>
      <c r="T108" s="545"/>
      <c r="U108" s="221" t="s">
        <v>446</v>
      </c>
      <c r="V108" s="546" t="s">
        <v>101</v>
      </c>
      <c r="W108" s="547"/>
      <c r="X108" s="547"/>
      <c r="Y108" s="547"/>
      <c r="Z108" s="548"/>
      <c r="AA108" s="623" t="s">
        <v>102</v>
      </c>
      <c r="AB108" s="624"/>
      <c r="AC108" s="625"/>
      <c r="AD108" s="415">
        <v>2</v>
      </c>
      <c r="AE108" s="415" t="s">
        <v>103</v>
      </c>
      <c r="AF108" s="646"/>
      <c r="AG108" s="647"/>
      <c r="AH108" s="549"/>
      <c r="AI108" s="550"/>
      <c r="AJ108" s="551"/>
      <c r="AK108" s="265"/>
      <c r="AL108" s="38"/>
      <c r="AM108" s="26"/>
      <c r="AN108" s="1" t="str">
        <f t="shared" si="4"/>
        <v>■</v>
      </c>
    </row>
    <row r="109" spans="1:40" s="13" customFormat="1">
      <c r="A109" s="20"/>
      <c r="B109" s="20"/>
      <c r="C109" s="552">
        <v>6</v>
      </c>
      <c r="D109" s="553"/>
      <c r="E109" s="554" t="s">
        <v>545</v>
      </c>
      <c r="F109" s="555"/>
      <c r="G109" s="555"/>
      <c r="H109" s="555"/>
      <c r="I109" s="555"/>
      <c r="J109" s="555"/>
      <c r="K109" s="555"/>
      <c r="L109" s="555"/>
      <c r="M109" s="555"/>
      <c r="N109" s="555"/>
      <c r="O109" s="555"/>
      <c r="P109" s="555"/>
      <c r="Q109" s="555"/>
      <c r="R109" s="555"/>
      <c r="S109" s="555"/>
      <c r="T109" s="556"/>
      <c r="U109" s="259" t="s">
        <v>546</v>
      </c>
      <c r="V109" s="557" t="s">
        <v>101</v>
      </c>
      <c r="W109" s="558"/>
      <c r="X109" s="558"/>
      <c r="Y109" s="558"/>
      <c r="Z109" s="559"/>
      <c r="AA109" s="626" t="s">
        <v>102</v>
      </c>
      <c r="AB109" s="627"/>
      <c r="AC109" s="628"/>
      <c r="AD109" s="419">
        <v>8</v>
      </c>
      <c r="AE109" s="419" t="s">
        <v>103</v>
      </c>
      <c r="AF109" s="569" t="s">
        <v>109</v>
      </c>
      <c r="AG109" s="570"/>
      <c r="AH109" s="560"/>
      <c r="AI109" s="561"/>
      <c r="AJ109" s="562"/>
      <c r="AK109" s="346" t="s">
        <v>391</v>
      </c>
      <c r="AL109" s="38"/>
      <c r="AM109" s="54"/>
      <c r="AN109" s="1" t="str">
        <f t="shared" si="4"/>
        <v>■</v>
      </c>
    </row>
    <row r="110" spans="1:40" s="13" customFormat="1">
      <c r="A110" s="20"/>
      <c r="B110" s="20"/>
      <c r="C110" s="552">
        <v>7</v>
      </c>
      <c r="D110" s="553"/>
      <c r="E110" s="554" t="s">
        <v>547</v>
      </c>
      <c r="F110" s="555"/>
      <c r="G110" s="555"/>
      <c r="H110" s="555"/>
      <c r="I110" s="555"/>
      <c r="J110" s="555"/>
      <c r="K110" s="555"/>
      <c r="L110" s="555"/>
      <c r="M110" s="555"/>
      <c r="N110" s="555"/>
      <c r="O110" s="555"/>
      <c r="P110" s="555"/>
      <c r="Q110" s="555"/>
      <c r="R110" s="555"/>
      <c r="S110" s="555"/>
      <c r="T110" s="556"/>
      <c r="U110" s="259" t="s">
        <v>548</v>
      </c>
      <c r="V110" s="557" t="s">
        <v>101</v>
      </c>
      <c r="W110" s="558"/>
      <c r="X110" s="558"/>
      <c r="Y110" s="558"/>
      <c r="Z110" s="559"/>
      <c r="AA110" s="626" t="s">
        <v>102</v>
      </c>
      <c r="AB110" s="627"/>
      <c r="AC110" s="628"/>
      <c r="AD110" s="419">
        <v>8</v>
      </c>
      <c r="AE110" s="419" t="s">
        <v>103</v>
      </c>
      <c r="AF110" s="569" t="s">
        <v>109</v>
      </c>
      <c r="AG110" s="570"/>
      <c r="AH110" s="560"/>
      <c r="AI110" s="561"/>
      <c r="AJ110" s="562"/>
      <c r="AK110" s="346" t="s">
        <v>391</v>
      </c>
      <c r="AL110" s="38"/>
      <c r="AM110" s="54"/>
      <c r="AN110" s="1" t="str">
        <f t="shared" si="4"/>
        <v>■</v>
      </c>
    </row>
    <row r="111" spans="1:40" s="1" customFormat="1">
      <c r="A111" s="20"/>
      <c r="B111" s="20"/>
      <c r="C111" s="541">
        <v>8</v>
      </c>
      <c r="D111" s="542"/>
      <c r="E111" s="543" t="s">
        <v>979</v>
      </c>
      <c r="F111" s="544"/>
      <c r="G111" s="544"/>
      <c r="H111" s="544"/>
      <c r="I111" s="544"/>
      <c r="J111" s="544"/>
      <c r="K111" s="544"/>
      <c r="L111" s="544"/>
      <c r="M111" s="544"/>
      <c r="N111" s="544"/>
      <c r="O111" s="544"/>
      <c r="P111" s="544"/>
      <c r="Q111" s="544"/>
      <c r="R111" s="544"/>
      <c r="S111" s="544"/>
      <c r="T111" s="545"/>
      <c r="U111" s="221" t="s">
        <v>550</v>
      </c>
      <c r="V111" s="546" t="s">
        <v>101</v>
      </c>
      <c r="W111" s="547"/>
      <c r="X111" s="547"/>
      <c r="Y111" s="547"/>
      <c r="Z111" s="548"/>
      <c r="AA111" s="623" t="s">
        <v>102</v>
      </c>
      <c r="AB111" s="624"/>
      <c r="AC111" s="625"/>
      <c r="AD111" s="415">
        <v>8</v>
      </c>
      <c r="AE111" s="415" t="s">
        <v>103</v>
      </c>
      <c r="AF111" s="646"/>
      <c r="AG111" s="647"/>
      <c r="AH111" s="549"/>
      <c r="AI111" s="550"/>
      <c r="AJ111" s="551"/>
      <c r="AK111" s="265" t="s">
        <v>3020</v>
      </c>
      <c r="AL111" s="38"/>
      <c r="AM111" s="26"/>
      <c r="AN111" s="1" t="str">
        <f t="shared" si="4"/>
        <v>■</v>
      </c>
    </row>
    <row r="112" spans="1:40" s="1" customFormat="1">
      <c r="A112" s="20"/>
      <c r="B112" s="20"/>
      <c r="C112" s="541">
        <v>9</v>
      </c>
      <c r="D112" s="542"/>
      <c r="E112" s="543" t="s">
        <v>1368</v>
      </c>
      <c r="F112" s="544"/>
      <c r="G112" s="544"/>
      <c r="H112" s="544"/>
      <c r="I112" s="544"/>
      <c r="J112" s="544"/>
      <c r="K112" s="544"/>
      <c r="L112" s="544"/>
      <c r="M112" s="544"/>
      <c r="N112" s="544"/>
      <c r="O112" s="544"/>
      <c r="P112" s="544"/>
      <c r="Q112" s="544"/>
      <c r="R112" s="544"/>
      <c r="S112" s="544"/>
      <c r="T112" s="545"/>
      <c r="U112" s="221" t="s">
        <v>1369</v>
      </c>
      <c r="V112" s="546" t="s">
        <v>107</v>
      </c>
      <c r="W112" s="547"/>
      <c r="X112" s="547"/>
      <c r="Y112" s="547"/>
      <c r="Z112" s="548"/>
      <c r="AA112" s="623" t="s">
        <v>108</v>
      </c>
      <c r="AB112" s="624"/>
      <c r="AC112" s="625"/>
      <c r="AD112" s="415">
        <v>2</v>
      </c>
      <c r="AE112" s="415">
        <v>0</v>
      </c>
      <c r="AF112" s="646"/>
      <c r="AG112" s="647"/>
      <c r="AH112" s="549"/>
      <c r="AI112" s="550"/>
      <c r="AJ112" s="551"/>
      <c r="AK112" s="265"/>
      <c r="AL112" s="38"/>
      <c r="AM112" s="26"/>
      <c r="AN112" s="1" t="str">
        <f t="shared" si="4"/>
        <v>■</v>
      </c>
    </row>
    <row r="113" spans="1:40" s="1" customFormat="1">
      <c r="A113" s="20"/>
      <c r="B113" s="20"/>
      <c r="C113" s="541">
        <v>10</v>
      </c>
      <c r="D113" s="542"/>
      <c r="E113" s="543" t="s">
        <v>553</v>
      </c>
      <c r="F113" s="544"/>
      <c r="G113" s="544"/>
      <c r="H113" s="544"/>
      <c r="I113" s="544"/>
      <c r="J113" s="544"/>
      <c r="K113" s="544"/>
      <c r="L113" s="544"/>
      <c r="M113" s="544"/>
      <c r="N113" s="544"/>
      <c r="O113" s="544"/>
      <c r="P113" s="544"/>
      <c r="Q113" s="544"/>
      <c r="R113" s="544"/>
      <c r="S113" s="544"/>
      <c r="T113" s="545"/>
      <c r="U113" s="221" t="s">
        <v>554</v>
      </c>
      <c r="V113" s="546" t="s">
        <v>107</v>
      </c>
      <c r="W113" s="547"/>
      <c r="X113" s="547"/>
      <c r="Y113" s="547"/>
      <c r="Z113" s="548"/>
      <c r="AA113" s="623" t="s">
        <v>108</v>
      </c>
      <c r="AB113" s="624"/>
      <c r="AC113" s="625"/>
      <c r="AD113" s="415">
        <v>8</v>
      </c>
      <c r="AE113" s="415">
        <v>0</v>
      </c>
      <c r="AF113" s="646"/>
      <c r="AG113" s="647"/>
      <c r="AH113" s="549"/>
      <c r="AI113" s="550"/>
      <c r="AJ113" s="551"/>
      <c r="AK113" s="265"/>
      <c r="AL113" s="38"/>
      <c r="AM113" s="26"/>
      <c r="AN113" s="1" t="str">
        <f t="shared" si="4"/>
        <v>■</v>
      </c>
    </row>
    <row r="114" spans="1:40" s="1" customFormat="1">
      <c r="A114" s="20"/>
      <c r="B114" s="20"/>
      <c r="C114" s="552">
        <v>11</v>
      </c>
      <c r="D114" s="553"/>
      <c r="E114" s="554" t="s">
        <v>400</v>
      </c>
      <c r="F114" s="555"/>
      <c r="G114" s="555"/>
      <c r="H114" s="555"/>
      <c r="I114" s="555"/>
      <c r="J114" s="555"/>
      <c r="K114" s="555"/>
      <c r="L114" s="555"/>
      <c r="M114" s="555"/>
      <c r="N114" s="555"/>
      <c r="O114" s="555"/>
      <c r="P114" s="555"/>
      <c r="Q114" s="555"/>
      <c r="R114" s="555"/>
      <c r="S114" s="555"/>
      <c r="T114" s="556"/>
      <c r="U114" s="259" t="s">
        <v>474</v>
      </c>
      <c r="V114" s="557" t="s">
        <v>107</v>
      </c>
      <c r="W114" s="558"/>
      <c r="X114" s="558"/>
      <c r="Y114" s="558"/>
      <c r="Z114" s="559"/>
      <c r="AA114" s="626" t="s">
        <v>102</v>
      </c>
      <c r="AB114" s="627"/>
      <c r="AC114" s="628"/>
      <c r="AD114" s="419">
        <v>5</v>
      </c>
      <c r="AE114" s="419" t="s">
        <v>103</v>
      </c>
      <c r="AF114" s="569" t="s">
        <v>109</v>
      </c>
      <c r="AG114" s="570"/>
      <c r="AH114" s="560"/>
      <c r="AI114" s="561"/>
      <c r="AJ114" s="562"/>
      <c r="AK114" s="333" t="s">
        <v>399</v>
      </c>
      <c r="AL114" s="38"/>
      <c r="AM114" s="26"/>
      <c r="AN114" s="1" t="str">
        <f t="shared" si="4"/>
        <v>■</v>
      </c>
    </row>
    <row r="115" spans="1:40" s="1" customFormat="1">
      <c r="A115" s="20"/>
      <c r="B115" s="20"/>
      <c r="C115" s="541">
        <v>12</v>
      </c>
      <c r="D115" s="542"/>
      <c r="E115" s="543" t="s">
        <v>560</v>
      </c>
      <c r="F115" s="544"/>
      <c r="G115" s="544"/>
      <c r="H115" s="544"/>
      <c r="I115" s="544"/>
      <c r="J115" s="544"/>
      <c r="K115" s="544"/>
      <c r="L115" s="544"/>
      <c r="M115" s="544"/>
      <c r="N115" s="544"/>
      <c r="O115" s="544"/>
      <c r="P115" s="544"/>
      <c r="Q115" s="544"/>
      <c r="R115" s="544"/>
      <c r="S115" s="544"/>
      <c r="T115" s="545"/>
      <c r="U115" s="221" t="s">
        <v>561</v>
      </c>
      <c r="V115" s="546" t="s">
        <v>107</v>
      </c>
      <c r="W115" s="547"/>
      <c r="X115" s="547"/>
      <c r="Y115" s="547"/>
      <c r="Z115" s="548"/>
      <c r="AA115" s="623" t="s">
        <v>102</v>
      </c>
      <c r="AB115" s="624"/>
      <c r="AC115" s="625"/>
      <c r="AD115" s="415">
        <v>1</v>
      </c>
      <c r="AE115" s="415" t="s">
        <v>103</v>
      </c>
      <c r="AF115" s="646"/>
      <c r="AG115" s="647"/>
      <c r="AH115" s="549"/>
      <c r="AI115" s="550"/>
      <c r="AJ115" s="551"/>
      <c r="AK115" s="343"/>
      <c r="AL115" s="38"/>
      <c r="AM115" s="26"/>
      <c r="AN115" s="1" t="str">
        <f t="shared" si="4"/>
        <v>■</v>
      </c>
    </row>
    <row r="116" spans="1:40" s="1" customFormat="1">
      <c r="A116" s="20"/>
      <c r="B116" s="20"/>
      <c r="C116" s="541">
        <v>13</v>
      </c>
      <c r="D116" s="542"/>
      <c r="E116" s="543" t="s">
        <v>1370</v>
      </c>
      <c r="F116" s="544"/>
      <c r="G116" s="544"/>
      <c r="H116" s="544"/>
      <c r="I116" s="544"/>
      <c r="J116" s="544"/>
      <c r="K116" s="544"/>
      <c r="L116" s="544"/>
      <c r="M116" s="544"/>
      <c r="N116" s="544"/>
      <c r="O116" s="544"/>
      <c r="P116" s="544"/>
      <c r="Q116" s="544"/>
      <c r="R116" s="544"/>
      <c r="S116" s="544"/>
      <c r="T116" s="545"/>
      <c r="U116" s="221" t="s">
        <v>1371</v>
      </c>
      <c r="V116" s="546" t="s">
        <v>107</v>
      </c>
      <c r="W116" s="547"/>
      <c r="X116" s="547"/>
      <c r="Y116" s="547"/>
      <c r="Z116" s="548"/>
      <c r="AA116" s="623" t="s">
        <v>108</v>
      </c>
      <c r="AB116" s="624"/>
      <c r="AC116" s="625"/>
      <c r="AD116" s="415">
        <v>8</v>
      </c>
      <c r="AE116" s="415">
        <v>0</v>
      </c>
      <c r="AF116" s="646"/>
      <c r="AG116" s="647"/>
      <c r="AH116" s="549"/>
      <c r="AI116" s="550"/>
      <c r="AJ116" s="551"/>
      <c r="AK116" s="265"/>
      <c r="AL116" s="38"/>
      <c r="AM116" s="26"/>
      <c r="AN116" s="1" t="str">
        <f t="shared" si="4"/>
        <v>■</v>
      </c>
    </row>
    <row r="117" spans="1:40" s="13" customFormat="1">
      <c r="A117" s="20"/>
      <c r="B117" s="20"/>
      <c r="C117" s="552">
        <v>14</v>
      </c>
      <c r="D117" s="553"/>
      <c r="E117" s="554" t="s">
        <v>402</v>
      </c>
      <c r="F117" s="555"/>
      <c r="G117" s="555"/>
      <c r="H117" s="555"/>
      <c r="I117" s="555"/>
      <c r="J117" s="555"/>
      <c r="K117" s="555"/>
      <c r="L117" s="555"/>
      <c r="M117" s="555"/>
      <c r="N117" s="555"/>
      <c r="O117" s="555"/>
      <c r="P117" s="555"/>
      <c r="Q117" s="555"/>
      <c r="R117" s="555"/>
      <c r="S117" s="555"/>
      <c r="T117" s="556"/>
      <c r="U117" s="259" t="s">
        <v>475</v>
      </c>
      <c r="V117" s="557" t="s">
        <v>107</v>
      </c>
      <c r="W117" s="558"/>
      <c r="X117" s="558"/>
      <c r="Y117" s="558"/>
      <c r="Z117" s="559"/>
      <c r="AA117" s="626" t="s">
        <v>108</v>
      </c>
      <c r="AB117" s="627"/>
      <c r="AC117" s="628"/>
      <c r="AD117" s="419">
        <v>1</v>
      </c>
      <c r="AE117" s="419">
        <v>0</v>
      </c>
      <c r="AF117" s="569" t="s">
        <v>109</v>
      </c>
      <c r="AG117" s="570"/>
      <c r="AH117" s="560"/>
      <c r="AI117" s="561"/>
      <c r="AJ117" s="562"/>
      <c r="AK117" s="333" t="s">
        <v>399</v>
      </c>
      <c r="AL117" s="38"/>
      <c r="AM117" s="54"/>
      <c r="AN117" s="1" t="str">
        <f t="shared" si="4"/>
        <v>■</v>
      </c>
    </row>
    <row r="118" spans="1:40" s="1" customFormat="1">
      <c r="A118" s="20"/>
      <c r="B118" s="20"/>
      <c r="C118" s="541">
        <v>15</v>
      </c>
      <c r="D118" s="542"/>
      <c r="E118" s="543" t="s">
        <v>564</v>
      </c>
      <c r="F118" s="544"/>
      <c r="G118" s="544"/>
      <c r="H118" s="544"/>
      <c r="I118" s="544"/>
      <c r="J118" s="544"/>
      <c r="K118" s="544"/>
      <c r="L118" s="544"/>
      <c r="M118" s="544"/>
      <c r="N118" s="544"/>
      <c r="O118" s="544"/>
      <c r="P118" s="544"/>
      <c r="Q118" s="544"/>
      <c r="R118" s="544"/>
      <c r="S118" s="544"/>
      <c r="T118" s="545"/>
      <c r="U118" s="221" t="s">
        <v>565</v>
      </c>
      <c r="V118" s="546" t="s">
        <v>107</v>
      </c>
      <c r="W118" s="547"/>
      <c r="X118" s="547"/>
      <c r="Y118" s="547"/>
      <c r="Z118" s="548"/>
      <c r="AA118" s="623" t="s">
        <v>102</v>
      </c>
      <c r="AB118" s="624"/>
      <c r="AC118" s="625"/>
      <c r="AD118" s="415">
        <v>1</v>
      </c>
      <c r="AE118" s="415" t="s">
        <v>103</v>
      </c>
      <c r="AF118" s="646"/>
      <c r="AG118" s="647"/>
      <c r="AH118" s="549"/>
      <c r="AI118" s="550"/>
      <c r="AJ118" s="551"/>
      <c r="AK118" s="265"/>
      <c r="AL118" s="38"/>
      <c r="AM118" s="26"/>
      <c r="AN118" s="1" t="str">
        <f t="shared" si="4"/>
        <v>■</v>
      </c>
    </row>
    <row r="119" spans="1:40" s="1" customFormat="1">
      <c r="A119" s="20"/>
      <c r="B119" s="20"/>
      <c r="C119" s="541">
        <v>16</v>
      </c>
      <c r="D119" s="542"/>
      <c r="E119" s="543" t="s">
        <v>566</v>
      </c>
      <c r="F119" s="544"/>
      <c r="G119" s="544"/>
      <c r="H119" s="544"/>
      <c r="I119" s="544"/>
      <c r="J119" s="544"/>
      <c r="K119" s="544"/>
      <c r="L119" s="544"/>
      <c r="M119" s="544"/>
      <c r="N119" s="544"/>
      <c r="O119" s="544"/>
      <c r="P119" s="544"/>
      <c r="Q119" s="544"/>
      <c r="R119" s="544"/>
      <c r="S119" s="544"/>
      <c r="T119" s="545"/>
      <c r="U119" s="221" t="s">
        <v>567</v>
      </c>
      <c r="V119" s="546" t="s">
        <v>107</v>
      </c>
      <c r="W119" s="547"/>
      <c r="X119" s="547"/>
      <c r="Y119" s="547"/>
      <c r="Z119" s="548"/>
      <c r="AA119" s="623" t="s">
        <v>108</v>
      </c>
      <c r="AB119" s="624"/>
      <c r="AC119" s="625"/>
      <c r="AD119" s="415">
        <v>3</v>
      </c>
      <c r="AE119" s="415">
        <v>0</v>
      </c>
      <c r="AF119" s="646"/>
      <c r="AG119" s="647"/>
      <c r="AH119" s="549"/>
      <c r="AI119" s="550"/>
      <c r="AJ119" s="551"/>
      <c r="AK119" s="265"/>
      <c r="AL119" s="38"/>
      <c r="AM119" s="26"/>
      <c r="AN119" s="1" t="str">
        <f t="shared" si="4"/>
        <v>■</v>
      </c>
    </row>
    <row r="120" spans="1:40" s="1" customFormat="1">
      <c r="A120" s="20"/>
      <c r="B120" s="20"/>
      <c r="C120" s="541">
        <v>17</v>
      </c>
      <c r="D120" s="542"/>
      <c r="E120" s="543" t="s">
        <v>568</v>
      </c>
      <c r="F120" s="544"/>
      <c r="G120" s="544"/>
      <c r="H120" s="544"/>
      <c r="I120" s="544"/>
      <c r="J120" s="544"/>
      <c r="K120" s="544"/>
      <c r="L120" s="544"/>
      <c r="M120" s="544"/>
      <c r="N120" s="544"/>
      <c r="O120" s="544"/>
      <c r="P120" s="544"/>
      <c r="Q120" s="544"/>
      <c r="R120" s="544"/>
      <c r="S120" s="544"/>
      <c r="T120" s="545"/>
      <c r="U120" s="221" t="s">
        <v>569</v>
      </c>
      <c r="V120" s="546" t="s">
        <v>107</v>
      </c>
      <c r="W120" s="547"/>
      <c r="X120" s="547"/>
      <c r="Y120" s="547"/>
      <c r="Z120" s="548"/>
      <c r="AA120" s="623" t="s">
        <v>108</v>
      </c>
      <c r="AB120" s="624"/>
      <c r="AC120" s="625"/>
      <c r="AD120" s="415">
        <v>6</v>
      </c>
      <c r="AE120" s="415">
        <v>0</v>
      </c>
      <c r="AF120" s="646"/>
      <c r="AG120" s="647"/>
      <c r="AH120" s="549"/>
      <c r="AI120" s="550"/>
      <c r="AJ120" s="551"/>
      <c r="AK120" s="265"/>
      <c r="AL120" s="29"/>
      <c r="AM120" s="26"/>
      <c r="AN120" s="1" t="str">
        <f t="shared" si="4"/>
        <v>■</v>
      </c>
    </row>
    <row r="121" spans="1:40" s="1" customFormat="1">
      <c r="A121" s="20"/>
      <c r="B121" s="20"/>
      <c r="C121" s="541">
        <v>18</v>
      </c>
      <c r="D121" s="542"/>
      <c r="E121" s="543" t="s">
        <v>1351</v>
      </c>
      <c r="F121" s="544"/>
      <c r="G121" s="544"/>
      <c r="H121" s="544"/>
      <c r="I121" s="544"/>
      <c r="J121" s="544"/>
      <c r="K121" s="544"/>
      <c r="L121" s="544"/>
      <c r="M121" s="544"/>
      <c r="N121" s="544"/>
      <c r="O121" s="544"/>
      <c r="P121" s="544"/>
      <c r="Q121" s="544"/>
      <c r="R121" s="544"/>
      <c r="S121" s="544"/>
      <c r="T121" s="545"/>
      <c r="U121" s="221" t="s">
        <v>453</v>
      </c>
      <c r="V121" s="546" t="s">
        <v>107</v>
      </c>
      <c r="W121" s="547"/>
      <c r="X121" s="547"/>
      <c r="Y121" s="547"/>
      <c r="Z121" s="548"/>
      <c r="AA121" s="623" t="s">
        <v>102</v>
      </c>
      <c r="AB121" s="624"/>
      <c r="AC121" s="625"/>
      <c r="AD121" s="415">
        <v>6</v>
      </c>
      <c r="AE121" s="415" t="s">
        <v>103</v>
      </c>
      <c r="AF121" s="646"/>
      <c r="AG121" s="647"/>
      <c r="AH121" s="549"/>
      <c r="AI121" s="550"/>
      <c r="AJ121" s="551"/>
      <c r="AK121" s="265"/>
      <c r="AL121" s="48"/>
      <c r="AM121" s="26"/>
      <c r="AN121" s="1" t="str">
        <f t="shared" si="4"/>
        <v>■</v>
      </c>
    </row>
    <row r="122" spans="1:40" s="1" customFormat="1">
      <c r="A122" s="20"/>
      <c r="B122" s="20"/>
      <c r="C122" s="541">
        <v>19</v>
      </c>
      <c r="D122" s="542"/>
      <c r="E122" s="543" t="s">
        <v>411</v>
      </c>
      <c r="F122" s="544"/>
      <c r="G122" s="544"/>
      <c r="H122" s="544"/>
      <c r="I122" s="544"/>
      <c r="J122" s="544"/>
      <c r="K122" s="544"/>
      <c r="L122" s="544"/>
      <c r="M122" s="544"/>
      <c r="N122" s="544"/>
      <c r="O122" s="544"/>
      <c r="P122" s="544"/>
      <c r="Q122" s="544"/>
      <c r="R122" s="544"/>
      <c r="S122" s="544"/>
      <c r="T122" s="545"/>
      <c r="U122" s="221" t="s">
        <v>516</v>
      </c>
      <c r="V122" s="546" t="s">
        <v>107</v>
      </c>
      <c r="W122" s="547"/>
      <c r="X122" s="547"/>
      <c r="Y122" s="547"/>
      <c r="Z122" s="548"/>
      <c r="AA122" s="623" t="s">
        <v>102</v>
      </c>
      <c r="AB122" s="624"/>
      <c r="AC122" s="625"/>
      <c r="AD122" s="415">
        <v>6</v>
      </c>
      <c r="AE122" s="415" t="s">
        <v>103</v>
      </c>
      <c r="AF122" s="646"/>
      <c r="AG122" s="647"/>
      <c r="AH122" s="549"/>
      <c r="AI122" s="550"/>
      <c r="AJ122" s="551"/>
      <c r="AK122" s="265"/>
      <c r="AL122" s="37"/>
      <c r="AM122" s="26"/>
      <c r="AN122" s="1" t="str">
        <f t="shared" si="4"/>
        <v>■</v>
      </c>
    </row>
    <row r="123" spans="1:40" ht="13.4" customHeight="1">
      <c r="A123" s="20"/>
      <c r="B123" s="25"/>
      <c r="V123" s="238"/>
      <c r="W123" s="238"/>
      <c r="X123" s="238"/>
      <c r="Y123" s="238"/>
      <c r="Z123" s="238"/>
      <c r="AA123" s="629"/>
      <c r="AB123" s="629"/>
      <c r="AC123" s="629"/>
      <c r="AD123" s="238"/>
      <c r="AE123" s="238"/>
      <c r="AF123" s="238"/>
      <c r="AG123" s="238"/>
      <c r="AH123" s="238"/>
      <c r="AI123" s="238"/>
      <c r="AJ123" s="238"/>
      <c r="AK123" s="55"/>
      <c r="AL123" s="37"/>
      <c r="AM123" s="16"/>
    </row>
    <row r="124" spans="1:40" s="1" customFormat="1" ht="13.4" customHeight="1">
      <c r="A124" s="20"/>
      <c r="B124" s="20"/>
      <c r="C124" s="52" t="s">
        <v>380</v>
      </c>
      <c r="D124" s="53"/>
      <c r="E124" s="26"/>
      <c r="F124" s="26"/>
      <c r="G124" s="26"/>
      <c r="H124" s="26"/>
      <c r="I124" s="26"/>
      <c r="J124" s="26" t="s">
        <v>1148</v>
      </c>
      <c r="K124" s="71"/>
      <c r="L124" s="26"/>
      <c r="M124" s="71"/>
      <c r="N124" s="26"/>
      <c r="O124" s="26"/>
      <c r="P124" s="26"/>
      <c r="Q124" s="26"/>
      <c r="R124" s="26"/>
      <c r="S124" s="26"/>
      <c r="T124" s="26"/>
      <c r="U124" s="26" t="s">
        <v>1372</v>
      </c>
      <c r="V124" s="122"/>
      <c r="W124" s="122"/>
      <c r="X124" s="122"/>
      <c r="Y124" s="122"/>
      <c r="Z124" s="122"/>
      <c r="AA124" s="630"/>
      <c r="AB124" s="630"/>
      <c r="AC124" s="630"/>
      <c r="AD124" s="122"/>
      <c r="AE124" s="122"/>
      <c r="AF124" s="122"/>
      <c r="AG124" s="122"/>
      <c r="AH124" s="122"/>
      <c r="AI124" s="122"/>
      <c r="AJ124" s="122"/>
      <c r="AK124" s="26"/>
      <c r="AL124" s="38"/>
      <c r="AM124" s="26"/>
    </row>
    <row r="125" spans="1:40" ht="13.5" customHeight="1">
      <c r="A125" s="20"/>
      <c r="B125" s="51"/>
      <c r="C125" s="583" t="s">
        <v>73</v>
      </c>
      <c r="D125" s="573"/>
      <c r="E125" s="583" t="s">
        <v>94</v>
      </c>
      <c r="F125" s="583"/>
      <c r="G125" s="583"/>
      <c r="H125" s="583"/>
      <c r="I125" s="583"/>
      <c r="J125" s="583"/>
      <c r="K125" s="583"/>
      <c r="L125" s="583"/>
      <c r="M125" s="583"/>
      <c r="N125" s="583"/>
      <c r="O125" s="583"/>
      <c r="P125" s="583"/>
      <c r="Q125" s="583"/>
      <c r="R125" s="583"/>
      <c r="S125" s="583"/>
      <c r="T125" s="583"/>
      <c r="U125" s="226" t="s">
        <v>383</v>
      </c>
      <c r="V125" s="572" t="s">
        <v>138</v>
      </c>
      <c r="W125" s="572"/>
      <c r="X125" s="572"/>
      <c r="Y125" s="572"/>
      <c r="Z125" s="572"/>
      <c r="AA125" s="598" t="s">
        <v>959</v>
      </c>
      <c r="AB125" s="599"/>
      <c r="AC125" s="600"/>
      <c r="AD125" s="572" t="s">
        <v>97</v>
      </c>
      <c r="AE125" s="572"/>
      <c r="AF125" s="572" t="s">
        <v>98</v>
      </c>
      <c r="AG125" s="572"/>
      <c r="AH125" s="583" t="s">
        <v>75</v>
      </c>
      <c r="AI125" s="583"/>
      <c r="AJ125" s="583"/>
      <c r="AK125" s="581" t="s">
        <v>159</v>
      </c>
      <c r="AL125" s="38"/>
      <c r="AM125" s="16"/>
    </row>
    <row r="126" spans="1:40" ht="13.4" customHeight="1">
      <c r="A126" s="20"/>
      <c r="B126" s="51"/>
      <c r="C126" s="573"/>
      <c r="D126" s="573"/>
      <c r="E126" s="583"/>
      <c r="F126" s="583"/>
      <c r="G126" s="583"/>
      <c r="H126" s="583"/>
      <c r="I126" s="583"/>
      <c r="J126" s="583"/>
      <c r="K126" s="583"/>
      <c r="L126" s="583"/>
      <c r="M126" s="583"/>
      <c r="N126" s="583"/>
      <c r="O126" s="583"/>
      <c r="P126" s="583"/>
      <c r="Q126" s="583"/>
      <c r="R126" s="583"/>
      <c r="S126" s="583"/>
      <c r="T126" s="583"/>
      <c r="U126" s="227"/>
      <c r="V126" s="572"/>
      <c r="W126" s="572"/>
      <c r="X126" s="572"/>
      <c r="Y126" s="572"/>
      <c r="Z126" s="572"/>
      <c r="AA126" s="601"/>
      <c r="AB126" s="602"/>
      <c r="AC126" s="603"/>
      <c r="AD126" s="572"/>
      <c r="AE126" s="572"/>
      <c r="AF126" s="572"/>
      <c r="AG126" s="572"/>
      <c r="AH126" s="583"/>
      <c r="AI126" s="583"/>
      <c r="AJ126" s="583"/>
      <c r="AK126" s="582"/>
      <c r="AL126" s="38"/>
      <c r="AM126" s="16"/>
    </row>
    <row r="127" spans="1:40" s="1" customFormat="1" ht="13.4" customHeight="1">
      <c r="A127" s="20"/>
      <c r="B127" s="20"/>
      <c r="C127" s="541">
        <v>1</v>
      </c>
      <c r="D127" s="542"/>
      <c r="E127" s="563" t="s">
        <v>440</v>
      </c>
      <c r="F127" s="564"/>
      <c r="G127" s="564"/>
      <c r="H127" s="564"/>
      <c r="I127" s="564"/>
      <c r="J127" s="564"/>
      <c r="K127" s="564"/>
      <c r="L127" s="564"/>
      <c r="M127" s="564"/>
      <c r="N127" s="564"/>
      <c r="O127" s="564"/>
      <c r="P127" s="564"/>
      <c r="Q127" s="564"/>
      <c r="R127" s="564"/>
      <c r="S127" s="564"/>
      <c r="T127" s="565"/>
      <c r="U127" s="219" t="s">
        <v>441</v>
      </c>
      <c r="V127" s="546" t="s">
        <v>101</v>
      </c>
      <c r="W127" s="547"/>
      <c r="X127" s="547"/>
      <c r="Y127" s="547"/>
      <c r="Z127" s="548"/>
      <c r="AA127" s="623" t="s">
        <v>102</v>
      </c>
      <c r="AB127" s="624"/>
      <c r="AC127" s="625"/>
      <c r="AD127" s="415">
        <v>10</v>
      </c>
      <c r="AE127" s="415" t="s">
        <v>103</v>
      </c>
      <c r="AF127" s="700"/>
      <c r="AG127" s="700"/>
      <c r="AH127" s="549"/>
      <c r="AI127" s="550"/>
      <c r="AJ127" s="551"/>
      <c r="AK127" s="351"/>
      <c r="AL127" s="38"/>
      <c r="AM127" s="26"/>
      <c r="AN127" s="1" t="str">
        <f>$S$19</f>
        <v>■</v>
      </c>
    </row>
    <row r="128" spans="1:40" s="1" customFormat="1" ht="13.4" customHeight="1">
      <c r="A128" s="20"/>
      <c r="B128" s="20"/>
      <c r="C128" s="541">
        <v>2</v>
      </c>
      <c r="D128" s="542"/>
      <c r="E128" s="563" t="s">
        <v>442</v>
      </c>
      <c r="F128" s="564"/>
      <c r="G128" s="564"/>
      <c r="H128" s="564"/>
      <c r="I128" s="564"/>
      <c r="J128" s="564"/>
      <c r="K128" s="564"/>
      <c r="L128" s="564"/>
      <c r="M128" s="564"/>
      <c r="N128" s="564"/>
      <c r="O128" s="564"/>
      <c r="P128" s="564"/>
      <c r="Q128" s="564"/>
      <c r="R128" s="564"/>
      <c r="S128" s="564"/>
      <c r="T128" s="565"/>
      <c r="U128" s="219" t="s">
        <v>443</v>
      </c>
      <c r="V128" s="546" t="s">
        <v>101</v>
      </c>
      <c r="W128" s="547"/>
      <c r="X128" s="547"/>
      <c r="Y128" s="547"/>
      <c r="Z128" s="548"/>
      <c r="AA128" s="623" t="s">
        <v>102</v>
      </c>
      <c r="AB128" s="624"/>
      <c r="AC128" s="625"/>
      <c r="AD128" s="415">
        <v>51</v>
      </c>
      <c r="AE128" s="415" t="s">
        <v>103</v>
      </c>
      <c r="AF128" s="700"/>
      <c r="AG128" s="700"/>
      <c r="AH128" s="549"/>
      <c r="AI128" s="550"/>
      <c r="AJ128" s="551"/>
      <c r="AK128" s="351"/>
      <c r="AL128" s="38"/>
      <c r="AM128" s="26"/>
      <c r="AN128" s="1" t="str">
        <f t="shared" ref="AN128:AN141" si="5">$S$19</f>
        <v>■</v>
      </c>
    </row>
    <row r="129" spans="1:40" s="1" customFormat="1" ht="13.4" customHeight="1">
      <c r="A129" s="20"/>
      <c r="B129" s="20"/>
      <c r="C129" s="552">
        <v>3</v>
      </c>
      <c r="D129" s="553"/>
      <c r="E129" s="566" t="s">
        <v>106</v>
      </c>
      <c r="F129" s="567"/>
      <c r="G129" s="567"/>
      <c r="H129" s="567"/>
      <c r="I129" s="567"/>
      <c r="J129" s="567"/>
      <c r="K129" s="567"/>
      <c r="L129" s="567"/>
      <c r="M129" s="567"/>
      <c r="N129" s="567"/>
      <c r="O129" s="567"/>
      <c r="P129" s="567"/>
      <c r="Q129" s="567"/>
      <c r="R129" s="567"/>
      <c r="S129" s="567"/>
      <c r="T129" s="568"/>
      <c r="U129" s="220" t="s">
        <v>444</v>
      </c>
      <c r="V129" s="557" t="s">
        <v>107</v>
      </c>
      <c r="W129" s="558"/>
      <c r="X129" s="558"/>
      <c r="Y129" s="558"/>
      <c r="Z129" s="559"/>
      <c r="AA129" s="626" t="s">
        <v>108</v>
      </c>
      <c r="AB129" s="627"/>
      <c r="AC129" s="628"/>
      <c r="AD129" s="419">
        <v>1</v>
      </c>
      <c r="AE129" s="419">
        <v>0</v>
      </c>
      <c r="AF129" s="569" t="s">
        <v>109</v>
      </c>
      <c r="AG129" s="570"/>
      <c r="AH129" s="560"/>
      <c r="AI129" s="561"/>
      <c r="AJ129" s="562"/>
      <c r="AK129" s="346" t="s">
        <v>391</v>
      </c>
      <c r="AL129" s="38"/>
      <c r="AM129" s="26"/>
      <c r="AN129" s="1" t="str">
        <f t="shared" si="5"/>
        <v>■</v>
      </c>
    </row>
    <row r="130" spans="1:40" s="1" customFormat="1" ht="13.4" customHeight="1">
      <c r="A130" s="20"/>
      <c r="B130" s="20"/>
      <c r="C130" s="541">
        <v>4</v>
      </c>
      <c r="D130" s="542"/>
      <c r="E130" s="563" t="s">
        <v>110</v>
      </c>
      <c r="F130" s="564"/>
      <c r="G130" s="564"/>
      <c r="H130" s="564"/>
      <c r="I130" s="564"/>
      <c r="J130" s="564"/>
      <c r="K130" s="564"/>
      <c r="L130" s="564"/>
      <c r="M130" s="564"/>
      <c r="N130" s="564"/>
      <c r="O130" s="564"/>
      <c r="P130" s="564"/>
      <c r="Q130" s="564"/>
      <c r="R130" s="564"/>
      <c r="S130" s="564"/>
      <c r="T130" s="565"/>
      <c r="U130" s="221" t="s">
        <v>445</v>
      </c>
      <c r="V130" s="546" t="s">
        <v>107</v>
      </c>
      <c r="W130" s="547"/>
      <c r="X130" s="547"/>
      <c r="Y130" s="547"/>
      <c r="Z130" s="548"/>
      <c r="AA130" s="623" t="s">
        <v>108</v>
      </c>
      <c r="AB130" s="624"/>
      <c r="AC130" s="625"/>
      <c r="AD130" s="415">
        <v>1</v>
      </c>
      <c r="AE130" s="415">
        <v>0</v>
      </c>
      <c r="AF130" s="700"/>
      <c r="AG130" s="700"/>
      <c r="AH130" s="549"/>
      <c r="AI130" s="550"/>
      <c r="AJ130" s="551"/>
      <c r="AK130" s="265"/>
      <c r="AL130" s="38"/>
      <c r="AM130" s="26"/>
      <c r="AN130" s="1" t="str">
        <f t="shared" si="5"/>
        <v>■</v>
      </c>
    </row>
    <row r="131" spans="1:40" s="1" customFormat="1">
      <c r="A131" s="20"/>
      <c r="B131" s="20"/>
      <c r="C131" s="541">
        <v>5</v>
      </c>
      <c r="D131" s="542"/>
      <c r="E131" s="543" t="s">
        <v>80</v>
      </c>
      <c r="F131" s="544"/>
      <c r="G131" s="544"/>
      <c r="H131" s="544"/>
      <c r="I131" s="544"/>
      <c r="J131" s="544"/>
      <c r="K131" s="544"/>
      <c r="L131" s="544"/>
      <c r="M131" s="544"/>
      <c r="N131" s="544"/>
      <c r="O131" s="544"/>
      <c r="P131" s="544"/>
      <c r="Q131" s="544"/>
      <c r="R131" s="544"/>
      <c r="S131" s="544"/>
      <c r="T131" s="545"/>
      <c r="U131" s="221" t="s">
        <v>446</v>
      </c>
      <c r="V131" s="546" t="s">
        <v>101</v>
      </c>
      <c r="W131" s="547"/>
      <c r="X131" s="547"/>
      <c r="Y131" s="547"/>
      <c r="Z131" s="548"/>
      <c r="AA131" s="623" t="s">
        <v>102</v>
      </c>
      <c r="AB131" s="624"/>
      <c r="AC131" s="625"/>
      <c r="AD131" s="415">
        <v>2</v>
      </c>
      <c r="AE131" s="415" t="s">
        <v>103</v>
      </c>
      <c r="AF131" s="700"/>
      <c r="AG131" s="700"/>
      <c r="AH131" s="549"/>
      <c r="AI131" s="550"/>
      <c r="AJ131" s="551"/>
      <c r="AK131" s="265"/>
      <c r="AL131" s="38"/>
      <c r="AM131" s="26"/>
      <c r="AN131" s="1" t="str">
        <f t="shared" si="5"/>
        <v>■</v>
      </c>
    </row>
    <row r="132" spans="1:40" s="1" customFormat="1">
      <c r="A132" s="20"/>
      <c r="B132" s="20"/>
      <c r="C132" s="541">
        <v>6</v>
      </c>
      <c r="D132" s="542"/>
      <c r="E132" s="543" t="s">
        <v>572</v>
      </c>
      <c r="F132" s="544"/>
      <c r="G132" s="544"/>
      <c r="H132" s="544"/>
      <c r="I132" s="544"/>
      <c r="J132" s="544"/>
      <c r="K132" s="544"/>
      <c r="L132" s="544"/>
      <c r="M132" s="544"/>
      <c r="N132" s="544"/>
      <c r="O132" s="544"/>
      <c r="P132" s="544"/>
      <c r="Q132" s="544"/>
      <c r="R132" s="544"/>
      <c r="S132" s="544"/>
      <c r="T132" s="545"/>
      <c r="U132" s="221" t="s">
        <v>573</v>
      </c>
      <c r="V132" s="546" t="s">
        <v>101</v>
      </c>
      <c r="W132" s="547"/>
      <c r="X132" s="547"/>
      <c r="Y132" s="547"/>
      <c r="Z132" s="548"/>
      <c r="AA132" s="623" t="s">
        <v>102</v>
      </c>
      <c r="AB132" s="624"/>
      <c r="AC132" s="625"/>
      <c r="AD132" s="415">
        <v>8</v>
      </c>
      <c r="AE132" s="415" t="s">
        <v>103</v>
      </c>
      <c r="AF132" s="700"/>
      <c r="AG132" s="700"/>
      <c r="AH132" s="549"/>
      <c r="AI132" s="550"/>
      <c r="AJ132" s="551"/>
      <c r="AK132" s="265" t="s">
        <v>3020</v>
      </c>
      <c r="AL132" s="38"/>
      <c r="AM132" s="26"/>
      <c r="AN132" s="1" t="str">
        <f t="shared" si="5"/>
        <v>■</v>
      </c>
    </row>
    <row r="133" spans="1:40" s="13" customFormat="1">
      <c r="A133" s="20"/>
      <c r="B133" s="20"/>
      <c r="C133" s="541">
        <v>7</v>
      </c>
      <c r="D133" s="542"/>
      <c r="E133" s="543" t="s">
        <v>574</v>
      </c>
      <c r="F133" s="544"/>
      <c r="G133" s="544"/>
      <c r="H133" s="544"/>
      <c r="I133" s="544"/>
      <c r="J133" s="544"/>
      <c r="K133" s="544"/>
      <c r="L133" s="544"/>
      <c r="M133" s="544"/>
      <c r="N133" s="544"/>
      <c r="O133" s="544"/>
      <c r="P133" s="544"/>
      <c r="Q133" s="544"/>
      <c r="R133" s="544"/>
      <c r="S133" s="544"/>
      <c r="T133" s="545"/>
      <c r="U133" s="221" t="s">
        <v>575</v>
      </c>
      <c r="V133" s="546" t="s">
        <v>107</v>
      </c>
      <c r="W133" s="547"/>
      <c r="X133" s="547"/>
      <c r="Y133" s="547"/>
      <c r="Z133" s="548"/>
      <c r="AA133" s="623" t="s">
        <v>102</v>
      </c>
      <c r="AB133" s="624"/>
      <c r="AC133" s="625"/>
      <c r="AD133" s="415">
        <v>1</v>
      </c>
      <c r="AE133" s="415" t="s">
        <v>103</v>
      </c>
      <c r="AF133" s="700"/>
      <c r="AG133" s="700"/>
      <c r="AH133" s="549"/>
      <c r="AI133" s="550"/>
      <c r="AJ133" s="551"/>
      <c r="AK133" s="265"/>
      <c r="AL133" s="38"/>
      <c r="AM133" s="54"/>
      <c r="AN133" s="1" t="str">
        <f t="shared" si="5"/>
        <v>■</v>
      </c>
    </row>
    <row r="134" spans="1:40" s="1" customFormat="1">
      <c r="A134" s="20"/>
      <c r="B134" s="20"/>
      <c r="C134" s="541">
        <v>8</v>
      </c>
      <c r="D134" s="542"/>
      <c r="E134" s="543" t="s">
        <v>1368</v>
      </c>
      <c r="F134" s="544"/>
      <c r="G134" s="544"/>
      <c r="H134" s="544"/>
      <c r="I134" s="544"/>
      <c r="J134" s="544"/>
      <c r="K134" s="544"/>
      <c r="L134" s="544"/>
      <c r="M134" s="544"/>
      <c r="N134" s="544"/>
      <c r="O134" s="544"/>
      <c r="P134" s="544"/>
      <c r="Q134" s="544"/>
      <c r="R134" s="544"/>
      <c r="S134" s="544"/>
      <c r="T134" s="545"/>
      <c r="U134" s="221" t="s">
        <v>1369</v>
      </c>
      <c r="V134" s="546" t="s">
        <v>107</v>
      </c>
      <c r="W134" s="547"/>
      <c r="X134" s="547"/>
      <c r="Y134" s="547"/>
      <c r="Z134" s="548"/>
      <c r="AA134" s="623" t="s">
        <v>108</v>
      </c>
      <c r="AB134" s="624"/>
      <c r="AC134" s="625"/>
      <c r="AD134" s="415">
        <v>2</v>
      </c>
      <c r="AE134" s="415">
        <v>0</v>
      </c>
      <c r="AF134" s="700"/>
      <c r="AG134" s="700"/>
      <c r="AH134" s="549"/>
      <c r="AI134" s="550"/>
      <c r="AJ134" s="551"/>
      <c r="AK134" s="265"/>
      <c r="AL134" s="38"/>
      <c r="AM134" s="26"/>
      <c r="AN134" s="1" t="str">
        <f t="shared" si="5"/>
        <v>■</v>
      </c>
    </row>
    <row r="135" spans="1:40" s="1" customFormat="1">
      <c r="A135" s="20"/>
      <c r="B135" s="20"/>
      <c r="C135" s="541">
        <v>9</v>
      </c>
      <c r="D135" s="542"/>
      <c r="E135" s="543" t="s">
        <v>553</v>
      </c>
      <c r="F135" s="544"/>
      <c r="G135" s="544"/>
      <c r="H135" s="544"/>
      <c r="I135" s="544"/>
      <c r="J135" s="544"/>
      <c r="K135" s="544"/>
      <c r="L135" s="544"/>
      <c r="M135" s="544"/>
      <c r="N135" s="544"/>
      <c r="O135" s="544"/>
      <c r="P135" s="544"/>
      <c r="Q135" s="544"/>
      <c r="R135" s="544"/>
      <c r="S135" s="544"/>
      <c r="T135" s="545"/>
      <c r="U135" s="221" t="s">
        <v>554</v>
      </c>
      <c r="V135" s="546" t="s">
        <v>107</v>
      </c>
      <c r="W135" s="547"/>
      <c r="X135" s="547"/>
      <c r="Y135" s="547"/>
      <c r="Z135" s="548"/>
      <c r="AA135" s="623" t="s">
        <v>108</v>
      </c>
      <c r="AB135" s="624"/>
      <c r="AC135" s="625"/>
      <c r="AD135" s="415">
        <v>8</v>
      </c>
      <c r="AE135" s="415">
        <v>0</v>
      </c>
      <c r="AF135" s="700"/>
      <c r="AG135" s="700"/>
      <c r="AH135" s="549"/>
      <c r="AI135" s="550"/>
      <c r="AJ135" s="551"/>
      <c r="AK135" s="265"/>
      <c r="AL135" s="38"/>
      <c r="AM135" s="26"/>
      <c r="AN135" s="1" t="str">
        <f t="shared" si="5"/>
        <v>■</v>
      </c>
    </row>
    <row r="136" spans="1:40" s="1" customFormat="1">
      <c r="A136" s="20"/>
      <c r="B136" s="20"/>
      <c r="C136" s="552">
        <v>10</v>
      </c>
      <c r="D136" s="553"/>
      <c r="E136" s="554" t="s">
        <v>400</v>
      </c>
      <c r="F136" s="555"/>
      <c r="G136" s="555"/>
      <c r="H136" s="555"/>
      <c r="I136" s="555"/>
      <c r="J136" s="555"/>
      <c r="K136" s="555"/>
      <c r="L136" s="555"/>
      <c r="M136" s="555"/>
      <c r="N136" s="555"/>
      <c r="O136" s="555"/>
      <c r="P136" s="555"/>
      <c r="Q136" s="555"/>
      <c r="R136" s="555"/>
      <c r="S136" s="555"/>
      <c r="T136" s="556"/>
      <c r="U136" s="259" t="s">
        <v>474</v>
      </c>
      <c r="V136" s="557" t="s">
        <v>107</v>
      </c>
      <c r="W136" s="558"/>
      <c r="X136" s="558"/>
      <c r="Y136" s="558"/>
      <c r="Z136" s="559"/>
      <c r="AA136" s="626" t="s">
        <v>102</v>
      </c>
      <c r="AB136" s="627"/>
      <c r="AC136" s="628"/>
      <c r="AD136" s="419">
        <v>5</v>
      </c>
      <c r="AE136" s="419" t="s">
        <v>103</v>
      </c>
      <c r="AF136" s="569" t="s">
        <v>109</v>
      </c>
      <c r="AG136" s="570"/>
      <c r="AH136" s="560"/>
      <c r="AI136" s="561"/>
      <c r="AJ136" s="562"/>
      <c r="AK136" s="333" t="s">
        <v>399</v>
      </c>
      <c r="AL136" s="38"/>
      <c r="AM136" s="26"/>
      <c r="AN136" s="1" t="str">
        <f t="shared" si="5"/>
        <v>■</v>
      </c>
    </row>
    <row r="137" spans="1:40" s="1" customFormat="1" ht="13.4" customHeight="1">
      <c r="A137" s="20"/>
      <c r="B137" s="20"/>
      <c r="C137" s="541">
        <v>11</v>
      </c>
      <c r="D137" s="542"/>
      <c r="E137" s="543" t="s">
        <v>1373</v>
      </c>
      <c r="F137" s="544"/>
      <c r="G137" s="544"/>
      <c r="H137" s="544"/>
      <c r="I137" s="544"/>
      <c r="J137" s="544"/>
      <c r="K137" s="544"/>
      <c r="L137" s="544"/>
      <c r="M137" s="544"/>
      <c r="N137" s="544"/>
      <c r="O137" s="544"/>
      <c r="P137" s="544"/>
      <c r="Q137" s="544"/>
      <c r="R137" s="544"/>
      <c r="S137" s="544"/>
      <c r="T137" s="545"/>
      <c r="U137" s="221" t="s">
        <v>1371</v>
      </c>
      <c r="V137" s="546" t="s">
        <v>107</v>
      </c>
      <c r="W137" s="547"/>
      <c r="X137" s="547"/>
      <c r="Y137" s="547"/>
      <c r="Z137" s="548"/>
      <c r="AA137" s="623" t="s">
        <v>108</v>
      </c>
      <c r="AB137" s="624"/>
      <c r="AC137" s="625"/>
      <c r="AD137" s="415">
        <v>8</v>
      </c>
      <c r="AE137" s="415">
        <v>0</v>
      </c>
      <c r="AF137" s="700"/>
      <c r="AG137" s="700"/>
      <c r="AH137" s="549"/>
      <c r="AI137" s="550"/>
      <c r="AJ137" s="551"/>
      <c r="AK137" s="265"/>
      <c r="AL137" s="38"/>
      <c r="AM137" s="26"/>
      <c r="AN137" s="1" t="str">
        <f t="shared" si="5"/>
        <v>■</v>
      </c>
    </row>
    <row r="138" spans="1:40" s="1" customFormat="1" ht="13.4" customHeight="1">
      <c r="A138" s="20"/>
      <c r="B138" s="20"/>
      <c r="C138" s="552">
        <v>12</v>
      </c>
      <c r="D138" s="553"/>
      <c r="E138" s="554" t="s">
        <v>402</v>
      </c>
      <c r="F138" s="555"/>
      <c r="G138" s="555"/>
      <c r="H138" s="555"/>
      <c r="I138" s="555"/>
      <c r="J138" s="555"/>
      <c r="K138" s="555"/>
      <c r="L138" s="555"/>
      <c r="M138" s="555"/>
      <c r="N138" s="555"/>
      <c r="O138" s="555"/>
      <c r="P138" s="555"/>
      <c r="Q138" s="555"/>
      <c r="R138" s="555"/>
      <c r="S138" s="555"/>
      <c r="T138" s="556"/>
      <c r="U138" s="259" t="s">
        <v>475</v>
      </c>
      <c r="V138" s="557" t="s">
        <v>107</v>
      </c>
      <c r="W138" s="558"/>
      <c r="X138" s="558"/>
      <c r="Y138" s="558"/>
      <c r="Z138" s="559"/>
      <c r="AA138" s="626" t="s">
        <v>102</v>
      </c>
      <c r="AB138" s="627"/>
      <c r="AC138" s="628"/>
      <c r="AD138" s="419">
        <v>6</v>
      </c>
      <c r="AE138" s="419" t="s">
        <v>103</v>
      </c>
      <c r="AF138" s="569" t="s">
        <v>109</v>
      </c>
      <c r="AG138" s="570"/>
      <c r="AH138" s="560"/>
      <c r="AI138" s="561"/>
      <c r="AJ138" s="562"/>
      <c r="AK138" s="333" t="s">
        <v>399</v>
      </c>
      <c r="AL138" s="38"/>
      <c r="AM138" s="26"/>
      <c r="AN138" s="1" t="str">
        <f t="shared" si="5"/>
        <v>■</v>
      </c>
    </row>
    <row r="139" spans="1:40" s="1" customFormat="1" ht="13.4" customHeight="1">
      <c r="A139" s="20"/>
      <c r="B139" s="20"/>
      <c r="C139" s="541">
        <v>13</v>
      </c>
      <c r="D139" s="542"/>
      <c r="E139" s="543" t="s">
        <v>3045</v>
      </c>
      <c r="F139" s="544"/>
      <c r="G139" s="544"/>
      <c r="H139" s="544"/>
      <c r="I139" s="544"/>
      <c r="J139" s="544"/>
      <c r="K139" s="544"/>
      <c r="L139" s="544"/>
      <c r="M139" s="544"/>
      <c r="N139" s="544"/>
      <c r="O139" s="544"/>
      <c r="P139" s="544"/>
      <c r="Q139" s="544"/>
      <c r="R139" s="544"/>
      <c r="S139" s="544"/>
      <c r="T139" s="545"/>
      <c r="U139" s="221" t="s">
        <v>1374</v>
      </c>
      <c r="V139" s="546" t="s">
        <v>107</v>
      </c>
      <c r="W139" s="547"/>
      <c r="X139" s="547"/>
      <c r="Y139" s="547"/>
      <c r="Z139" s="548"/>
      <c r="AA139" s="623" t="s">
        <v>108</v>
      </c>
      <c r="AB139" s="624"/>
      <c r="AC139" s="625"/>
      <c r="AD139" s="415">
        <v>6</v>
      </c>
      <c r="AE139" s="415">
        <v>0</v>
      </c>
      <c r="AF139" s="700"/>
      <c r="AG139" s="700"/>
      <c r="AH139" s="549"/>
      <c r="AI139" s="550"/>
      <c r="AJ139" s="551"/>
      <c r="AK139" s="265"/>
      <c r="AL139" s="29"/>
      <c r="AM139" s="26"/>
      <c r="AN139" s="1" t="str">
        <f t="shared" si="5"/>
        <v>■</v>
      </c>
    </row>
    <row r="140" spans="1:40" s="1" customFormat="1" ht="13.4" customHeight="1">
      <c r="A140" s="20"/>
      <c r="B140" s="20"/>
      <c r="C140" s="541">
        <v>14</v>
      </c>
      <c r="D140" s="542"/>
      <c r="E140" s="543" t="s">
        <v>1351</v>
      </c>
      <c r="F140" s="544"/>
      <c r="G140" s="544"/>
      <c r="H140" s="544"/>
      <c r="I140" s="544"/>
      <c r="J140" s="544"/>
      <c r="K140" s="544"/>
      <c r="L140" s="544"/>
      <c r="M140" s="544"/>
      <c r="N140" s="544"/>
      <c r="O140" s="544"/>
      <c r="P140" s="544"/>
      <c r="Q140" s="544"/>
      <c r="R140" s="544"/>
      <c r="S140" s="544"/>
      <c r="T140" s="545"/>
      <c r="U140" s="221" t="s">
        <v>453</v>
      </c>
      <c r="V140" s="546" t="s">
        <v>107</v>
      </c>
      <c r="W140" s="547"/>
      <c r="X140" s="547"/>
      <c r="Y140" s="547"/>
      <c r="Z140" s="548"/>
      <c r="AA140" s="623" t="s">
        <v>102</v>
      </c>
      <c r="AB140" s="624"/>
      <c r="AC140" s="625"/>
      <c r="AD140" s="415">
        <v>6</v>
      </c>
      <c r="AE140" s="415" t="s">
        <v>103</v>
      </c>
      <c r="AF140" s="700"/>
      <c r="AG140" s="700"/>
      <c r="AH140" s="549"/>
      <c r="AI140" s="550"/>
      <c r="AJ140" s="551"/>
      <c r="AK140" s="265"/>
      <c r="AL140" s="48"/>
      <c r="AM140" s="26"/>
      <c r="AN140" s="1" t="str">
        <f t="shared" si="5"/>
        <v>■</v>
      </c>
    </row>
    <row r="141" spans="1:40" s="1" customFormat="1">
      <c r="A141" s="20"/>
      <c r="B141" s="20"/>
      <c r="C141" s="541">
        <v>15</v>
      </c>
      <c r="D141" s="542"/>
      <c r="E141" s="543" t="s">
        <v>411</v>
      </c>
      <c r="F141" s="544"/>
      <c r="G141" s="544"/>
      <c r="H141" s="544"/>
      <c r="I141" s="544"/>
      <c r="J141" s="544"/>
      <c r="K141" s="544"/>
      <c r="L141" s="544"/>
      <c r="M141" s="544"/>
      <c r="N141" s="544"/>
      <c r="O141" s="544"/>
      <c r="P141" s="544"/>
      <c r="Q141" s="544"/>
      <c r="R141" s="544"/>
      <c r="S141" s="544"/>
      <c r="T141" s="545"/>
      <c r="U141" s="221" t="s">
        <v>516</v>
      </c>
      <c r="V141" s="546" t="s">
        <v>107</v>
      </c>
      <c r="W141" s="547"/>
      <c r="X141" s="547"/>
      <c r="Y141" s="547"/>
      <c r="Z141" s="548"/>
      <c r="AA141" s="623" t="s">
        <v>102</v>
      </c>
      <c r="AB141" s="624"/>
      <c r="AC141" s="625"/>
      <c r="AD141" s="415">
        <v>6</v>
      </c>
      <c r="AE141" s="415" t="s">
        <v>103</v>
      </c>
      <c r="AF141" s="700"/>
      <c r="AG141" s="700"/>
      <c r="AH141" s="549"/>
      <c r="AI141" s="550"/>
      <c r="AJ141" s="551"/>
      <c r="AK141" s="265"/>
      <c r="AL141" s="37"/>
      <c r="AM141" s="26"/>
      <c r="AN141" s="1" t="str">
        <f t="shared" si="5"/>
        <v>■</v>
      </c>
    </row>
    <row r="142" spans="1:40" ht="13.4" customHeight="1">
      <c r="A142" s="20"/>
      <c r="B142" s="25"/>
      <c r="V142" s="238"/>
      <c r="W142" s="238"/>
      <c r="X142" s="238"/>
      <c r="Y142" s="238"/>
      <c r="Z142" s="238"/>
      <c r="AA142" s="629"/>
      <c r="AB142" s="629"/>
      <c r="AC142" s="629"/>
      <c r="AD142" s="238"/>
      <c r="AE142" s="238"/>
      <c r="AF142" s="238"/>
      <c r="AG142" s="238"/>
      <c r="AH142" s="238"/>
      <c r="AI142" s="238"/>
      <c r="AJ142" s="238"/>
      <c r="AK142" s="55"/>
      <c r="AL142" s="37"/>
      <c r="AM142" s="16"/>
    </row>
    <row r="143" spans="1:40" s="1" customFormat="1" ht="13.4" customHeight="1">
      <c r="A143" s="20"/>
      <c r="B143" s="20"/>
      <c r="C143" s="52" t="s">
        <v>380</v>
      </c>
      <c r="D143" s="53"/>
      <c r="E143" s="26"/>
      <c r="F143" s="26"/>
      <c r="G143" s="26"/>
      <c r="H143" s="26"/>
      <c r="I143" s="26"/>
      <c r="J143" s="26" t="s">
        <v>1375</v>
      </c>
      <c r="K143" s="71"/>
      <c r="L143" s="26"/>
      <c r="M143" s="71"/>
      <c r="N143" s="26"/>
      <c r="O143" s="26"/>
      <c r="P143" s="26"/>
      <c r="Q143" s="26"/>
      <c r="R143" s="26"/>
      <c r="S143" s="26"/>
      <c r="T143" s="26"/>
      <c r="U143" s="26" t="s">
        <v>1376</v>
      </c>
      <c r="V143" s="122"/>
      <c r="W143" s="122"/>
      <c r="X143" s="122"/>
      <c r="Y143" s="122"/>
      <c r="Z143" s="122"/>
      <c r="AA143" s="630"/>
      <c r="AB143" s="630"/>
      <c r="AC143" s="630"/>
      <c r="AD143" s="122"/>
      <c r="AE143" s="122"/>
      <c r="AF143" s="122"/>
      <c r="AG143" s="122"/>
      <c r="AH143" s="122"/>
      <c r="AI143" s="122"/>
      <c r="AJ143" s="122"/>
      <c r="AK143" s="26"/>
      <c r="AL143" s="38"/>
      <c r="AM143" s="26"/>
    </row>
    <row r="144" spans="1:40" ht="13.5" customHeight="1">
      <c r="A144" s="20"/>
      <c r="B144" s="51"/>
      <c r="C144" s="583" t="s">
        <v>73</v>
      </c>
      <c r="D144" s="573"/>
      <c r="E144" s="583" t="s">
        <v>94</v>
      </c>
      <c r="F144" s="583"/>
      <c r="G144" s="583"/>
      <c r="H144" s="583"/>
      <c r="I144" s="583"/>
      <c r="J144" s="583"/>
      <c r="K144" s="583"/>
      <c r="L144" s="583"/>
      <c r="M144" s="583"/>
      <c r="N144" s="583"/>
      <c r="O144" s="583"/>
      <c r="P144" s="583"/>
      <c r="Q144" s="583"/>
      <c r="R144" s="583"/>
      <c r="S144" s="583"/>
      <c r="T144" s="583"/>
      <c r="U144" s="226" t="s">
        <v>383</v>
      </c>
      <c r="V144" s="572" t="s">
        <v>138</v>
      </c>
      <c r="W144" s="572"/>
      <c r="X144" s="572"/>
      <c r="Y144" s="572"/>
      <c r="Z144" s="572"/>
      <c r="AA144" s="598" t="s">
        <v>959</v>
      </c>
      <c r="AB144" s="599"/>
      <c r="AC144" s="600"/>
      <c r="AD144" s="572" t="s">
        <v>97</v>
      </c>
      <c r="AE144" s="572"/>
      <c r="AF144" s="572" t="s">
        <v>98</v>
      </c>
      <c r="AG144" s="572"/>
      <c r="AH144" s="583" t="s">
        <v>75</v>
      </c>
      <c r="AI144" s="583"/>
      <c r="AJ144" s="583"/>
      <c r="AK144" s="581" t="s">
        <v>159</v>
      </c>
      <c r="AL144" s="38"/>
      <c r="AM144" s="16"/>
    </row>
    <row r="145" spans="1:40" ht="13.4" customHeight="1">
      <c r="A145" s="20"/>
      <c r="B145" s="51"/>
      <c r="C145" s="573"/>
      <c r="D145" s="573"/>
      <c r="E145" s="583"/>
      <c r="F145" s="583"/>
      <c r="G145" s="583"/>
      <c r="H145" s="583"/>
      <c r="I145" s="583"/>
      <c r="J145" s="583"/>
      <c r="K145" s="583"/>
      <c r="L145" s="583"/>
      <c r="M145" s="583"/>
      <c r="N145" s="583"/>
      <c r="O145" s="583"/>
      <c r="P145" s="583"/>
      <c r="Q145" s="583"/>
      <c r="R145" s="583"/>
      <c r="S145" s="583"/>
      <c r="T145" s="583"/>
      <c r="U145" s="227"/>
      <c r="V145" s="572"/>
      <c r="W145" s="572"/>
      <c r="X145" s="572"/>
      <c r="Y145" s="572"/>
      <c r="Z145" s="572"/>
      <c r="AA145" s="601"/>
      <c r="AB145" s="602"/>
      <c r="AC145" s="603"/>
      <c r="AD145" s="572"/>
      <c r="AE145" s="572"/>
      <c r="AF145" s="572"/>
      <c r="AG145" s="572"/>
      <c r="AH145" s="583"/>
      <c r="AI145" s="583"/>
      <c r="AJ145" s="583"/>
      <c r="AK145" s="582"/>
      <c r="AL145" s="38"/>
      <c r="AM145" s="16"/>
    </row>
    <row r="146" spans="1:40" s="13" customFormat="1" ht="13.4" customHeight="1">
      <c r="A146" s="20"/>
      <c r="B146" s="20"/>
      <c r="C146" s="541">
        <v>1</v>
      </c>
      <c r="D146" s="542"/>
      <c r="E146" s="563" t="s">
        <v>440</v>
      </c>
      <c r="F146" s="564"/>
      <c r="G146" s="564"/>
      <c r="H146" s="564"/>
      <c r="I146" s="564"/>
      <c r="J146" s="564"/>
      <c r="K146" s="564"/>
      <c r="L146" s="564"/>
      <c r="M146" s="564"/>
      <c r="N146" s="564"/>
      <c r="O146" s="564"/>
      <c r="P146" s="564"/>
      <c r="Q146" s="564"/>
      <c r="R146" s="564"/>
      <c r="S146" s="564"/>
      <c r="T146" s="565"/>
      <c r="U146" s="219" t="s">
        <v>441</v>
      </c>
      <c r="V146" s="546" t="s">
        <v>101</v>
      </c>
      <c r="W146" s="547"/>
      <c r="X146" s="547"/>
      <c r="Y146" s="547"/>
      <c r="Z146" s="548"/>
      <c r="AA146" s="623" t="s">
        <v>102</v>
      </c>
      <c r="AB146" s="624"/>
      <c r="AC146" s="625"/>
      <c r="AD146" s="415">
        <v>10</v>
      </c>
      <c r="AE146" s="415" t="s">
        <v>103</v>
      </c>
      <c r="AF146" s="646"/>
      <c r="AG146" s="647"/>
      <c r="AH146" s="549"/>
      <c r="AI146" s="550"/>
      <c r="AJ146" s="551"/>
      <c r="AK146" s="265"/>
      <c r="AL146" s="38"/>
      <c r="AM146" s="54"/>
      <c r="AN146" s="13" t="str">
        <f>$G$20</f>
        <v>■</v>
      </c>
    </row>
    <row r="147" spans="1:40" s="13" customFormat="1" ht="13.4" customHeight="1">
      <c r="A147" s="20"/>
      <c r="B147" s="20"/>
      <c r="C147" s="541">
        <v>2</v>
      </c>
      <c r="D147" s="542"/>
      <c r="E147" s="563" t="s">
        <v>442</v>
      </c>
      <c r="F147" s="564"/>
      <c r="G147" s="564"/>
      <c r="H147" s="564"/>
      <c r="I147" s="564"/>
      <c r="J147" s="564"/>
      <c r="K147" s="564"/>
      <c r="L147" s="564"/>
      <c r="M147" s="564"/>
      <c r="N147" s="564"/>
      <c r="O147" s="564"/>
      <c r="P147" s="564"/>
      <c r="Q147" s="564"/>
      <c r="R147" s="564"/>
      <c r="S147" s="564"/>
      <c r="T147" s="565"/>
      <c r="U147" s="219" t="s">
        <v>443</v>
      </c>
      <c r="V147" s="546" t="s">
        <v>101</v>
      </c>
      <c r="W147" s="547"/>
      <c r="X147" s="547"/>
      <c r="Y147" s="547"/>
      <c r="Z147" s="548"/>
      <c r="AA147" s="623" t="s">
        <v>102</v>
      </c>
      <c r="AB147" s="624"/>
      <c r="AC147" s="625"/>
      <c r="AD147" s="415">
        <v>51</v>
      </c>
      <c r="AE147" s="415" t="s">
        <v>103</v>
      </c>
      <c r="AF147" s="646"/>
      <c r="AG147" s="647"/>
      <c r="AH147" s="549"/>
      <c r="AI147" s="550"/>
      <c r="AJ147" s="551"/>
      <c r="AK147" s="265"/>
      <c r="AL147" s="38"/>
      <c r="AM147" s="54"/>
      <c r="AN147" s="13" t="str">
        <f t="shared" ref="AN147:AN163" si="6">$G$20</f>
        <v>■</v>
      </c>
    </row>
    <row r="148" spans="1:40" s="13" customFormat="1" ht="13.4" customHeight="1">
      <c r="A148" s="20"/>
      <c r="B148" s="20"/>
      <c r="C148" s="552">
        <v>3</v>
      </c>
      <c r="D148" s="553"/>
      <c r="E148" s="566" t="s">
        <v>106</v>
      </c>
      <c r="F148" s="567"/>
      <c r="G148" s="567"/>
      <c r="H148" s="567"/>
      <c r="I148" s="567"/>
      <c r="J148" s="567"/>
      <c r="K148" s="567"/>
      <c r="L148" s="567"/>
      <c r="M148" s="567"/>
      <c r="N148" s="567"/>
      <c r="O148" s="567"/>
      <c r="P148" s="567"/>
      <c r="Q148" s="567"/>
      <c r="R148" s="567"/>
      <c r="S148" s="567"/>
      <c r="T148" s="568"/>
      <c r="U148" s="220" t="s">
        <v>444</v>
      </c>
      <c r="V148" s="557" t="s">
        <v>107</v>
      </c>
      <c r="W148" s="558"/>
      <c r="X148" s="558"/>
      <c r="Y148" s="558"/>
      <c r="Z148" s="559"/>
      <c r="AA148" s="626" t="s">
        <v>108</v>
      </c>
      <c r="AB148" s="627"/>
      <c r="AC148" s="628"/>
      <c r="AD148" s="419">
        <v>1</v>
      </c>
      <c r="AE148" s="419">
        <v>0</v>
      </c>
      <c r="AF148" s="569" t="s">
        <v>109</v>
      </c>
      <c r="AG148" s="570"/>
      <c r="AH148" s="560"/>
      <c r="AI148" s="561"/>
      <c r="AJ148" s="562"/>
      <c r="AK148" s="346" t="s">
        <v>391</v>
      </c>
      <c r="AL148" s="38"/>
      <c r="AM148" s="54"/>
      <c r="AN148" s="13" t="str">
        <f t="shared" si="6"/>
        <v>■</v>
      </c>
    </row>
    <row r="149" spans="1:40" s="13" customFormat="1" ht="13.4" customHeight="1">
      <c r="A149" s="20"/>
      <c r="B149" s="20"/>
      <c r="C149" s="541">
        <v>4</v>
      </c>
      <c r="D149" s="542"/>
      <c r="E149" s="563" t="s">
        <v>110</v>
      </c>
      <c r="F149" s="564"/>
      <c r="G149" s="564"/>
      <c r="H149" s="564"/>
      <c r="I149" s="564"/>
      <c r="J149" s="564"/>
      <c r="K149" s="564"/>
      <c r="L149" s="564"/>
      <c r="M149" s="564"/>
      <c r="N149" s="564"/>
      <c r="O149" s="564"/>
      <c r="P149" s="564"/>
      <c r="Q149" s="564"/>
      <c r="R149" s="564"/>
      <c r="S149" s="564"/>
      <c r="T149" s="565"/>
      <c r="U149" s="221" t="s">
        <v>445</v>
      </c>
      <c r="V149" s="546" t="s">
        <v>107</v>
      </c>
      <c r="W149" s="547"/>
      <c r="X149" s="547"/>
      <c r="Y149" s="547"/>
      <c r="Z149" s="548"/>
      <c r="AA149" s="623" t="s">
        <v>108</v>
      </c>
      <c r="AB149" s="624"/>
      <c r="AC149" s="625"/>
      <c r="AD149" s="415">
        <v>1</v>
      </c>
      <c r="AE149" s="415">
        <v>0</v>
      </c>
      <c r="AF149" s="646"/>
      <c r="AG149" s="647"/>
      <c r="AH149" s="549"/>
      <c r="AI149" s="550"/>
      <c r="AJ149" s="551"/>
      <c r="AK149" s="265"/>
      <c r="AL149" s="38"/>
      <c r="AM149" s="54"/>
      <c r="AN149" s="13" t="str">
        <f t="shared" si="6"/>
        <v>■</v>
      </c>
    </row>
    <row r="150" spans="1:40" s="13" customFormat="1">
      <c r="A150" s="20"/>
      <c r="B150" s="20"/>
      <c r="C150" s="541">
        <v>5</v>
      </c>
      <c r="D150" s="542"/>
      <c r="E150" s="543" t="s">
        <v>80</v>
      </c>
      <c r="F150" s="544"/>
      <c r="G150" s="544"/>
      <c r="H150" s="544"/>
      <c r="I150" s="544"/>
      <c r="J150" s="544"/>
      <c r="K150" s="544"/>
      <c r="L150" s="544"/>
      <c r="M150" s="544"/>
      <c r="N150" s="544"/>
      <c r="O150" s="544"/>
      <c r="P150" s="544"/>
      <c r="Q150" s="544"/>
      <c r="R150" s="544"/>
      <c r="S150" s="544"/>
      <c r="T150" s="545"/>
      <c r="U150" s="221" t="s">
        <v>446</v>
      </c>
      <c r="V150" s="546" t="s">
        <v>101</v>
      </c>
      <c r="W150" s="547"/>
      <c r="X150" s="547"/>
      <c r="Y150" s="547"/>
      <c r="Z150" s="548"/>
      <c r="AA150" s="623" t="s">
        <v>102</v>
      </c>
      <c r="AB150" s="624"/>
      <c r="AC150" s="625"/>
      <c r="AD150" s="415">
        <v>2</v>
      </c>
      <c r="AE150" s="415" t="s">
        <v>103</v>
      </c>
      <c r="AF150" s="646"/>
      <c r="AG150" s="647"/>
      <c r="AH150" s="549"/>
      <c r="AI150" s="550"/>
      <c r="AJ150" s="551"/>
      <c r="AK150" s="265"/>
      <c r="AL150" s="38"/>
      <c r="AM150" s="54"/>
      <c r="AN150" s="13" t="str">
        <f t="shared" si="6"/>
        <v>■</v>
      </c>
    </row>
    <row r="151" spans="1:40" s="13" customFormat="1">
      <c r="A151" s="20"/>
      <c r="B151" s="20"/>
      <c r="C151" s="541">
        <v>6</v>
      </c>
      <c r="D151" s="542"/>
      <c r="E151" s="543" t="s">
        <v>1377</v>
      </c>
      <c r="F151" s="544"/>
      <c r="G151" s="544"/>
      <c r="H151" s="544"/>
      <c r="I151" s="544"/>
      <c r="J151" s="544"/>
      <c r="K151" s="544"/>
      <c r="L151" s="544"/>
      <c r="M151" s="544"/>
      <c r="N151" s="544"/>
      <c r="O151" s="544"/>
      <c r="P151" s="544"/>
      <c r="Q151" s="544"/>
      <c r="R151" s="544"/>
      <c r="S151" s="544"/>
      <c r="T151" s="545"/>
      <c r="U151" s="221" t="s">
        <v>1378</v>
      </c>
      <c r="V151" s="546" t="s">
        <v>107</v>
      </c>
      <c r="W151" s="547"/>
      <c r="X151" s="547"/>
      <c r="Y151" s="547"/>
      <c r="Z151" s="548"/>
      <c r="AA151" s="623" t="s">
        <v>102</v>
      </c>
      <c r="AB151" s="624"/>
      <c r="AC151" s="625"/>
      <c r="AD151" s="415">
        <v>2</v>
      </c>
      <c r="AE151" s="415" t="s">
        <v>103</v>
      </c>
      <c r="AF151" s="646"/>
      <c r="AG151" s="647"/>
      <c r="AH151" s="549"/>
      <c r="AI151" s="550"/>
      <c r="AJ151" s="551"/>
      <c r="AK151" s="265"/>
      <c r="AL151" s="38"/>
      <c r="AM151" s="54"/>
      <c r="AN151" s="13" t="str">
        <f t="shared" si="6"/>
        <v>■</v>
      </c>
    </row>
    <row r="152" spans="1:40" s="13" customFormat="1">
      <c r="A152" s="20"/>
      <c r="B152" s="20"/>
      <c r="C152" s="541">
        <v>7</v>
      </c>
      <c r="D152" s="542"/>
      <c r="E152" s="543" t="s">
        <v>1379</v>
      </c>
      <c r="F152" s="544"/>
      <c r="G152" s="544"/>
      <c r="H152" s="544"/>
      <c r="I152" s="544"/>
      <c r="J152" s="544"/>
      <c r="K152" s="544"/>
      <c r="L152" s="544"/>
      <c r="M152" s="544"/>
      <c r="N152" s="544"/>
      <c r="O152" s="544"/>
      <c r="P152" s="544"/>
      <c r="Q152" s="544"/>
      <c r="R152" s="544"/>
      <c r="S152" s="544"/>
      <c r="T152" s="545"/>
      <c r="U152" s="221" t="s">
        <v>1380</v>
      </c>
      <c r="V152" s="546" t="s">
        <v>107</v>
      </c>
      <c r="W152" s="547"/>
      <c r="X152" s="547"/>
      <c r="Y152" s="547"/>
      <c r="Z152" s="548"/>
      <c r="AA152" s="623" t="s">
        <v>102</v>
      </c>
      <c r="AB152" s="624"/>
      <c r="AC152" s="625"/>
      <c r="AD152" s="415">
        <v>1</v>
      </c>
      <c r="AE152" s="415" t="s">
        <v>103</v>
      </c>
      <c r="AF152" s="646"/>
      <c r="AG152" s="647"/>
      <c r="AH152" s="549"/>
      <c r="AI152" s="550"/>
      <c r="AJ152" s="551"/>
      <c r="AK152" s="265"/>
      <c r="AL152" s="38"/>
      <c r="AM152" s="54"/>
      <c r="AN152" s="13" t="str">
        <f t="shared" si="6"/>
        <v>■</v>
      </c>
    </row>
    <row r="153" spans="1:40" s="13" customFormat="1">
      <c r="A153" s="20"/>
      <c r="B153" s="20"/>
      <c r="C153" s="541">
        <v>8</v>
      </c>
      <c r="D153" s="542"/>
      <c r="E153" s="543" t="s">
        <v>1381</v>
      </c>
      <c r="F153" s="544"/>
      <c r="G153" s="544"/>
      <c r="H153" s="544"/>
      <c r="I153" s="544"/>
      <c r="J153" s="544"/>
      <c r="K153" s="544"/>
      <c r="L153" s="544"/>
      <c r="M153" s="544"/>
      <c r="N153" s="544"/>
      <c r="O153" s="544"/>
      <c r="P153" s="544"/>
      <c r="Q153" s="544"/>
      <c r="R153" s="544"/>
      <c r="S153" s="544"/>
      <c r="T153" s="545"/>
      <c r="U153" s="221" t="s">
        <v>1382</v>
      </c>
      <c r="V153" s="546" t="s">
        <v>107</v>
      </c>
      <c r="W153" s="547"/>
      <c r="X153" s="547"/>
      <c r="Y153" s="547"/>
      <c r="Z153" s="548"/>
      <c r="AA153" s="623" t="s">
        <v>102</v>
      </c>
      <c r="AB153" s="624"/>
      <c r="AC153" s="625"/>
      <c r="AD153" s="415">
        <v>3</v>
      </c>
      <c r="AE153" s="415" t="s">
        <v>103</v>
      </c>
      <c r="AF153" s="646"/>
      <c r="AG153" s="647"/>
      <c r="AH153" s="549"/>
      <c r="AI153" s="550"/>
      <c r="AJ153" s="551"/>
      <c r="AK153" s="265"/>
      <c r="AL153" s="38"/>
      <c r="AM153" s="54"/>
      <c r="AN153" s="13" t="str">
        <f t="shared" si="6"/>
        <v>■</v>
      </c>
    </row>
    <row r="154" spans="1:40" s="13" customFormat="1">
      <c r="A154" s="20"/>
      <c r="B154" s="20"/>
      <c r="C154" s="552">
        <v>9</v>
      </c>
      <c r="D154" s="553"/>
      <c r="E154" s="554" t="s">
        <v>1383</v>
      </c>
      <c r="F154" s="555"/>
      <c r="G154" s="555"/>
      <c r="H154" s="555"/>
      <c r="I154" s="555"/>
      <c r="J154" s="555"/>
      <c r="K154" s="555"/>
      <c r="L154" s="555"/>
      <c r="M154" s="555"/>
      <c r="N154" s="555"/>
      <c r="O154" s="555"/>
      <c r="P154" s="555"/>
      <c r="Q154" s="555"/>
      <c r="R154" s="555"/>
      <c r="S154" s="555"/>
      <c r="T154" s="556"/>
      <c r="U154" s="259" t="s">
        <v>1384</v>
      </c>
      <c r="V154" s="557" t="s">
        <v>398</v>
      </c>
      <c r="W154" s="558"/>
      <c r="X154" s="558"/>
      <c r="Y154" s="558"/>
      <c r="Z154" s="559"/>
      <c r="AA154" s="626" t="s">
        <v>102</v>
      </c>
      <c r="AB154" s="627"/>
      <c r="AC154" s="628"/>
      <c r="AD154" s="419">
        <v>40</v>
      </c>
      <c r="AE154" s="419" t="s">
        <v>103</v>
      </c>
      <c r="AF154" s="569" t="s">
        <v>109</v>
      </c>
      <c r="AG154" s="570"/>
      <c r="AH154" s="560"/>
      <c r="AI154" s="561"/>
      <c r="AJ154" s="562"/>
      <c r="AK154" s="333" t="s">
        <v>399</v>
      </c>
      <c r="AL154" s="38"/>
      <c r="AM154" s="54"/>
      <c r="AN154" s="13" t="str">
        <f t="shared" si="6"/>
        <v>■</v>
      </c>
    </row>
    <row r="155" spans="1:40" s="13" customFormat="1">
      <c r="A155" s="20"/>
      <c r="B155" s="20"/>
      <c r="C155" s="541">
        <v>10</v>
      </c>
      <c r="D155" s="542"/>
      <c r="E155" s="543" t="s">
        <v>1385</v>
      </c>
      <c r="F155" s="544"/>
      <c r="G155" s="544"/>
      <c r="H155" s="544"/>
      <c r="I155" s="544"/>
      <c r="J155" s="544"/>
      <c r="K155" s="544"/>
      <c r="L155" s="544"/>
      <c r="M155" s="544"/>
      <c r="N155" s="544"/>
      <c r="O155" s="544"/>
      <c r="P155" s="544"/>
      <c r="Q155" s="544"/>
      <c r="R155" s="544"/>
      <c r="S155" s="544"/>
      <c r="T155" s="545"/>
      <c r="U155" s="221" t="s">
        <v>1386</v>
      </c>
      <c r="V155" s="546" t="s">
        <v>107</v>
      </c>
      <c r="W155" s="547"/>
      <c r="X155" s="547"/>
      <c r="Y155" s="547"/>
      <c r="Z155" s="548"/>
      <c r="AA155" s="623" t="s">
        <v>108</v>
      </c>
      <c r="AB155" s="624"/>
      <c r="AC155" s="625"/>
      <c r="AD155" s="415">
        <v>7</v>
      </c>
      <c r="AE155" s="415">
        <v>0</v>
      </c>
      <c r="AF155" s="646"/>
      <c r="AG155" s="647"/>
      <c r="AH155" s="549"/>
      <c r="AI155" s="550"/>
      <c r="AJ155" s="551"/>
      <c r="AK155" s="265"/>
      <c r="AL155" s="38"/>
      <c r="AM155" s="54"/>
      <c r="AN155" s="13" t="str">
        <f t="shared" si="6"/>
        <v>■</v>
      </c>
    </row>
    <row r="156" spans="1:40" s="13" customFormat="1">
      <c r="A156" s="20"/>
      <c r="B156" s="20"/>
      <c r="C156" s="541">
        <v>11</v>
      </c>
      <c r="D156" s="542"/>
      <c r="E156" s="543" t="s">
        <v>1387</v>
      </c>
      <c r="F156" s="544"/>
      <c r="G156" s="544"/>
      <c r="H156" s="544"/>
      <c r="I156" s="544"/>
      <c r="J156" s="544"/>
      <c r="K156" s="544"/>
      <c r="L156" s="544"/>
      <c r="M156" s="544"/>
      <c r="N156" s="544"/>
      <c r="O156" s="544"/>
      <c r="P156" s="544"/>
      <c r="Q156" s="544"/>
      <c r="R156" s="544"/>
      <c r="S156" s="544"/>
      <c r="T156" s="545"/>
      <c r="U156" s="221" t="s">
        <v>1388</v>
      </c>
      <c r="V156" s="546" t="s">
        <v>107</v>
      </c>
      <c r="W156" s="547"/>
      <c r="X156" s="547"/>
      <c r="Y156" s="547"/>
      <c r="Z156" s="548"/>
      <c r="AA156" s="623" t="s">
        <v>108</v>
      </c>
      <c r="AB156" s="624"/>
      <c r="AC156" s="625"/>
      <c r="AD156" s="415">
        <v>7</v>
      </c>
      <c r="AE156" s="415">
        <v>0</v>
      </c>
      <c r="AF156" s="646"/>
      <c r="AG156" s="647"/>
      <c r="AH156" s="549"/>
      <c r="AI156" s="550"/>
      <c r="AJ156" s="551"/>
      <c r="AK156" s="265"/>
      <c r="AL156" s="38"/>
      <c r="AM156" s="54"/>
      <c r="AN156" s="13" t="str">
        <f t="shared" si="6"/>
        <v>■</v>
      </c>
    </row>
    <row r="157" spans="1:40" s="13" customFormat="1">
      <c r="A157" s="20"/>
      <c r="B157" s="20"/>
      <c r="C157" s="541">
        <v>12</v>
      </c>
      <c r="D157" s="542"/>
      <c r="E157" s="543" t="s">
        <v>1389</v>
      </c>
      <c r="F157" s="544"/>
      <c r="G157" s="544"/>
      <c r="H157" s="544"/>
      <c r="I157" s="544"/>
      <c r="J157" s="544"/>
      <c r="K157" s="544"/>
      <c r="L157" s="544"/>
      <c r="M157" s="544"/>
      <c r="N157" s="544"/>
      <c r="O157" s="544"/>
      <c r="P157" s="544"/>
      <c r="Q157" s="544"/>
      <c r="R157" s="544"/>
      <c r="S157" s="544"/>
      <c r="T157" s="545"/>
      <c r="U157" s="221" t="s">
        <v>1390</v>
      </c>
      <c r="V157" s="546" t="s">
        <v>107</v>
      </c>
      <c r="W157" s="547"/>
      <c r="X157" s="547"/>
      <c r="Y157" s="547"/>
      <c r="Z157" s="548"/>
      <c r="AA157" s="623" t="s">
        <v>108</v>
      </c>
      <c r="AB157" s="624"/>
      <c r="AC157" s="625"/>
      <c r="AD157" s="415">
        <v>7</v>
      </c>
      <c r="AE157" s="415">
        <v>0</v>
      </c>
      <c r="AF157" s="646"/>
      <c r="AG157" s="647"/>
      <c r="AH157" s="549"/>
      <c r="AI157" s="550"/>
      <c r="AJ157" s="551"/>
      <c r="AK157" s="265"/>
      <c r="AL157" s="38"/>
      <c r="AM157" s="54"/>
      <c r="AN157" s="13" t="str">
        <f t="shared" si="6"/>
        <v>■</v>
      </c>
    </row>
    <row r="158" spans="1:40" s="13" customFormat="1">
      <c r="A158" s="20"/>
      <c r="B158" s="20"/>
      <c r="C158" s="541">
        <v>13</v>
      </c>
      <c r="D158" s="542"/>
      <c r="E158" s="543" t="s">
        <v>1391</v>
      </c>
      <c r="F158" s="544"/>
      <c r="G158" s="544"/>
      <c r="H158" s="544"/>
      <c r="I158" s="544"/>
      <c r="J158" s="544"/>
      <c r="K158" s="544"/>
      <c r="L158" s="544"/>
      <c r="M158" s="544"/>
      <c r="N158" s="544"/>
      <c r="O158" s="544"/>
      <c r="P158" s="544"/>
      <c r="Q158" s="544"/>
      <c r="R158" s="544"/>
      <c r="S158" s="544"/>
      <c r="T158" s="545"/>
      <c r="U158" s="221" t="s">
        <v>1392</v>
      </c>
      <c r="V158" s="546" t="s">
        <v>107</v>
      </c>
      <c r="W158" s="547"/>
      <c r="X158" s="547"/>
      <c r="Y158" s="547"/>
      <c r="Z158" s="548"/>
      <c r="AA158" s="623" t="s">
        <v>108</v>
      </c>
      <c r="AB158" s="624"/>
      <c r="AC158" s="625"/>
      <c r="AD158" s="415">
        <v>7</v>
      </c>
      <c r="AE158" s="415">
        <v>0</v>
      </c>
      <c r="AF158" s="646"/>
      <c r="AG158" s="647"/>
      <c r="AH158" s="549"/>
      <c r="AI158" s="550"/>
      <c r="AJ158" s="551"/>
      <c r="AK158" s="265"/>
      <c r="AL158" s="38"/>
      <c r="AM158" s="54"/>
      <c r="AN158" s="13" t="str">
        <f t="shared" si="6"/>
        <v>■</v>
      </c>
    </row>
    <row r="159" spans="1:40" s="13" customFormat="1" ht="13.4" customHeight="1">
      <c r="A159" s="20"/>
      <c r="B159" s="20"/>
      <c r="C159" s="541">
        <v>14</v>
      </c>
      <c r="D159" s="542"/>
      <c r="E159" s="563" t="s">
        <v>1393</v>
      </c>
      <c r="F159" s="564"/>
      <c r="G159" s="564"/>
      <c r="H159" s="564"/>
      <c r="I159" s="564"/>
      <c r="J159" s="564"/>
      <c r="K159" s="564"/>
      <c r="L159" s="564"/>
      <c r="M159" s="564"/>
      <c r="N159" s="564"/>
      <c r="O159" s="564"/>
      <c r="P159" s="564"/>
      <c r="Q159" s="564"/>
      <c r="R159" s="564"/>
      <c r="S159" s="564"/>
      <c r="T159" s="565"/>
      <c r="U159" s="221" t="s">
        <v>1394</v>
      </c>
      <c r="V159" s="546" t="s">
        <v>107</v>
      </c>
      <c r="W159" s="547"/>
      <c r="X159" s="547"/>
      <c r="Y159" s="547"/>
      <c r="Z159" s="548"/>
      <c r="AA159" s="623" t="s">
        <v>108</v>
      </c>
      <c r="AB159" s="624"/>
      <c r="AC159" s="625"/>
      <c r="AD159" s="415">
        <v>7</v>
      </c>
      <c r="AE159" s="415">
        <v>0</v>
      </c>
      <c r="AF159" s="646"/>
      <c r="AG159" s="647"/>
      <c r="AH159" s="549"/>
      <c r="AI159" s="550"/>
      <c r="AJ159" s="551"/>
      <c r="AK159" s="265"/>
      <c r="AL159" s="38"/>
      <c r="AM159" s="54"/>
      <c r="AN159" s="13" t="str">
        <f t="shared" si="6"/>
        <v>■</v>
      </c>
    </row>
    <row r="160" spans="1:40" s="13" customFormat="1" ht="13.4" customHeight="1">
      <c r="A160" s="20"/>
      <c r="B160" s="20"/>
      <c r="C160" s="541">
        <v>15</v>
      </c>
      <c r="D160" s="542"/>
      <c r="E160" s="563" t="s">
        <v>1395</v>
      </c>
      <c r="F160" s="564"/>
      <c r="G160" s="564"/>
      <c r="H160" s="564"/>
      <c r="I160" s="564"/>
      <c r="J160" s="564"/>
      <c r="K160" s="564"/>
      <c r="L160" s="564"/>
      <c r="M160" s="564"/>
      <c r="N160" s="564"/>
      <c r="O160" s="564"/>
      <c r="P160" s="564"/>
      <c r="Q160" s="564"/>
      <c r="R160" s="564"/>
      <c r="S160" s="564"/>
      <c r="T160" s="565"/>
      <c r="U160" s="221" t="s">
        <v>1396</v>
      </c>
      <c r="V160" s="546" t="s">
        <v>107</v>
      </c>
      <c r="W160" s="547"/>
      <c r="X160" s="547"/>
      <c r="Y160" s="547"/>
      <c r="Z160" s="548"/>
      <c r="AA160" s="623" t="s">
        <v>108</v>
      </c>
      <c r="AB160" s="624"/>
      <c r="AC160" s="625"/>
      <c r="AD160" s="415">
        <v>5</v>
      </c>
      <c r="AE160" s="415">
        <v>0</v>
      </c>
      <c r="AF160" s="646"/>
      <c r="AG160" s="647"/>
      <c r="AH160" s="549"/>
      <c r="AI160" s="550"/>
      <c r="AJ160" s="551"/>
      <c r="AK160" s="265"/>
      <c r="AL160" s="38"/>
      <c r="AM160" s="54"/>
      <c r="AN160" s="13" t="str">
        <f t="shared" si="6"/>
        <v>■</v>
      </c>
    </row>
    <row r="161" spans="1:40" s="13" customFormat="1" ht="13.4" customHeight="1">
      <c r="A161" s="20"/>
      <c r="B161" s="20"/>
      <c r="C161" s="541">
        <v>16</v>
      </c>
      <c r="D161" s="542"/>
      <c r="E161" s="563" t="s">
        <v>1397</v>
      </c>
      <c r="F161" s="564"/>
      <c r="G161" s="564"/>
      <c r="H161" s="564"/>
      <c r="I161" s="564"/>
      <c r="J161" s="564"/>
      <c r="K161" s="564"/>
      <c r="L161" s="564"/>
      <c r="M161" s="564"/>
      <c r="N161" s="564"/>
      <c r="O161" s="564"/>
      <c r="P161" s="564"/>
      <c r="Q161" s="564"/>
      <c r="R161" s="564"/>
      <c r="S161" s="564"/>
      <c r="T161" s="565"/>
      <c r="U161" s="221" t="s">
        <v>1398</v>
      </c>
      <c r="V161" s="546" t="s">
        <v>107</v>
      </c>
      <c r="W161" s="547"/>
      <c r="X161" s="547"/>
      <c r="Y161" s="547"/>
      <c r="Z161" s="548"/>
      <c r="AA161" s="623" t="s">
        <v>108</v>
      </c>
      <c r="AB161" s="624"/>
      <c r="AC161" s="625"/>
      <c r="AD161" s="415">
        <v>5</v>
      </c>
      <c r="AE161" s="415">
        <v>0</v>
      </c>
      <c r="AF161" s="646"/>
      <c r="AG161" s="647"/>
      <c r="AH161" s="549"/>
      <c r="AI161" s="550"/>
      <c r="AJ161" s="551"/>
      <c r="AK161" s="265"/>
      <c r="AL161" s="29"/>
      <c r="AM161" s="54"/>
      <c r="AN161" s="13" t="str">
        <f t="shared" si="6"/>
        <v>■</v>
      </c>
    </row>
    <row r="162" spans="1:40" s="13" customFormat="1" ht="13.4" customHeight="1">
      <c r="A162" s="20"/>
      <c r="B162" s="20"/>
      <c r="C162" s="541">
        <v>17</v>
      </c>
      <c r="D162" s="542"/>
      <c r="E162" s="563" t="s">
        <v>1351</v>
      </c>
      <c r="F162" s="564"/>
      <c r="G162" s="564"/>
      <c r="H162" s="564"/>
      <c r="I162" s="564"/>
      <c r="J162" s="564"/>
      <c r="K162" s="564"/>
      <c r="L162" s="564"/>
      <c r="M162" s="564"/>
      <c r="N162" s="564"/>
      <c r="O162" s="564"/>
      <c r="P162" s="564"/>
      <c r="Q162" s="564"/>
      <c r="R162" s="564"/>
      <c r="S162" s="564"/>
      <c r="T162" s="565"/>
      <c r="U162" s="221" t="s">
        <v>453</v>
      </c>
      <c r="V162" s="546" t="s">
        <v>107</v>
      </c>
      <c r="W162" s="547"/>
      <c r="X162" s="547"/>
      <c r="Y162" s="547"/>
      <c r="Z162" s="548"/>
      <c r="AA162" s="623" t="s">
        <v>102</v>
      </c>
      <c r="AB162" s="624"/>
      <c r="AC162" s="625"/>
      <c r="AD162" s="415">
        <v>6</v>
      </c>
      <c r="AE162" s="415" t="s">
        <v>103</v>
      </c>
      <c r="AF162" s="646"/>
      <c r="AG162" s="647"/>
      <c r="AH162" s="549"/>
      <c r="AI162" s="550"/>
      <c r="AJ162" s="551"/>
      <c r="AK162" s="265"/>
      <c r="AL162" s="48"/>
      <c r="AM162" s="54"/>
      <c r="AN162" s="13" t="str">
        <f t="shared" si="6"/>
        <v>■</v>
      </c>
    </row>
    <row r="163" spans="1:40" s="13" customFormat="1" ht="13.4" customHeight="1">
      <c r="A163" s="20"/>
      <c r="B163" s="20"/>
      <c r="C163" s="541">
        <v>18</v>
      </c>
      <c r="D163" s="542"/>
      <c r="E163" s="563" t="s">
        <v>411</v>
      </c>
      <c r="F163" s="564"/>
      <c r="G163" s="564"/>
      <c r="H163" s="564"/>
      <c r="I163" s="564"/>
      <c r="J163" s="564"/>
      <c r="K163" s="564"/>
      <c r="L163" s="564"/>
      <c r="M163" s="564"/>
      <c r="N163" s="564"/>
      <c r="O163" s="564"/>
      <c r="P163" s="564"/>
      <c r="Q163" s="564"/>
      <c r="R163" s="564"/>
      <c r="S163" s="564"/>
      <c r="T163" s="565"/>
      <c r="U163" s="221" t="s">
        <v>516</v>
      </c>
      <c r="V163" s="546" t="s">
        <v>107</v>
      </c>
      <c r="W163" s="547"/>
      <c r="X163" s="547"/>
      <c r="Y163" s="547"/>
      <c r="Z163" s="548"/>
      <c r="AA163" s="623" t="s">
        <v>102</v>
      </c>
      <c r="AB163" s="624"/>
      <c r="AC163" s="625"/>
      <c r="AD163" s="415">
        <v>6</v>
      </c>
      <c r="AE163" s="415" t="s">
        <v>103</v>
      </c>
      <c r="AF163" s="646"/>
      <c r="AG163" s="647"/>
      <c r="AH163" s="549"/>
      <c r="AI163" s="550"/>
      <c r="AJ163" s="551"/>
      <c r="AK163" s="265"/>
      <c r="AL163" s="37"/>
      <c r="AM163" s="54"/>
      <c r="AN163" s="13" t="str">
        <f t="shared" si="6"/>
        <v>■</v>
      </c>
    </row>
    <row r="164" spans="1:40" ht="13.4" customHeight="1">
      <c r="A164" s="20"/>
      <c r="B164" s="25"/>
      <c r="V164" s="238"/>
      <c r="W164" s="238"/>
      <c r="X164" s="238"/>
      <c r="Y164" s="238"/>
      <c r="Z164" s="238"/>
      <c r="AA164" s="629"/>
      <c r="AB164" s="629"/>
      <c r="AC164" s="629"/>
      <c r="AD164" s="238"/>
      <c r="AE164" s="238"/>
      <c r="AF164" s="238"/>
      <c r="AG164" s="238"/>
      <c r="AH164" s="238"/>
      <c r="AI164" s="238"/>
      <c r="AJ164" s="238"/>
      <c r="AK164" s="55"/>
      <c r="AL164" s="37"/>
      <c r="AM164" s="16"/>
    </row>
    <row r="165" spans="1:40" s="1" customFormat="1" ht="13.4" customHeight="1">
      <c r="A165" s="20"/>
      <c r="B165" s="20"/>
      <c r="C165" s="52" t="s">
        <v>380</v>
      </c>
      <c r="D165" s="53"/>
      <c r="E165" s="26"/>
      <c r="F165" s="26"/>
      <c r="G165" s="26"/>
      <c r="H165" s="26"/>
      <c r="I165" s="26"/>
      <c r="J165" s="26" t="s">
        <v>1399</v>
      </c>
      <c r="K165" s="71"/>
      <c r="L165" s="26"/>
      <c r="M165" s="71"/>
      <c r="N165" s="26"/>
      <c r="O165" s="26"/>
      <c r="P165" s="26"/>
      <c r="Q165" s="26"/>
      <c r="R165" s="26"/>
      <c r="S165" s="26"/>
      <c r="T165" s="26"/>
      <c r="U165" s="26" t="s">
        <v>1400</v>
      </c>
      <c r="V165" s="122"/>
      <c r="W165" s="122"/>
      <c r="X165" s="122"/>
      <c r="Y165" s="122"/>
      <c r="Z165" s="122"/>
      <c r="AA165" s="630"/>
      <c r="AB165" s="630"/>
      <c r="AC165" s="630"/>
      <c r="AD165" s="122"/>
      <c r="AE165" s="122"/>
      <c r="AF165" s="122"/>
      <c r="AG165" s="122"/>
      <c r="AH165" s="122"/>
      <c r="AI165" s="122"/>
      <c r="AJ165" s="122"/>
      <c r="AK165" s="26"/>
      <c r="AL165" s="38"/>
      <c r="AM165" s="26"/>
    </row>
    <row r="166" spans="1:40" ht="13.5" customHeight="1">
      <c r="A166" s="20"/>
      <c r="B166" s="51"/>
      <c r="C166" s="583" t="s">
        <v>73</v>
      </c>
      <c r="D166" s="573"/>
      <c r="E166" s="583" t="s">
        <v>94</v>
      </c>
      <c r="F166" s="583"/>
      <c r="G166" s="583"/>
      <c r="H166" s="583"/>
      <c r="I166" s="583"/>
      <c r="J166" s="583"/>
      <c r="K166" s="583"/>
      <c r="L166" s="583"/>
      <c r="M166" s="583"/>
      <c r="N166" s="583"/>
      <c r="O166" s="583"/>
      <c r="P166" s="583"/>
      <c r="Q166" s="583"/>
      <c r="R166" s="583"/>
      <c r="S166" s="583"/>
      <c r="T166" s="583"/>
      <c r="U166" s="226" t="s">
        <v>383</v>
      </c>
      <c r="V166" s="572" t="s">
        <v>138</v>
      </c>
      <c r="W166" s="572"/>
      <c r="X166" s="572"/>
      <c r="Y166" s="572"/>
      <c r="Z166" s="572"/>
      <c r="AA166" s="598" t="s">
        <v>959</v>
      </c>
      <c r="AB166" s="599"/>
      <c r="AC166" s="600"/>
      <c r="AD166" s="572" t="s">
        <v>97</v>
      </c>
      <c r="AE166" s="572"/>
      <c r="AF166" s="572" t="s">
        <v>98</v>
      </c>
      <c r="AG166" s="572"/>
      <c r="AH166" s="583" t="s">
        <v>75</v>
      </c>
      <c r="AI166" s="583"/>
      <c r="AJ166" s="583"/>
      <c r="AK166" s="581" t="s">
        <v>159</v>
      </c>
      <c r="AL166" s="38"/>
      <c r="AM166" s="16"/>
    </row>
    <row r="167" spans="1:40" ht="13.4" customHeight="1">
      <c r="A167" s="20"/>
      <c r="B167" s="51"/>
      <c r="C167" s="573"/>
      <c r="D167" s="573"/>
      <c r="E167" s="583"/>
      <c r="F167" s="583"/>
      <c r="G167" s="583"/>
      <c r="H167" s="583"/>
      <c r="I167" s="583"/>
      <c r="J167" s="583"/>
      <c r="K167" s="583"/>
      <c r="L167" s="583"/>
      <c r="M167" s="583"/>
      <c r="N167" s="583"/>
      <c r="O167" s="583"/>
      <c r="P167" s="583"/>
      <c r="Q167" s="583"/>
      <c r="R167" s="583"/>
      <c r="S167" s="583"/>
      <c r="T167" s="583"/>
      <c r="U167" s="227"/>
      <c r="V167" s="572"/>
      <c r="W167" s="572"/>
      <c r="X167" s="572"/>
      <c r="Y167" s="572"/>
      <c r="Z167" s="572"/>
      <c r="AA167" s="601"/>
      <c r="AB167" s="602"/>
      <c r="AC167" s="603"/>
      <c r="AD167" s="572"/>
      <c r="AE167" s="572"/>
      <c r="AF167" s="572"/>
      <c r="AG167" s="572"/>
      <c r="AH167" s="583"/>
      <c r="AI167" s="583"/>
      <c r="AJ167" s="583"/>
      <c r="AK167" s="582"/>
      <c r="AL167" s="38"/>
      <c r="AM167" s="16"/>
    </row>
    <row r="168" spans="1:40" s="13" customFormat="1" ht="13.4" customHeight="1">
      <c r="A168" s="20"/>
      <c r="B168" s="20"/>
      <c r="C168" s="541">
        <v>1</v>
      </c>
      <c r="D168" s="542"/>
      <c r="E168" s="563" t="s">
        <v>440</v>
      </c>
      <c r="F168" s="564"/>
      <c r="G168" s="564"/>
      <c r="H168" s="564"/>
      <c r="I168" s="564"/>
      <c r="J168" s="564"/>
      <c r="K168" s="564"/>
      <c r="L168" s="564"/>
      <c r="M168" s="564"/>
      <c r="N168" s="564"/>
      <c r="O168" s="564"/>
      <c r="P168" s="564"/>
      <c r="Q168" s="564"/>
      <c r="R168" s="564"/>
      <c r="S168" s="564"/>
      <c r="T168" s="565"/>
      <c r="U168" s="219" t="s">
        <v>441</v>
      </c>
      <c r="V168" s="546" t="s">
        <v>101</v>
      </c>
      <c r="W168" s="547"/>
      <c r="X168" s="547"/>
      <c r="Y168" s="547"/>
      <c r="Z168" s="548"/>
      <c r="AA168" s="623" t="s">
        <v>102</v>
      </c>
      <c r="AB168" s="624"/>
      <c r="AC168" s="625"/>
      <c r="AD168" s="415">
        <v>10</v>
      </c>
      <c r="AE168" s="415" t="s">
        <v>103</v>
      </c>
      <c r="AF168" s="646"/>
      <c r="AG168" s="647"/>
      <c r="AH168" s="549"/>
      <c r="AI168" s="550"/>
      <c r="AJ168" s="551"/>
      <c r="AK168" s="351"/>
      <c r="AL168" s="38"/>
      <c r="AM168" s="54"/>
      <c r="AN168" s="13" t="str">
        <f>$J$20</f>
        <v>■</v>
      </c>
    </row>
    <row r="169" spans="1:40" s="13" customFormat="1" ht="13.4" customHeight="1">
      <c r="A169" s="20"/>
      <c r="B169" s="20"/>
      <c r="C169" s="541">
        <v>2</v>
      </c>
      <c r="D169" s="542"/>
      <c r="E169" s="563" t="s">
        <v>442</v>
      </c>
      <c r="F169" s="564"/>
      <c r="G169" s="564"/>
      <c r="H169" s="564"/>
      <c r="I169" s="564"/>
      <c r="J169" s="564"/>
      <c r="K169" s="564"/>
      <c r="L169" s="564"/>
      <c r="M169" s="564"/>
      <c r="N169" s="564"/>
      <c r="O169" s="564"/>
      <c r="P169" s="564"/>
      <c r="Q169" s="564"/>
      <c r="R169" s="564"/>
      <c r="S169" s="564"/>
      <c r="T169" s="565"/>
      <c r="U169" s="219" t="s">
        <v>443</v>
      </c>
      <c r="V169" s="546" t="s">
        <v>101</v>
      </c>
      <c r="W169" s="547"/>
      <c r="X169" s="547"/>
      <c r="Y169" s="547"/>
      <c r="Z169" s="548"/>
      <c r="AA169" s="623" t="s">
        <v>102</v>
      </c>
      <c r="AB169" s="624"/>
      <c r="AC169" s="625"/>
      <c r="AD169" s="415">
        <v>51</v>
      </c>
      <c r="AE169" s="415" t="s">
        <v>103</v>
      </c>
      <c r="AF169" s="646"/>
      <c r="AG169" s="647"/>
      <c r="AH169" s="549"/>
      <c r="AI169" s="550"/>
      <c r="AJ169" s="551"/>
      <c r="AK169" s="351"/>
      <c r="AL169" s="38"/>
      <c r="AM169" s="54"/>
      <c r="AN169" s="13" t="str">
        <f t="shared" ref="AN169:AN239" si="7">$J$20</f>
        <v>■</v>
      </c>
    </row>
    <row r="170" spans="1:40" s="13" customFormat="1" ht="13.4" customHeight="1">
      <c r="A170" s="20"/>
      <c r="B170" s="20"/>
      <c r="C170" s="552">
        <v>3</v>
      </c>
      <c r="D170" s="553"/>
      <c r="E170" s="566" t="s">
        <v>106</v>
      </c>
      <c r="F170" s="567"/>
      <c r="G170" s="567"/>
      <c r="H170" s="567"/>
      <c r="I170" s="567"/>
      <c r="J170" s="567"/>
      <c r="K170" s="567"/>
      <c r="L170" s="567"/>
      <c r="M170" s="567"/>
      <c r="N170" s="567"/>
      <c r="O170" s="567"/>
      <c r="P170" s="567"/>
      <c r="Q170" s="567"/>
      <c r="R170" s="567"/>
      <c r="S170" s="567"/>
      <c r="T170" s="568"/>
      <c r="U170" s="220" t="s">
        <v>444</v>
      </c>
      <c r="V170" s="557" t="s">
        <v>107</v>
      </c>
      <c r="W170" s="558"/>
      <c r="X170" s="558"/>
      <c r="Y170" s="558"/>
      <c r="Z170" s="559"/>
      <c r="AA170" s="626" t="s">
        <v>108</v>
      </c>
      <c r="AB170" s="627"/>
      <c r="AC170" s="628"/>
      <c r="AD170" s="419">
        <v>1</v>
      </c>
      <c r="AE170" s="419">
        <v>0</v>
      </c>
      <c r="AF170" s="569" t="s">
        <v>109</v>
      </c>
      <c r="AG170" s="570"/>
      <c r="AH170" s="560"/>
      <c r="AI170" s="561"/>
      <c r="AJ170" s="562"/>
      <c r="AK170" s="346" t="s">
        <v>391</v>
      </c>
      <c r="AL170" s="38"/>
      <c r="AM170" s="54"/>
      <c r="AN170" s="13" t="str">
        <f t="shared" si="7"/>
        <v>■</v>
      </c>
    </row>
    <row r="171" spans="1:40" s="13" customFormat="1" ht="13.4" customHeight="1">
      <c r="A171" s="20"/>
      <c r="B171" s="20"/>
      <c r="C171" s="541">
        <v>4</v>
      </c>
      <c r="D171" s="542"/>
      <c r="E171" s="563" t="s">
        <v>110</v>
      </c>
      <c r="F171" s="564"/>
      <c r="G171" s="564"/>
      <c r="H171" s="564"/>
      <c r="I171" s="564"/>
      <c r="J171" s="564"/>
      <c r="K171" s="564"/>
      <c r="L171" s="564"/>
      <c r="M171" s="564"/>
      <c r="N171" s="564"/>
      <c r="O171" s="564"/>
      <c r="P171" s="564"/>
      <c r="Q171" s="564"/>
      <c r="R171" s="564"/>
      <c r="S171" s="564"/>
      <c r="T171" s="565"/>
      <c r="U171" s="221" t="s">
        <v>445</v>
      </c>
      <c r="V171" s="546" t="s">
        <v>107</v>
      </c>
      <c r="W171" s="547"/>
      <c r="X171" s="547"/>
      <c r="Y171" s="547"/>
      <c r="Z171" s="548"/>
      <c r="AA171" s="623" t="s">
        <v>108</v>
      </c>
      <c r="AB171" s="624"/>
      <c r="AC171" s="625"/>
      <c r="AD171" s="415">
        <v>1</v>
      </c>
      <c r="AE171" s="415">
        <v>0</v>
      </c>
      <c r="AF171" s="646"/>
      <c r="AG171" s="647"/>
      <c r="AH171" s="549"/>
      <c r="AI171" s="550"/>
      <c r="AJ171" s="551"/>
      <c r="AK171" s="265"/>
      <c r="AL171" s="38"/>
      <c r="AM171" s="54"/>
      <c r="AN171" s="13" t="str">
        <f t="shared" si="7"/>
        <v>■</v>
      </c>
    </row>
    <row r="172" spans="1:40" s="13" customFormat="1" ht="13.4" customHeight="1">
      <c r="A172" s="20"/>
      <c r="B172" s="20"/>
      <c r="C172" s="541">
        <v>5</v>
      </c>
      <c r="D172" s="542"/>
      <c r="E172" s="543" t="s">
        <v>80</v>
      </c>
      <c r="F172" s="544"/>
      <c r="G172" s="544"/>
      <c r="H172" s="544"/>
      <c r="I172" s="544"/>
      <c r="J172" s="544"/>
      <c r="K172" s="544"/>
      <c r="L172" s="544"/>
      <c r="M172" s="544"/>
      <c r="N172" s="544"/>
      <c r="O172" s="544"/>
      <c r="P172" s="544"/>
      <c r="Q172" s="544"/>
      <c r="R172" s="544"/>
      <c r="S172" s="544"/>
      <c r="T172" s="545"/>
      <c r="U172" s="221" t="s">
        <v>446</v>
      </c>
      <c r="V172" s="546" t="s">
        <v>101</v>
      </c>
      <c r="W172" s="547"/>
      <c r="X172" s="547"/>
      <c r="Y172" s="547"/>
      <c r="Z172" s="548"/>
      <c r="AA172" s="623" t="s">
        <v>102</v>
      </c>
      <c r="AB172" s="624"/>
      <c r="AC172" s="625"/>
      <c r="AD172" s="415">
        <v>2</v>
      </c>
      <c r="AE172" s="415" t="s">
        <v>103</v>
      </c>
      <c r="AF172" s="646"/>
      <c r="AG172" s="647"/>
      <c r="AH172" s="549"/>
      <c r="AI172" s="550"/>
      <c r="AJ172" s="551"/>
      <c r="AK172" s="343"/>
      <c r="AL172" s="38"/>
      <c r="AM172" s="54"/>
      <c r="AN172" s="13" t="str">
        <f t="shared" si="7"/>
        <v>■</v>
      </c>
    </row>
    <row r="173" spans="1:40" s="13" customFormat="1">
      <c r="A173" s="20"/>
      <c r="B173" s="20"/>
      <c r="C173" s="541">
        <v>6</v>
      </c>
      <c r="D173" s="542"/>
      <c r="E173" s="543" t="s">
        <v>1401</v>
      </c>
      <c r="F173" s="544"/>
      <c r="G173" s="544"/>
      <c r="H173" s="544"/>
      <c r="I173" s="544"/>
      <c r="J173" s="544"/>
      <c r="K173" s="544"/>
      <c r="L173" s="544"/>
      <c r="M173" s="544"/>
      <c r="N173" s="544"/>
      <c r="O173" s="544"/>
      <c r="P173" s="544"/>
      <c r="Q173" s="544"/>
      <c r="R173" s="544"/>
      <c r="S173" s="544"/>
      <c r="T173" s="545"/>
      <c r="U173" s="221" t="s">
        <v>1402</v>
      </c>
      <c r="V173" s="546" t="s">
        <v>107</v>
      </c>
      <c r="W173" s="547"/>
      <c r="X173" s="547"/>
      <c r="Y173" s="547"/>
      <c r="Z173" s="548"/>
      <c r="AA173" s="623" t="s">
        <v>102</v>
      </c>
      <c r="AB173" s="624"/>
      <c r="AC173" s="625"/>
      <c r="AD173" s="415">
        <v>8</v>
      </c>
      <c r="AE173" s="415" t="s">
        <v>103</v>
      </c>
      <c r="AF173" s="646"/>
      <c r="AG173" s="647"/>
      <c r="AH173" s="549"/>
      <c r="AI173" s="550"/>
      <c r="AJ173" s="551"/>
      <c r="AK173" s="265"/>
      <c r="AL173" s="38"/>
      <c r="AM173" s="54"/>
      <c r="AN173" s="13" t="str">
        <f t="shared" si="7"/>
        <v>■</v>
      </c>
    </row>
    <row r="174" spans="1:40" s="13" customFormat="1">
      <c r="A174" s="20"/>
      <c r="B174" s="20"/>
      <c r="C174" s="541">
        <v>7</v>
      </c>
      <c r="D174" s="542"/>
      <c r="E174" s="543" t="s">
        <v>1403</v>
      </c>
      <c r="F174" s="544"/>
      <c r="G174" s="544"/>
      <c r="H174" s="544"/>
      <c r="I174" s="544"/>
      <c r="J174" s="544"/>
      <c r="K174" s="544"/>
      <c r="L174" s="544"/>
      <c r="M174" s="544"/>
      <c r="N174" s="544"/>
      <c r="O174" s="544"/>
      <c r="P174" s="544"/>
      <c r="Q174" s="544"/>
      <c r="R174" s="544"/>
      <c r="S174" s="544"/>
      <c r="T174" s="545"/>
      <c r="U174" s="221" t="s">
        <v>1404</v>
      </c>
      <c r="V174" s="546" t="s">
        <v>107</v>
      </c>
      <c r="W174" s="547"/>
      <c r="X174" s="547"/>
      <c r="Y174" s="547"/>
      <c r="Z174" s="548"/>
      <c r="AA174" s="623" t="s">
        <v>102</v>
      </c>
      <c r="AB174" s="624"/>
      <c r="AC174" s="625"/>
      <c r="AD174" s="415">
        <v>8</v>
      </c>
      <c r="AE174" s="415" t="s">
        <v>103</v>
      </c>
      <c r="AF174" s="646"/>
      <c r="AG174" s="647"/>
      <c r="AH174" s="549"/>
      <c r="AI174" s="550"/>
      <c r="AJ174" s="551"/>
      <c r="AK174" s="265"/>
      <c r="AL174" s="38"/>
      <c r="AM174" s="54"/>
      <c r="AN174" s="13" t="str">
        <f t="shared" si="7"/>
        <v>■</v>
      </c>
    </row>
    <row r="175" spans="1:40" s="13" customFormat="1">
      <c r="A175" s="20"/>
      <c r="B175" s="20"/>
      <c r="C175" s="541">
        <v>8</v>
      </c>
      <c r="D175" s="542"/>
      <c r="E175" s="543" t="s">
        <v>1405</v>
      </c>
      <c r="F175" s="544"/>
      <c r="G175" s="544"/>
      <c r="H175" s="544"/>
      <c r="I175" s="544"/>
      <c r="J175" s="544"/>
      <c r="K175" s="544"/>
      <c r="L175" s="544"/>
      <c r="M175" s="544"/>
      <c r="N175" s="544"/>
      <c r="O175" s="544"/>
      <c r="P175" s="544"/>
      <c r="Q175" s="544"/>
      <c r="R175" s="544"/>
      <c r="S175" s="544"/>
      <c r="T175" s="545"/>
      <c r="U175" s="221" t="s">
        <v>1406</v>
      </c>
      <c r="V175" s="546" t="s">
        <v>107</v>
      </c>
      <c r="W175" s="547"/>
      <c r="X175" s="547"/>
      <c r="Y175" s="547"/>
      <c r="Z175" s="548"/>
      <c r="AA175" s="623" t="s">
        <v>108</v>
      </c>
      <c r="AB175" s="624"/>
      <c r="AC175" s="625"/>
      <c r="AD175" s="415">
        <v>2</v>
      </c>
      <c r="AE175" s="415">
        <v>0</v>
      </c>
      <c r="AF175" s="646"/>
      <c r="AG175" s="647"/>
      <c r="AH175" s="549"/>
      <c r="AI175" s="550"/>
      <c r="AJ175" s="551"/>
      <c r="AK175" s="265"/>
      <c r="AL175" s="38"/>
      <c r="AM175" s="54"/>
      <c r="AN175" s="13" t="str">
        <f t="shared" si="7"/>
        <v>■</v>
      </c>
    </row>
    <row r="176" spans="1:40" s="13" customFormat="1">
      <c r="A176" s="20"/>
      <c r="B176" s="20"/>
      <c r="C176" s="541">
        <v>9</v>
      </c>
      <c r="D176" s="542"/>
      <c r="E176" s="543" t="s">
        <v>1407</v>
      </c>
      <c r="F176" s="544"/>
      <c r="G176" s="544"/>
      <c r="H176" s="544"/>
      <c r="I176" s="544"/>
      <c r="J176" s="544"/>
      <c r="K176" s="544"/>
      <c r="L176" s="544"/>
      <c r="M176" s="544"/>
      <c r="N176" s="544"/>
      <c r="O176" s="544"/>
      <c r="P176" s="544"/>
      <c r="Q176" s="544"/>
      <c r="R176" s="544"/>
      <c r="S176" s="544"/>
      <c r="T176" s="545"/>
      <c r="U176" s="221" t="s">
        <v>1408</v>
      </c>
      <c r="V176" s="546" t="s">
        <v>107</v>
      </c>
      <c r="W176" s="547"/>
      <c r="X176" s="547"/>
      <c r="Y176" s="547"/>
      <c r="Z176" s="548"/>
      <c r="AA176" s="623" t="s">
        <v>108</v>
      </c>
      <c r="AB176" s="624"/>
      <c r="AC176" s="625"/>
      <c r="AD176" s="415">
        <v>3</v>
      </c>
      <c r="AE176" s="415">
        <v>0</v>
      </c>
      <c r="AF176" s="646"/>
      <c r="AG176" s="647"/>
      <c r="AH176" s="549"/>
      <c r="AI176" s="550"/>
      <c r="AJ176" s="551"/>
      <c r="AK176" s="265"/>
      <c r="AL176" s="38"/>
      <c r="AM176" s="54"/>
      <c r="AN176" s="13" t="str">
        <f t="shared" si="7"/>
        <v>■</v>
      </c>
    </row>
    <row r="177" spans="1:40" s="13" customFormat="1">
      <c r="A177" s="20"/>
      <c r="B177" s="20"/>
      <c r="C177" s="541">
        <v>10</v>
      </c>
      <c r="D177" s="542"/>
      <c r="E177" s="543" t="s">
        <v>1409</v>
      </c>
      <c r="F177" s="544"/>
      <c r="G177" s="544"/>
      <c r="H177" s="544"/>
      <c r="I177" s="544"/>
      <c r="J177" s="544"/>
      <c r="K177" s="544"/>
      <c r="L177" s="544"/>
      <c r="M177" s="544"/>
      <c r="N177" s="544"/>
      <c r="O177" s="544"/>
      <c r="P177" s="544"/>
      <c r="Q177" s="544"/>
      <c r="R177" s="544"/>
      <c r="S177" s="544"/>
      <c r="T177" s="545"/>
      <c r="U177" s="221" t="s">
        <v>1410</v>
      </c>
      <c r="V177" s="546" t="s">
        <v>101</v>
      </c>
      <c r="W177" s="547"/>
      <c r="X177" s="547"/>
      <c r="Y177" s="547"/>
      <c r="Z177" s="548"/>
      <c r="AA177" s="623" t="s">
        <v>102</v>
      </c>
      <c r="AB177" s="624"/>
      <c r="AC177" s="625"/>
      <c r="AD177" s="415">
        <v>1</v>
      </c>
      <c r="AE177" s="415" t="s">
        <v>103</v>
      </c>
      <c r="AF177" s="646"/>
      <c r="AG177" s="647"/>
      <c r="AH177" s="549"/>
      <c r="AI177" s="550"/>
      <c r="AJ177" s="551"/>
      <c r="AK177" s="265"/>
      <c r="AL177" s="38"/>
      <c r="AM177" s="54"/>
      <c r="AN177" s="13" t="str">
        <f t="shared" si="7"/>
        <v>■</v>
      </c>
    </row>
    <row r="178" spans="1:40" s="13" customFormat="1">
      <c r="A178" s="20"/>
      <c r="B178" s="20"/>
      <c r="C178" s="541">
        <v>11</v>
      </c>
      <c r="D178" s="542"/>
      <c r="E178" s="543" t="s">
        <v>1411</v>
      </c>
      <c r="F178" s="544"/>
      <c r="G178" s="544"/>
      <c r="H178" s="544"/>
      <c r="I178" s="544"/>
      <c r="J178" s="544"/>
      <c r="K178" s="544"/>
      <c r="L178" s="544"/>
      <c r="M178" s="544"/>
      <c r="N178" s="544"/>
      <c r="O178" s="544"/>
      <c r="P178" s="544"/>
      <c r="Q178" s="544"/>
      <c r="R178" s="544"/>
      <c r="S178" s="544"/>
      <c r="T178" s="545"/>
      <c r="U178" s="221" t="s">
        <v>1412</v>
      </c>
      <c r="V178" s="546" t="s">
        <v>107</v>
      </c>
      <c r="W178" s="547"/>
      <c r="X178" s="547"/>
      <c r="Y178" s="547"/>
      <c r="Z178" s="548"/>
      <c r="AA178" s="623" t="s">
        <v>102</v>
      </c>
      <c r="AB178" s="624"/>
      <c r="AC178" s="625"/>
      <c r="AD178" s="415">
        <v>1</v>
      </c>
      <c r="AE178" s="415" t="s">
        <v>103</v>
      </c>
      <c r="AF178" s="646"/>
      <c r="AG178" s="647"/>
      <c r="AH178" s="549"/>
      <c r="AI178" s="550"/>
      <c r="AJ178" s="551"/>
      <c r="AK178" s="265"/>
      <c r="AL178" s="38"/>
      <c r="AM178" s="54"/>
      <c r="AN178" s="13" t="str">
        <f t="shared" si="7"/>
        <v>■</v>
      </c>
    </row>
    <row r="179" spans="1:40" s="13" customFormat="1">
      <c r="A179" s="20"/>
      <c r="B179" s="20"/>
      <c r="C179" s="541">
        <v>12</v>
      </c>
      <c r="D179" s="542"/>
      <c r="E179" s="543" t="s">
        <v>1413</v>
      </c>
      <c r="F179" s="544"/>
      <c r="G179" s="544"/>
      <c r="H179" s="544"/>
      <c r="I179" s="544"/>
      <c r="J179" s="544"/>
      <c r="K179" s="544"/>
      <c r="L179" s="544"/>
      <c r="M179" s="544"/>
      <c r="N179" s="544"/>
      <c r="O179" s="544"/>
      <c r="P179" s="544"/>
      <c r="Q179" s="544"/>
      <c r="R179" s="544"/>
      <c r="S179" s="544"/>
      <c r="T179" s="545"/>
      <c r="U179" s="221" t="s">
        <v>1414</v>
      </c>
      <c r="V179" s="546" t="s">
        <v>107</v>
      </c>
      <c r="W179" s="547"/>
      <c r="X179" s="547"/>
      <c r="Y179" s="547"/>
      <c r="Z179" s="548"/>
      <c r="AA179" s="623" t="s">
        <v>102</v>
      </c>
      <c r="AB179" s="624"/>
      <c r="AC179" s="625"/>
      <c r="AD179" s="415">
        <v>2</v>
      </c>
      <c r="AE179" s="415" t="s">
        <v>103</v>
      </c>
      <c r="AF179" s="646"/>
      <c r="AG179" s="647"/>
      <c r="AH179" s="549"/>
      <c r="AI179" s="550"/>
      <c r="AJ179" s="551"/>
      <c r="AK179" s="265"/>
      <c r="AL179" s="38"/>
      <c r="AM179" s="54"/>
      <c r="AN179" s="13" t="str">
        <f t="shared" si="7"/>
        <v>■</v>
      </c>
    </row>
    <row r="180" spans="1:40" s="13" customFormat="1">
      <c r="A180" s="20"/>
      <c r="B180" s="20"/>
      <c r="C180" s="541">
        <v>13</v>
      </c>
      <c r="D180" s="542"/>
      <c r="E180" s="543" t="s">
        <v>1415</v>
      </c>
      <c r="F180" s="544"/>
      <c r="G180" s="544"/>
      <c r="H180" s="544"/>
      <c r="I180" s="544"/>
      <c r="J180" s="544"/>
      <c r="K180" s="544"/>
      <c r="L180" s="544"/>
      <c r="M180" s="544"/>
      <c r="N180" s="544"/>
      <c r="O180" s="544"/>
      <c r="P180" s="544"/>
      <c r="Q180" s="544"/>
      <c r="R180" s="544"/>
      <c r="S180" s="544"/>
      <c r="T180" s="545"/>
      <c r="U180" s="221" t="s">
        <v>1416</v>
      </c>
      <c r="V180" s="546" t="s">
        <v>107</v>
      </c>
      <c r="W180" s="547"/>
      <c r="X180" s="547"/>
      <c r="Y180" s="547"/>
      <c r="Z180" s="548"/>
      <c r="AA180" s="623" t="s">
        <v>102</v>
      </c>
      <c r="AB180" s="624"/>
      <c r="AC180" s="625"/>
      <c r="AD180" s="415">
        <v>9</v>
      </c>
      <c r="AE180" s="415" t="s">
        <v>103</v>
      </c>
      <c r="AF180" s="646"/>
      <c r="AG180" s="647"/>
      <c r="AH180" s="549"/>
      <c r="AI180" s="550"/>
      <c r="AJ180" s="551"/>
      <c r="AK180" s="265"/>
      <c r="AL180" s="38"/>
      <c r="AM180" s="54"/>
      <c r="AN180" s="13" t="str">
        <f t="shared" si="7"/>
        <v>■</v>
      </c>
    </row>
    <row r="181" spans="1:40" s="13" customFormat="1">
      <c r="A181" s="20"/>
      <c r="B181" s="20"/>
      <c r="C181" s="541">
        <v>14</v>
      </c>
      <c r="D181" s="542"/>
      <c r="E181" s="543" t="s">
        <v>1417</v>
      </c>
      <c r="F181" s="544"/>
      <c r="G181" s="544"/>
      <c r="H181" s="544"/>
      <c r="I181" s="544"/>
      <c r="J181" s="544"/>
      <c r="K181" s="544"/>
      <c r="L181" s="544"/>
      <c r="M181" s="544"/>
      <c r="N181" s="544"/>
      <c r="O181" s="544"/>
      <c r="P181" s="544"/>
      <c r="Q181" s="544"/>
      <c r="R181" s="544"/>
      <c r="S181" s="544"/>
      <c r="T181" s="545"/>
      <c r="U181" s="221" t="s">
        <v>1418</v>
      </c>
      <c r="V181" s="546" t="s">
        <v>107</v>
      </c>
      <c r="W181" s="547"/>
      <c r="X181" s="547"/>
      <c r="Y181" s="547"/>
      <c r="Z181" s="548"/>
      <c r="AA181" s="623" t="s">
        <v>108</v>
      </c>
      <c r="AB181" s="624"/>
      <c r="AC181" s="625"/>
      <c r="AD181" s="415">
        <v>4</v>
      </c>
      <c r="AE181" s="415">
        <v>0</v>
      </c>
      <c r="AF181" s="646"/>
      <c r="AG181" s="647"/>
      <c r="AH181" s="549"/>
      <c r="AI181" s="550"/>
      <c r="AJ181" s="551"/>
      <c r="AK181" s="265"/>
      <c r="AL181" s="38"/>
      <c r="AM181" s="54"/>
      <c r="AN181" s="13" t="str">
        <f t="shared" si="7"/>
        <v>■</v>
      </c>
    </row>
    <row r="182" spans="1:40" s="13" customFormat="1">
      <c r="A182" s="20"/>
      <c r="B182" s="20"/>
      <c r="C182" s="541">
        <v>15</v>
      </c>
      <c r="D182" s="542"/>
      <c r="E182" s="543" t="s">
        <v>1419</v>
      </c>
      <c r="F182" s="544"/>
      <c r="G182" s="544"/>
      <c r="H182" s="544"/>
      <c r="I182" s="544"/>
      <c r="J182" s="544"/>
      <c r="K182" s="544"/>
      <c r="L182" s="544"/>
      <c r="M182" s="544"/>
      <c r="N182" s="544"/>
      <c r="O182" s="544"/>
      <c r="P182" s="544"/>
      <c r="Q182" s="544"/>
      <c r="R182" s="544"/>
      <c r="S182" s="544"/>
      <c r="T182" s="545"/>
      <c r="U182" s="221" t="s">
        <v>1420</v>
      </c>
      <c r="V182" s="546" t="s">
        <v>107</v>
      </c>
      <c r="W182" s="547"/>
      <c r="X182" s="547"/>
      <c r="Y182" s="547"/>
      <c r="Z182" s="548"/>
      <c r="AA182" s="623" t="s">
        <v>108</v>
      </c>
      <c r="AB182" s="624"/>
      <c r="AC182" s="625"/>
      <c r="AD182" s="415">
        <v>2</v>
      </c>
      <c r="AE182" s="415">
        <v>0</v>
      </c>
      <c r="AF182" s="646"/>
      <c r="AG182" s="647"/>
      <c r="AH182" s="549"/>
      <c r="AI182" s="550"/>
      <c r="AJ182" s="551"/>
      <c r="AK182" s="265"/>
      <c r="AL182" s="38"/>
      <c r="AM182" s="54"/>
      <c r="AN182" s="13" t="str">
        <f t="shared" si="7"/>
        <v>■</v>
      </c>
    </row>
    <row r="183" spans="1:40" s="13" customFormat="1">
      <c r="A183" s="20"/>
      <c r="B183" s="20"/>
      <c r="C183" s="541">
        <v>16</v>
      </c>
      <c r="D183" s="542"/>
      <c r="E183" s="543" t="s">
        <v>1421</v>
      </c>
      <c r="F183" s="544"/>
      <c r="G183" s="544"/>
      <c r="H183" s="544"/>
      <c r="I183" s="544"/>
      <c r="J183" s="544"/>
      <c r="K183" s="544"/>
      <c r="L183" s="544"/>
      <c r="M183" s="544"/>
      <c r="N183" s="544"/>
      <c r="O183" s="544"/>
      <c r="P183" s="544"/>
      <c r="Q183" s="544"/>
      <c r="R183" s="544"/>
      <c r="S183" s="544"/>
      <c r="T183" s="545"/>
      <c r="U183" s="221" t="s">
        <v>1422</v>
      </c>
      <c r="V183" s="546" t="s">
        <v>107</v>
      </c>
      <c r="W183" s="547"/>
      <c r="X183" s="547"/>
      <c r="Y183" s="547"/>
      <c r="Z183" s="548"/>
      <c r="AA183" s="623" t="s">
        <v>108</v>
      </c>
      <c r="AB183" s="624"/>
      <c r="AC183" s="625"/>
      <c r="AD183" s="415">
        <v>3</v>
      </c>
      <c r="AE183" s="415">
        <v>0</v>
      </c>
      <c r="AF183" s="646"/>
      <c r="AG183" s="647"/>
      <c r="AH183" s="549"/>
      <c r="AI183" s="550"/>
      <c r="AJ183" s="551"/>
      <c r="AK183" s="265"/>
      <c r="AL183" s="38"/>
      <c r="AM183" s="54"/>
      <c r="AN183" s="13" t="str">
        <f t="shared" si="7"/>
        <v>■</v>
      </c>
    </row>
    <row r="184" spans="1:40" s="13" customFormat="1">
      <c r="A184" s="20"/>
      <c r="B184" s="20"/>
      <c r="C184" s="541">
        <v>17</v>
      </c>
      <c r="D184" s="542"/>
      <c r="E184" s="543" t="s">
        <v>1423</v>
      </c>
      <c r="F184" s="544"/>
      <c r="G184" s="544"/>
      <c r="H184" s="544"/>
      <c r="I184" s="544"/>
      <c r="J184" s="544"/>
      <c r="K184" s="544"/>
      <c r="L184" s="544"/>
      <c r="M184" s="544"/>
      <c r="N184" s="544"/>
      <c r="O184" s="544"/>
      <c r="P184" s="544"/>
      <c r="Q184" s="544"/>
      <c r="R184" s="544"/>
      <c r="S184" s="544"/>
      <c r="T184" s="545"/>
      <c r="U184" s="221" t="s">
        <v>1424</v>
      </c>
      <c r="V184" s="546" t="s">
        <v>107</v>
      </c>
      <c r="W184" s="547"/>
      <c r="X184" s="547"/>
      <c r="Y184" s="547"/>
      <c r="Z184" s="548"/>
      <c r="AA184" s="623" t="s">
        <v>108</v>
      </c>
      <c r="AB184" s="624"/>
      <c r="AC184" s="625"/>
      <c r="AD184" s="415">
        <v>7</v>
      </c>
      <c r="AE184" s="415">
        <v>0</v>
      </c>
      <c r="AF184" s="646"/>
      <c r="AG184" s="647"/>
      <c r="AH184" s="549"/>
      <c r="AI184" s="550"/>
      <c r="AJ184" s="551"/>
      <c r="AK184" s="265"/>
      <c r="AL184" s="38"/>
      <c r="AM184" s="54"/>
      <c r="AN184" s="13" t="str">
        <f t="shared" si="7"/>
        <v>■</v>
      </c>
    </row>
    <row r="185" spans="1:40" s="13" customFormat="1">
      <c r="A185" s="20"/>
      <c r="B185" s="20"/>
      <c r="C185" s="552">
        <v>18</v>
      </c>
      <c r="D185" s="553"/>
      <c r="E185" s="554" t="s">
        <v>822</v>
      </c>
      <c r="F185" s="555"/>
      <c r="G185" s="555"/>
      <c r="H185" s="555"/>
      <c r="I185" s="555"/>
      <c r="J185" s="555"/>
      <c r="K185" s="555"/>
      <c r="L185" s="555"/>
      <c r="M185" s="555"/>
      <c r="N185" s="555"/>
      <c r="O185" s="555"/>
      <c r="P185" s="555"/>
      <c r="Q185" s="555"/>
      <c r="R185" s="555"/>
      <c r="S185" s="555"/>
      <c r="T185" s="556"/>
      <c r="U185" s="259" t="s">
        <v>474</v>
      </c>
      <c r="V185" s="557" t="s">
        <v>107</v>
      </c>
      <c r="W185" s="558"/>
      <c r="X185" s="558"/>
      <c r="Y185" s="558"/>
      <c r="Z185" s="559"/>
      <c r="AA185" s="626" t="s">
        <v>108</v>
      </c>
      <c r="AB185" s="627"/>
      <c r="AC185" s="628"/>
      <c r="AD185" s="419">
        <v>7</v>
      </c>
      <c r="AE185" s="419">
        <v>0</v>
      </c>
      <c r="AF185" s="569" t="s">
        <v>109</v>
      </c>
      <c r="AG185" s="570"/>
      <c r="AH185" s="560"/>
      <c r="AI185" s="561"/>
      <c r="AJ185" s="562"/>
      <c r="AK185" s="333" t="s">
        <v>399</v>
      </c>
      <c r="AL185" s="38"/>
      <c r="AM185" s="54"/>
      <c r="AN185" s="13" t="str">
        <f t="shared" si="7"/>
        <v>■</v>
      </c>
    </row>
    <row r="186" spans="1:40" s="13" customFormat="1">
      <c r="A186" s="20"/>
      <c r="B186" s="20"/>
      <c r="C186" s="541">
        <v>19</v>
      </c>
      <c r="D186" s="542"/>
      <c r="E186" s="543" t="s">
        <v>1425</v>
      </c>
      <c r="F186" s="544"/>
      <c r="G186" s="544"/>
      <c r="H186" s="544"/>
      <c r="I186" s="544"/>
      <c r="J186" s="544"/>
      <c r="K186" s="544"/>
      <c r="L186" s="544"/>
      <c r="M186" s="544"/>
      <c r="N186" s="544"/>
      <c r="O186" s="544"/>
      <c r="P186" s="544"/>
      <c r="Q186" s="544"/>
      <c r="R186" s="544"/>
      <c r="S186" s="544"/>
      <c r="T186" s="545"/>
      <c r="U186" s="221" t="s">
        <v>1426</v>
      </c>
      <c r="V186" s="546" t="s">
        <v>101</v>
      </c>
      <c r="W186" s="547"/>
      <c r="X186" s="547"/>
      <c r="Y186" s="547"/>
      <c r="Z186" s="548"/>
      <c r="AA186" s="623" t="s">
        <v>102</v>
      </c>
      <c r="AB186" s="624"/>
      <c r="AC186" s="625"/>
      <c r="AD186" s="415">
        <v>1</v>
      </c>
      <c r="AE186" s="415" t="s">
        <v>103</v>
      </c>
      <c r="AF186" s="646"/>
      <c r="AG186" s="647"/>
      <c r="AH186" s="549"/>
      <c r="AI186" s="550"/>
      <c r="AJ186" s="551"/>
      <c r="AK186" s="265"/>
      <c r="AL186" s="38"/>
      <c r="AM186" s="54"/>
      <c r="AN186" s="13" t="str">
        <f t="shared" si="7"/>
        <v>■</v>
      </c>
    </row>
    <row r="187" spans="1:40" s="13" customFormat="1">
      <c r="A187" s="20"/>
      <c r="B187" s="20"/>
      <c r="C187" s="541">
        <v>20</v>
      </c>
      <c r="D187" s="542"/>
      <c r="E187" s="543" t="s">
        <v>1427</v>
      </c>
      <c r="F187" s="544"/>
      <c r="G187" s="544"/>
      <c r="H187" s="544"/>
      <c r="I187" s="544"/>
      <c r="J187" s="544"/>
      <c r="K187" s="544"/>
      <c r="L187" s="544"/>
      <c r="M187" s="544"/>
      <c r="N187" s="544"/>
      <c r="O187" s="544"/>
      <c r="P187" s="544"/>
      <c r="Q187" s="544"/>
      <c r="R187" s="544"/>
      <c r="S187" s="544"/>
      <c r="T187" s="545"/>
      <c r="U187" s="221" t="s">
        <v>1428</v>
      </c>
      <c r="V187" s="546" t="s">
        <v>107</v>
      </c>
      <c r="W187" s="547"/>
      <c r="X187" s="547"/>
      <c r="Y187" s="547"/>
      <c r="Z187" s="548"/>
      <c r="AA187" s="623" t="s">
        <v>102</v>
      </c>
      <c r="AB187" s="624"/>
      <c r="AC187" s="625"/>
      <c r="AD187" s="415">
        <v>9</v>
      </c>
      <c r="AE187" s="415" t="s">
        <v>103</v>
      </c>
      <c r="AF187" s="646"/>
      <c r="AG187" s="647"/>
      <c r="AH187" s="549"/>
      <c r="AI187" s="550"/>
      <c r="AJ187" s="551"/>
      <c r="AK187" s="265"/>
      <c r="AL187" s="38"/>
      <c r="AM187" s="54"/>
      <c r="AN187" s="13" t="str">
        <f t="shared" si="7"/>
        <v>■</v>
      </c>
    </row>
    <row r="188" spans="1:40" s="13" customFormat="1">
      <c r="A188" s="20"/>
      <c r="B188" s="20"/>
      <c r="C188" s="541">
        <v>21</v>
      </c>
      <c r="D188" s="542"/>
      <c r="E188" s="543" t="s">
        <v>1429</v>
      </c>
      <c r="F188" s="544"/>
      <c r="G188" s="544"/>
      <c r="H188" s="544"/>
      <c r="I188" s="544"/>
      <c r="J188" s="544"/>
      <c r="K188" s="544"/>
      <c r="L188" s="544"/>
      <c r="M188" s="544"/>
      <c r="N188" s="544"/>
      <c r="O188" s="544"/>
      <c r="P188" s="544"/>
      <c r="Q188" s="544"/>
      <c r="R188" s="544"/>
      <c r="S188" s="544"/>
      <c r="T188" s="545"/>
      <c r="U188" s="221" t="s">
        <v>1430</v>
      </c>
      <c r="V188" s="546" t="s">
        <v>107</v>
      </c>
      <c r="W188" s="547"/>
      <c r="X188" s="547"/>
      <c r="Y188" s="547"/>
      <c r="Z188" s="548"/>
      <c r="AA188" s="623" t="s">
        <v>108</v>
      </c>
      <c r="AB188" s="624"/>
      <c r="AC188" s="625"/>
      <c r="AD188" s="415">
        <v>4</v>
      </c>
      <c r="AE188" s="415">
        <v>0</v>
      </c>
      <c r="AF188" s="646"/>
      <c r="AG188" s="647"/>
      <c r="AH188" s="549"/>
      <c r="AI188" s="550"/>
      <c r="AJ188" s="551"/>
      <c r="AK188" s="265"/>
      <c r="AL188" s="38"/>
      <c r="AM188" s="54"/>
      <c r="AN188" s="13" t="str">
        <f t="shared" si="7"/>
        <v>■</v>
      </c>
    </row>
    <row r="189" spans="1:40" s="13" customFormat="1">
      <c r="A189" s="20"/>
      <c r="B189" s="20"/>
      <c r="C189" s="541">
        <v>22</v>
      </c>
      <c r="D189" s="542"/>
      <c r="E189" s="543" t="s">
        <v>1431</v>
      </c>
      <c r="F189" s="544"/>
      <c r="G189" s="544"/>
      <c r="H189" s="544"/>
      <c r="I189" s="544"/>
      <c r="J189" s="544"/>
      <c r="K189" s="544"/>
      <c r="L189" s="544"/>
      <c r="M189" s="544"/>
      <c r="N189" s="544"/>
      <c r="O189" s="544"/>
      <c r="P189" s="544"/>
      <c r="Q189" s="544"/>
      <c r="R189" s="544"/>
      <c r="S189" s="544"/>
      <c r="T189" s="545"/>
      <c r="U189" s="221" t="s">
        <v>1432</v>
      </c>
      <c r="V189" s="546" t="s">
        <v>101</v>
      </c>
      <c r="W189" s="547"/>
      <c r="X189" s="547"/>
      <c r="Y189" s="547"/>
      <c r="Z189" s="548"/>
      <c r="AA189" s="623" t="s">
        <v>102</v>
      </c>
      <c r="AB189" s="624"/>
      <c r="AC189" s="625"/>
      <c r="AD189" s="415">
        <v>1</v>
      </c>
      <c r="AE189" s="415" t="s">
        <v>103</v>
      </c>
      <c r="AF189" s="646"/>
      <c r="AG189" s="647"/>
      <c r="AH189" s="549"/>
      <c r="AI189" s="550"/>
      <c r="AJ189" s="551"/>
      <c r="AK189" s="265"/>
      <c r="AL189" s="38"/>
      <c r="AM189" s="54"/>
      <c r="AN189" s="13" t="str">
        <f t="shared" si="7"/>
        <v>■</v>
      </c>
    </row>
    <row r="190" spans="1:40" s="13" customFormat="1">
      <c r="A190" s="20"/>
      <c r="B190" s="20"/>
      <c r="C190" s="541">
        <v>23</v>
      </c>
      <c r="D190" s="542"/>
      <c r="E190" s="543" t="s">
        <v>1433</v>
      </c>
      <c r="F190" s="544"/>
      <c r="G190" s="544"/>
      <c r="H190" s="544"/>
      <c r="I190" s="544"/>
      <c r="J190" s="544"/>
      <c r="K190" s="544"/>
      <c r="L190" s="544"/>
      <c r="M190" s="544"/>
      <c r="N190" s="544"/>
      <c r="O190" s="544"/>
      <c r="P190" s="544"/>
      <c r="Q190" s="544"/>
      <c r="R190" s="544"/>
      <c r="S190" s="544"/>
      <c r="T190" s="545"/>
      <c r="U190" s="221" t="s">
        <v>1434</v>
      </c>
      <c r="V190" s="546" t="s">
        <v>107</v>
      </c>
      <c r="W190" s="547"/>
      <c r="X190" s="547"/>
      <c r="Y190" s="547"/>
      <c r="Z190" s="548"/>
      <c r="AA190" s="623" t="s">
        <v>102</v>
      </c>
      <c r="AB190" s="624"/>
      <c r="AC190" s="625"/>
      <c r="AD190" s="415">
        <v>9</v>
      </c>
      <c r="AE190" s="415" t="s">
        <v>103</v>
      </c>
      <c r="AF190" s="646"/>
      <c r="AG190" s="647"/>
      <c r="AH190" s="549"/>
      <c r="AI190" s="550"/>
      <c r="AJ190" s="551"/>
      <c r="AK190" s="265"/>
      <c r="AL190" s="38"/>
      <c r="AM190" s="54"/>
      <c r="AN190" s="13" t="str">
        <f t="shared" si="7"/>
        <v>■</v>
      </c>
    </row>
    <row r="191" spans="1:40" s="13" customFormat="1">
      <c r="A191" s="20"/>
      <c r="B191" s="20"/>
      <c r="C191" s="541">
        <v>24</v>
      </c>
      <c r="D191" s="542"/>
      <c r="E191" s="543" t="s">
        <v>1435</v>
      </c>
      <c r="F191" s="544"/>
      <c r="G191" s="544"/>
      <c r="H191" s="544"/>
      <c r="I191" s="544"/>
      <c r="J191" s="544"/>
      <c r="K191" s="544"/>
      <c r="L191" s="544"/>
      <c r="M191" s="544"/>
      <c r="N191" s="544"/>
      <c r="O191" s="544"/>
      <c r="P191" s="544"/>
      <c r="Q191" s="544"/>
      <c r="R191" s="544"/>
      <c r="S191" s="544"/>
      <c r="T191" s="545"/>
      <c r="U191" s="221" t="s">
        <v>1436</v>
      </c>
      <c r="V191" s="546" t="s">
        <v>107</v>
      </c>
      <c r="W191" s="547"/>
      <c r="X191" s="547"/>
      <c r="Y191" s="547"/>
      <c r="Z191" s="548"/>
      <c r="AA191" s="623" t="s">
        <v>108</v>
      </c>
      <c r="AB191" s="624"/>
      <c r="AC191" s="625"/>
      <c r="AD191" s="415">
        <v>4</v>
      </c>
      <c r="AE191" s="415">
        <v>0</v>
      </c>
      <c r="AF191" s="646"/>
      <c r="AG191" s="647"/>
      <c r="AH191" s="549"/>
      <c r="AI191" s="550"/>
      <c r="AJ191" s="551"/>
      <c r="AK191" s="265"/>
      <c r="AL191" s="38"/>
      <c r="AM191" s="54"/>
      <c r="AN191" s="13" t="str">
        <f t="shared" si="7"/>
        <v>■</v>
      </c>
    </row>
    <row r="192" spans="1:40" s="13" customFormat="1">
      <c r="A192" s="20"/>
      <c r="B192" s="20"/>
      <c r="C192" s="541">
        <v>25</v>
      </c>
      <c r="D192" s="542"/>
      <c r="E192" s="543" t="s">
        <v>1437</v>
      </c>
      <c r="F192" s="544"/>
      <c r="G192" s="544"/>
      <c r="H192" s="544"/>
      <c r="I192" s="544"/>
      <c r="J192" s="544"/>
      <c r="K192" s="544"/>
      <c r="L192" s="544"/>
      <c r="M192" s="544"/>
      <c r="N192" s="544"/>
      <c r="O192" s="544"/>
      <c r="P192" s="544"/>
      <c r="Q192" s="544"/>
      <c r="R192" s="544"/>
      <c r="S192" s="544"/>
      <c r="T192" s="545"/>
      <c r="U192" s="221" t="s">
        <v>1438</v>
      </c>
      <c r="V192" s="546" t="s">
        <v>101</v>
      </c>
      <c r="W192" s="547"/>
      <c r="X192" s="547"/>
      <c r="Y192" s="547"/>
      <c r="Z192" s="548"/>
      <c r="AA192" s="623" t="s">
        <v>102</v>
      </c>
      <c r="AB192" s="624"/>
      <c r="AC192" s="625"/>
      <c r="AD192" s="415">
        <v>1</v>
      </c>
      <c r="AE192" s="415" t="s">
        <v>103</v>
      </c>
      <c r="AF192" s="646"/>
      <c r="AG192" s="647"/>
      <c r="AH192" s="549"/>
      <c r="AI192" s="550"/>
      <c r="AJ192" s="551"/>
      <c r="AK192" s="265"/>
      <c r="AL192" s="38"/>
      <c r="AM192" s="54"/>
      <c r="AN192" s="13" t="str">
        <f t="shared" si="7"/>
        <v>■</v>
      </c>
    </row>
    <row r="193" spans="1:40" s="13" customFormat="1">
      <c r="A193" s="20"/>
      <c r="B193" s="20"/>
      <c r="C193" s="541">
        <v>26</v>
      </c>
      <c r="D193" s="542"/>
      <c r="E193" s="543" t="s">
        <v>1439</v>
      </c>
      <c r="F193" s="544"/>
      <c r="G193" s="544"/>
      <c r="H193" s="544"/>
      <c r="I193" s="544"/>
      <c r="J193" s="544"/>
      <c r="K193" s="544"/>
      <c r="L193" s="544"/>
      <c r="M193" s="544"/>
      <c r="N193" s="544"/>
      <c r="O193" s="544"/>
      <c r="P193" s="544"/>
      <c r="Q193" s="544"/>
      <c r="R193" s="544"/>
      <c r="S193" s="544"/>
      <c r="T193" s="545"/>
      <c r="U193" s="221" t="s">
        <v>1440</v>
      </c>
      <c r="V193" s="546" t="s">
        <v>107</v>
      </c>
      <c r="W193" s="547"/>
      <c r="X193" s="547"/>
      <c r="Y193" s="547"/>
      <c r="Z193" s="548"/>
      <c r="AA193" s="623" t="s">
        <v>102</v>
      </c>
      <c r="AB193" s="624"/>
      <c r="AC193" s="625"/>
      <c r="AD193" s="415">
        <v>9</v>
      </c>
      <c r="AE193" s="415" t="s">
        <v>103</v>
      </c>
      <c r="AF193" s="646"/>
      <c r="AG193" s="647"/>
      <c r="AH193" s="549"/>
      <c r="AI193" s="550"/>
      <c r="AJ193" s="551"/>
      <c r="AK193" s="265"/>
      <c r="AL193" s="38"/>
      <c r="AM193" s="54"/>
      <c r="AN193" s="13" t="str">
        <f t="shared" si="7"/>
        <v>■</v>
      </c>
    </row>
    <row r="194" spans="1:40" s="13" customFormat="1">
      <c r="A194" s="20"/>
      <c r="B194" s="20"/>
      <c r="C194" s="541">
        <v>27</v>
      </c>
      <c r="D194" s="542"/>
      <c r="E194" s="543" t="s">
        <v>1441</v>
      </c>
      <c r="F194" s="544"/>
      <c r="G194" s="544"/>
      <c r="H194" s="544"/>
      <c r="I194" s="544"/>
      <c r="J194" s="544"/>
      <c r="K194" s="544"/>
      <c r="L194" s="544"/>
      <c r="M194" s="544"/>
      <c r="N194" s="544"/>
      <c r="O194" s="544"/>
      <c r="P194" s="544"/>
      <c r="Q194" s="544"/>
      <c r="R194" s="544"/>
      <c r="S194" s="544"/>
      <c r="T194" s="545"/>
      <c r="U194" s="221" t="s">
        <v>1442</v>
      </c>
      <c r="V194" s="546" t="s">
        <v>107</v>
      </c>
      <c r="W194" s="547"/>
      <c r="X194" s="547"/>
      <c r="Y194" s="547"/>
      <c r="Z194" s="548"/>
      <c r="AA194" s="623" t="s">
        <v>108</v>
      </c>
      <c r="AB194" s="624"/>
      <c r="AC194" s="625"/>
      <c r="AD194" s="415">
        <v>4</v>
      </c>
      <c r="AE194" s="415">
        <v>0</v>
      </c>
      <c r="AF194" s="646"/>
      <c r="AG194" s="647"/>
      <c r="AH194" s="549"/>
      <c r="AI194" s="550"/>
      <c r="AJ194" s="551"/>
      <c r="AK194" s="265"/>
      <c r="AL194" s="38"/>
      <c r="AM194" s="54"/>
      <c r="AN194" s="13" t="str">
        <f t="shared" si="7"/>
        <v>■</v>
      </c>
    </row>
    <row r="195" spans="1:40" s="13" customFormat="1">
      <c r="A195" s="20"/>
      <c r="B195" s="20"/>
      <c r="C195" s="541">
        <v>28</v>
      </c>
      <c r="D195" s="542"/>
      <c r="E195" s="543" t="s">
        <v>1443</v>
      </c>
      <c r="F195" s="544"/>
      <c r="G195" s="544"/>
      <c r="H195" s="544"/>
      <c r="I195" s="544"/>
      <c r="J195" s="544"/>
      <c r="K195" s="544"/>
      <c r="L195" s="544"/>
      <c r="M195" s="544"/>
      <c r="N195" s="544"/>
      <c r="O195" s="544"/>
      <c r="P195" s="544"/>
      <c r="Q195" s="544"/>
      <c r="R195" s="544"/>
      <c r="S195" s="544"/>
      <c r="T195" s="545"/>
      <c r="U195" s="221" t="s">
        <v>1444</v>
      </c>
      <c r="V195" s="546" t="s">
        <v>101</v>
      </c>
      <c r="W195" s="547"/>
      <c r="X195" s="547"/>
      <c r="Y195" s="547"/>
      <c r="Z195" s="548"/>
      <c r="AA195" s="623" t="s">
        <v>102</v>
      </c>
      <c r="AB195" s="624"/>
      <c r="AC195" s="625"/>
      <c r="AD195" s="415">
        <v>1</v>
      </c>
      <c r="AE195" s="415" t="s">
        <v>103</v>
      </c>
      <c r="AF195" s="646"/>
      <c r="AG195" s="647"/>
      <c r="AH195" s="549"/>
      <c r="AI195" s="550"/>
      <c r="AJ195" s="551"/>
      <c r="AK195" s="265"/>
      <c r="AL195" s="38"/>
      <c r="AM195" s="54"/>
      <c r="AN195" s="13" t="str">
        <f t="shared" si="7"/>
        <v>■</v>
      </c>
    </row>
    <row r="196" spans="1:40" s="13" customFormat="1">
      <c r="A196" s="20"/>
      <c r="B196" s="20"/>
      <c r="C196" s="541">
        <v>29</v>
      </c>
      <c r="D196" s="542"/>
      <c r="E196" s="543" t="s">
        <v>1445</v>
      </c>
      <c r="F196" s="544"/>
      <c r="G196" s="544"/>
      <c r="H196" s="544"/>
      <c r="I196" s="544"/>
      <c r="J196" s="544"/>
      <c r="K196" s="544"/>
      <c r="L196" s="544"/>
      <c r="M196" s="544"/>
      <c r="N196" s="544"/>
      <c r="O196" s="544"/>
      <c r="P196" s="544"/>
      <c r="Q196" s="544"/>
      <c r="R196" s="544"/>
      <c r="S196" s="544"/>
      <c r="T196" s="545"/>
      <c r="U196" s="221" t="s">
        <v>1446</v>
      </c>
      <c r="V196" s="546" t="s">
        <v>107</v>
      </c>
      <c r="W196" s="547"/>
      <c r="X196" s="547"/>
      <c r="Y196" s="547"/>
      <c r="Z196" s="548"/>
      <c r="AA196" s="623" t="s">
        <v>102</v>
      </c>
      <c r="AB196" s="624"/>
      <c r="AC196" s="625"/>
      <c r="AD196" s="415">
        <v>9</v>
      </c>
      <c r="AE196" s="415" t="s">
        <v>103</v>
      </c>
      <c r="AF196" s="646"/>
      <c r="AG196" s="647"/>
      <c r="AH196" s="549"/>
      <c r="AI196" s="550"/>
      <c r="AJ196" s="551"/>
      <c r="AK196" s="265"/>
      <c r="AL196" s="38"/>
      <c r="AM196" s="54"/>
      <c r="AN196" s="13" t="str">
        <f t="shared" si="7"/>
        <v>■</v>
      </c>
    </row>
    <row r="197" spans="1:40" s="13" customFormat="1">
      <c r="A197" s="20"/>
      <c r="B197" s="20"/>
      <c r="C197" s="541">
        <v>30</v>
      </c>
      <c r="D197" s="542"/>
      <c r="E197" s="543" t="s">
        <v>1447</v>
      </c>
      <c r="F197" s="544"/>
      <c r="G197" s="544"/>
      <c r="H197" s="544"/>
      <c r="I197" s="544"/>
      <c r="J197" s="544"/>
      <c r="K197" s="544"/>
      <c r="L197" s="544"/>
      <c r="M197" s="544"/>
      <c r="N197" s="544"/>
      <c r="O197" s="544"/>
      <c r="P197" s="544"/>
      <c r="Q197" s="544"/>
      <c r="R197" s="544"/>
      <c r="S197" s="544"/>
      <c r="T197" s="545"/>
      <c r="U197" s="221" t="s">
        <v>1448</v>
      </c>
      <c r="V197" s="546" t="s">
        <v>107</v>
      </c>
      <c r="W197" s="547"/>
      <c r="X197" s="547"/>
      <c r="Y197" s="547"/>
      <c r="Z197" s="548"/>
      <c r="AA197" s="623" t="s">
        <v>108</v>
      </c>
      <c r="AB197" s="624"/>
      <c r="AC197" s="625"/>
      <c r="AD197" s="415">
        <v>4</v>
      </c>
      <c r="AE197" s="415">
        <v>0</v>
      </c>
      <c r="AF197" s="646"/>
      <c r="AG197" s="647"/>
      <c r="AH197" s="549"/>
      <c r="AI197" s="550"/>
      <c r="AJ197" s="551"/>
      <c r="AK197" s="265"/>
      <c r="AL197" s="38"/>
      <c r="AM197" s="54"/>
      <c r="AN197" s="13" t="str">
        <f t="shared" si="7"/>
        <v>■</v>
      </c>
    </row>
    <row r="198" spans="1:40" s="13" customFormat="1">
      <c r="A198" s="20"/>
      <c r="B198" s="20"/>
      <c r="C198" s="541">
        <v>31</v>
      </c>
      <c r="D198" s="542"/>
      <c r="E198" s="543" t="s">
        <v>1449</v>
      </c>
      <c r="F198" s="544"/>
      <c r="G198" s="544"/>
      <c r="H198" s="544"/>
      <c r="I198" s="544"/>
      <c r="J198" s="544"/>
      <c r="K198" s="544"/>
      <c r="L198" s="544"/>
      <c r="M198" s="544"/>
      <c r="N198" s="544"/>
      <c r="O198" s="544"/>
      <c r="P198" s="544"/>
      <c r="Q198" s="544"/>
      <c r="R198" s="544"/>
      <c r="S198" s="544"/>
      <c r="T198" s="545"/>
      <c r="U198" s="221" t="s">
        <v>1450</v>
      </c>
      <c r="V198" s="546" t="s">
        <v>101</v>
      </c>
      <c r="W198" s="547"/>
      <c r="X198" s="547"/>
      <c r="Y198" s="547"/>
      <c r="Z198" s="548"/>
      <c r="AA198" s="623" t="s">
        <v>102</v>
      </c>
      <c r="AB198" s="624"/>
      <c r="AC198" s="625"/>
      <c r="AD198" s="415">
        <v>1</v>
      </c>
      <c r="AE198" s="415" t="s">
        <v>103</v>
      </c>
      <c r="AF198" s="646"/>
      <c r="AG198" s="647"/>
      <c r="AH198" s="549"/>
      <c r="AI198" s="550"/>
      <c r="AJ198" s="551"/>
      <c r="AK198" s="265"/>
      <c r="AL198" s="38"/>
      <c r="AM198" s="54"/>
      <c r="AN198" s="13" t="str">
        <f t="shared" si="7"/>
        <v>■</v>
      </c>
    </row>
    <row r="199" spans="1:40" s="13" customFormat="1">
      <c r="A199" s="20"/>
      <c r="B199" s="20"/>
      <c r="C199" s="541">
        <v>32</v>
      </c>
      <c r="D199" s="542"/>
      <c r="E199" s="543" t="s">
        <v>1451</v>
      </c>
      <c r="F199" s="544"/>
      <c r="G199" s="544"/>
      <c r="H199" s="544"/>
      <c r="I199" s="544"/>
      <c r="J199" s="544"/>
      <c r="K199" s="544"/>
      <c r="L199" s="544"/>
      <c r="M199" s="544"/>
      <c r="N199" s="544"/>
      <c r="O199" s="544"/>
      <c r="P199" s="544"/>
      <c r="Q199" s="544"/>
      <c r="R199" s="544"/>
      <c r="S199" s="544"/>
      <c r="T199" s="545"/>
      <c r="U199" s="221" t="s">
        <v>1452</v>
      </c>
      <c r="V199" s="546" t="s">
        <v>107</v>
      </c>
      <c r="W199" s="547"/>
      <c r="X199" s="547"/>
      <c r="Y199" s="547"/>
      <c r="Z199" s="548"/>
      <c r="AA199" s="623" t="s">
        <v>102</v>
      </c>
      <c r="AB199" s="624"/>
      <c r="AC199" s="625"/>
      <c r="AD199" s="415">
        <v>9</v>
      </c>
      <c r="AE199" s="415" t="s">
        <v>103</v>
      </c>
      <c r="AF199" s="646"/>
      <c r="AG199" s="647"/>
      <c r="AH199" s="549"/>
      <c r="AI199" s="550"/>
      <c r="AJ199" s="551"/>
      <c r="AK199" s="265"/>
      <c r="AL199" s="38"/>
      <c r="AM199" s="54"/>
      <c r="AN199" s="13" t="str">
        <f t="shared" si="7"/>
        <v>■</v>
      </c>
    </row>
    <row r="200" spans="1:40" s="13" customFormat="1">
      <c r="A200" s="20"/>
      <c r="B200" s="20"/>
      <c r="C200" s="541">
        <v>33</v>
      </c>
      <c r="D200" s="542"/>
      <c r="E200" s="543" t="s">
        <v>1453</v>
      </c>
      <c r="F200" s="544"/>
      <c r="G200" s="544"/>
      <c r="H200" s="544"/>
      <c r="I200" s="544"/>
      <c r="J200" s="544"/>
      <c r="K200" s="544"/>
      <c r="L200" s="544"/>
      <c r="M200" s="544"/>
      <c r="N200" s="544"/>
      <c r="O200" s="544"/>
      <c r="P200" s="544"/>
      <c r="Q200" s="544"/>
      <c r="R200" s="544"/>
      <c r="S200" s="544"/>
      <c r="T200" s="545"/>
      <c r="U200" s="221" t="s">
        <v>1454</v>
      </c>
      <c r="V200" s="546" t="s">
        <v>107</v>
      </c>
      <c r="W200" s="547"/>
      <c r="X200" s="547"/>
      <c r="Y200" s="547"/>
      <c r="Z200" s="548"/>
      <c r="AA200" s="623" t="s">
        <v>108</v>
      </c>
      <c r="AB200" s="624"/>
      <c r="AC200" s="625"/>
      <c r="AD200" s="415">
        <v>4</v>
      </c>
      <c r="AE200" s="415">
        <v>0</v>
      </c>
      <c r="AF200" s="646"/>
      <c r="AG200" s="647"/>
      <c r="AH200" s="549"/>
      <c r="AI200" s="550"/>
      <c r="AJ200" s="551"/>
      <c r="AK200" s="265"/>
      <c r="AL200" s="38"/>
      <c r="AM200" s="54"/>
      <c r="AN200" s="13" t="str">
        <f t="shared" si="7"/>
        <v>■</v>
      </c>
    </row>
    <row r="201" spans="1:40" s="13" customFormat="1">
      <c r="A201" s="20"/>
      <c r="B201" s="20"/>
      <c r="C201" s="541">
        <v>34</v>
      </c>
      <c r="D201" s="542"/>
      <c r="E201" s="543" t="s">
        <v>1455</v>
      </c>
      <c r="F201" s="544"/>
      <c r="G201" s="544"/>
      <c r="H201" s="544"/>
      <c r="I201" s="544"/>
      <c r="J201" s="544"/>
      <c r="K201" s="544"/>
      <c r="L201" s="544"/>
      <c r="M201" s="544"/>
      <c r="N201" s="544"/>
      <c r="O201" s="544"/>
      <c r="P201" s="544"/>
      <c r="Q201" s="544"/>
      <c r="R201" s="544"/>
      <c r="S201" s="544"/>
      <c r="T201" s="545"/>
      <c r="U201" s="221" t="s">
        <v>1456</v>
      </c>
      <c r="V201" s="546" t="s">
        <v>101</v>
      </c>
      <c r="W201" s="547"/>
      <c r="X201" s="547"/>
      <c r="Y201" s="547"/>
      <c r="Z201" s="548"/>
      <c r="AA201" s="623" t="s">
        <v>102</v>
      </c>
      <c r="AB201" s="624"/>
      <c r="AC201" s="625"/>
      <c r="AD201" s="415">
        <v>1</v>
      </c>
      <c r="AE201" s="415" t="s">
        <v>103</v>
      </c>
      <c r="AF201" s="646"/>
      <c r="AG201" s="647"/>
      <c r="AH201" s="549"/>
      <c r="AI201" s="550"/>
      <c r="AJ201" s="551"/>
      <c r="AK201" s="265"/>
      <c r="AL201" s="38"/>
      <c r="AM201" s="54"/>
      <c r="AN201" s="13" t="str">
        <f t="shared" si="7"/>
        <v>■</v>
      </c>
    </row>
    <row r="202" spans="1:40" s="13" customFormat="1">
      <c r="A202" s="20"/>
      <c r="B202" s="20"/>
      <c r="C202" s="541">
        <v>35</v>
      </c>
      <c r="D202" s="542"/>
      <c r="E202" s="543" t="s">
        <v>1457</v>
      </c>
      <c r="F202" s="544"/>
      <c r="G202" s="544"/>
      <c r="H202" s="544"/>
      <c r="I202" s="544"/>
      <c r="J202" s="544"/>
      <c r="K202" s="544"/>
      <c r="L202" s="544"/>
      <c r="M202" s="544"/>
      <c r="N202" s="544"/>
      <c r="O202" s="544"/>
      <c r="P202" s="544"/>
      <c r="Q202" s="544"/>
      <c r="R202" s="544"/>
      <c r="S202" s="544"/>
      <c r="T202" s="545"/>
      <c r="U202" s="221" t="s">
        <v>1458</v>
      </c>
      <c r="V202" s="546" t="s">
        <v>107</v>
      </c>
      <c r="W202" s="547"/>
      <c r="X202" s="547"/>
      <c r="Y202" s="547"/>
      <c r="Z202" s="548"/>
      <c r="AA202" s="623" t="s">
        <v>102</v>
      </c>
      <c r="AB202" s="624"/>
      <c r="AC202" s="625"/>
      <c r="AD202" s="415">
        <v>9</v>
      </c>
      <c r="AE202" s="415" t="s">
        <v>103</v>
      </c>
      <c r="AF202" s="646"/>
      <c r="AG202" s="647"/>
      <c r="AH202" s="549"/>
      <c r="AI202" s="550"/>
      <c r="AJ202" s="551"/>
      <c r="AK202" s="265"/>
      <c r="AL202" s="38"/>
      <c r="AM202" s="54"/>
      <c r="AN202" s="13" t="str">
        <f t="shared" si="7"/>
        <v>■</v>
      </c>
    </row>
    <row r="203" spans="1:40" s="13" customFormat="1">
      <c r="A203" s="20"/>
      <c r="B203" s="20"/>
      <c r="C203" s="541">
        <v>36</v>
      </c>
      <c r="D203" s="542"/>
      <c r="E203" s="543" t="s">
        <v>1459</v>
      </c>
      <c r="F203" s="544"/>
      <c r="G203" s="544"/>
      <c r="H203" s="544"/>
      <c r="I203" s="544"/>
      <c r="J203" s="544"/>
      <c r="K203" s="544"/>
      <c r="L203" s="544"/>
      <c r="M203" s="544"/>
      <c r="N203" s="544"/>
      <c r="O203" s="544"/>
      <c r="P203" s="544"/>
      <c r="Q203" s="544"/>
      <c r="R203" s="544"/>
      <c r="S203" s="544"/>
      <c r="T203" s="545"/>
      <c r="U203" s="221" t="s">
        <v>1460</v>
      </c>
      <c r="V203" s="546" t="s">
        <v>107</v>
      </c>
      <c r="W203" s="547"/>
      <c r="X203" s="547"/>
      <c r="Y203" s="547"/>
      <c r="Z203" s="548"/>
      <c r="AA203" s="623" t="s">
        <v>108</v>
      </c>
      <c r="AB203" s="624"/>
      <c r="AC203" s="625"/>
      <c r="AD203" s="415">
        <v>4</v>
      </c>
      <c r="AE203" s="415">
        <v>0</v>
      </c>
      <c r="AF203" s="646"/>
      <c r="AG203" s="647"/>
      <c r="AH203" s="549"/>
      <c r="AI203" s="550"/>
      <c r="AJ203" s="551"/>
      <c r="AK203" s="265"/>
      <c r="AL203" s="38"/>
      <c r="AM203" s="54"/>
      <c r="AN203" s="13" t="str">
        <f t="shared" si="7"/>
        <v>■</v>
      </c>
    </row>
    <row r="204" spans="1:40" s="13" customFormat="1">
      <c r="A204" s="20"/>
      <c r="B204" s="20"/>
      <c r="C204" s="541">
        <v>37</v>
      </c>
      <c r="D204" s="542"/>
      <c r="E204" s="543" t="s">
        <v>1461</v>
      </c>
      <c r="F204" s="544"/>
      <c r="G204" s="544"/>
      <c r="H204" s="544"/>
      <c r="I204" s="544"/>
      <c r="J204" s="544"/>
      <c r="K204" s="544"/>
      <c r="L204" s="544"/>
      <c r="M204" s="544"/>
      <c r="N204" s="544"/>
      <c r="O204" s="544"/>
      <c r="P204" s="544"/>
      <c r="Q204" s="544"/>
      <c r="R204" s="544"/>
      <c r="S204" s="544"/>
      <c r="T204" s="545"/>
      <c r="U204" s="221" t="s">
        <v>1462</v>
      </c>
      <c r="V204" s="546" t="s">
        <v>101</v>
      </c>
      <c r="W204" s="547"/>
      <c r="X204" s="547"/>
      <c r="Y204" s="547"/>
      <c r="Z204" s="548"/>
      <c r="AA204" s="623" t="s">
        <v>102</v>
      </c>
      <c r="AB204" s="624"/>
      <c r="AC204" s="625"/>
      <c r="AD204" s="415">
        <v>1</v>
      </c>
      <c r="AE204" s="415" t="s">
        <v>103</v>
      </c>
      <c r="AF204" s="646"/>
      <c r="AG204" s="647"/>
      <c r="AH204" s="549"/>
      <c r="AI204" s="550"/>
      <c r="AJ204" s="551"/>
      <c r="AK204" s="265"/>
      <c r="AL204" s="38"/>
      <c r="AM204" s="54"/>
      <c r="AN204" s="13" t="str">
        <f t="shared" si="7"/>
        <v>■</v>
      </c>
    </row>
    <row r="205" spans="1:40" s="13" customFormat="1">
      <c r="A205" s="20"/>
      <c r="B205" s="20"/>
      <c r="C205" s="541">
        <v>38</v>
      </c>
      <c r="D205" s="542"/>
      <c r="E205" s="543" t="s">
        <v>1463</v>
      </c>
      <c r="F205" s="544"/>
      <c r="G205" s="544"/>
      <c r="H205" s="544"/>
      <c r="I205" s="544"/>
      <c r="J205" s="544"/>
      <c r="K205" s="544"/>
      <c r="L205" s="544"/>
      <c r="M205" s="544"/>
      <c r="N205" s="544"/>
      <c r="O205" s="544"/>
      <c r="P205" s="544"/>
      <c r="Q205" s="544"/>
      <c r="R205" s="544"/>
      <c r="S205" s="544"/>
      <c r="T205" s="545"/>
      <c r="U205" s="221" t="s">
        <v>1464</v>
      </c>
      <c r="V205" s="546" t="s">
        <v>107</v>
      </c>
      <c r="W205" s="547"/>
      <c r="X205" s="547"/>
      <c r="Y205" s="547"/>
      <c r="Z205" s="548"/>
      <c r="AA205" s="623" t="s">
        <v>102</v>
      </c>
      <c r="AB205" s="624"/>
      <c r="AC205" s="625"/>
      <c r="AD205" s="415">
        <v>9</v>
      </c>
      <c r="AE205" s="415" t="s">
        <v>103</v>
      </c>
      <c r="AF205" s="646"/>
      <c r="AG205" s="647"/>
      <c r="AH205" s="549"/>
      <c r="AI205" s="550"/>
      <c r="AJ205" s="551"/>
      <c r="AK205" s="265"/>
      <c r="AL205" s="38"/>
      <c r="AM205" s="54"/>
      <c r="AN205" s="13" t="str">
        <f t="shared" si="7"/>
        <v>■</v>
      </c>
    </row>
    <row r="206" spans="1:40" s="13" customFormat="1">
      <c r="A206" s="20"/>
      <c r="B206" s="20"/>
      <c r="C206" s="541">
        <v>39</v>
      </c>
      <c r="D206" s="542"/>
      <c r="E206" s="543" t="s">
        <v>1465</v>
      </c>
      <c r="F206" s="544"/>
      <c r="G206" s="544"/>
      <c r="H206" s="544"/>
      <c r="I206" s="544"/>
      <c r="J206" s="544"/>
      <c r="K206" s="544"/>
      <c r="L206" s="544"/>
      <c r="M206" s="544"/>
      <c r="N206" s="544"/>
      <c r="O206" s="544"/>
      <c r="P206" s="544"/>
      <c r="Q206" s="544"/>
      <c r="R206" s="544"/>
      <c r="S206" s="544"/>
      <c r="T206" s="545"/>
      <c r="U206" s="221" t="s">
        <v>1466</v>
      </c>
      <c r="V206" s="546" t="s">
        <v>107</v>
      </c>
      <c r="W206" s="547"/>
      <c r="X206" s="547"/>
      <c r="Y206" s="547"/>
      <c r="Z206" s="548"/>
      <c r="AA206" s="623" t="s">
        <v>108</v>
      </c>
      <c r="AB206" s="624"/>
      <c r="AC206" s="625"/>
      <c r="AD206" s="415">
        <v>4</v>
      </c>
      <c r="AE206" s="415">
        <v>0</v>
      </c>
      <c r="AF206" s="646"/>
      <c r="AG206" s="647"/>
      <c r="AH206" s="549"/>
      <c r="AI206" s="550"/>
      <c r="AJ206" s="551"/>
      <c r="AK206" s="265"/>
      <c r="AL206" s="38"/>
      <c r="AM206" s="54"/>
      <c r="AN206" s="13" t="str">
        <f t="shared" si="7"/>
        <v>■</v>
      </c>
    </row>
    <row r="207" spans="1:40" s="13" customFormat="1">
      <c r="A207" s="20"/>
      <c r="B207" s="20"/>
      <c r="C207" s="541">
        <v>40</v>
      </c>
      <c r="D207" s="542"/>
      <c r="E207" s="543" t="s">
        <v>1467</v>
      </c>
      <c r="F207" s="544"/>
      <c r="G207" s="544"/>
      <c r="H207" s="544"/>
      <c r="I207" s="544"/>
      <c r="J207" s="544"/>
      <c r="K207" s="544"/>
      <c r="L207" s="544"/>
      <c r="M207" s="544"/>
      <c r="N207" s="544"/>
      <c r="O207" s="544"/>
      <c r="P207" s="544"/>
      <c r="Q207" s="544"/>
      <c r="R207" s="544"/>
      <c r="S207" s="544"/>
      <c r="T207" s="545"/>
      <c r="U207" s="221" t="s">
        <v>1468</v>
      </c>
      <c r="V207" s="546" t="s">
        <v>101</v>
      </c>
      <c r="W207" s="547"/>
      <c r="X207" s="547"/>
      <c r="Y207" s="547"/>
      <c r="Z207" s="548"/>
      <c r="AA207" s="623" t="s">
        <v>102</v>
      </c>
      <c r="AB207" s="624"/>
      <c r="AC207" s="625"/>
      <c r="AD207" s="415">
        <v>1</v>
      </c>
      <c r="AE207" s="415" t="s">
        <v>103</v>
      </c>
      <c r="AF207" s="646"/>
      <c r="AG207" s="647"/>
      <c r="AH207" s="549"/>
      <c r="AI207" s="550"/>
      <c r="AJ207" s="551"/>
      <c r="AK207" s="265"/>
      <c r="AL207" s="38"/>
      <c r="AM207" s="54"/>
      <c r="AN207" s="13" t="str">
        <f t="shared" si="7"/>
        <v>■</v>
      </c>
    </row>
    <row r="208" spans="1:40" s="13" customFormat="1">
      <c r="A208" s="20"/>
      <c r="B208" s="20"/>
      <c r="C208" s="541">
        <v>41</v>
      </c>
      <c r="D208" s="542"/>
      <c r="E208" s="543" t="s">
        <v>1469</v>
      </c>
      <c r="F208" s="544"/>
      <c r="G208" s="544"/>
      <c r="H208" s="544"/>
      <c r="I208" s="544"/>
      <c r="J208" s="544"/>
      <c r="K208" s="544"/>
      <c r="L208" s="544"/>
      <c r="M208" s="544"/>
      <c r="N208" s="544"/>
      <c r="O208" s="544"/>
      <c r="P208" s="544"/>
      <c r="Q208" s="544"/>
      <c r="R208" s="544"/>
      <c r="S208" s="544"/>
      <c r="T208" s="545"/>
      <c r="U208" s="221" t="s">
        <v>1470</v>
      </c>
      <c r="V208" s="546" t="s">
        <v>107</v>
      </c>
      <c r="W208" s="547"/>
      <c r="X208" s="547"/>
      <c r="Y208" s="547"/>
      <c r="Z208" s="548"/>
      <c r="AA208" s="623" t="s">
        <v>102</v>
      </c>
      <c r="AB208" s="624"/>
      <c r="AC208" s="625"/>
      <c r="AD208" s="415">
        <v>9</v>
      </c>
      <c r="AE208" s="415" t="s">
        <v>103</v>
      </c>
      <c r="AF208" s="646"/>
      <c r="AG208" s="647"/>
      <c r="AH208" s="549"/>
      <c r="AI208" s="550"/>
      <c r="AJ208" s="551"/>
      <c r="AK208" s="265"/>
      <c r="AL208" s="38"/>
      <c r="AM208" s="54"/>
      <c r="AN208" s="13" t="str">
        <f t="shared" si="7"/>
        <v>■</v>
      </c>
    </row>
    <row r="209" spans="1:40" s="13" customFormat="1">
      <c r="A209" s="20"/>
      <c r="B209" s="20"/>
      <c r="C209" s="541">
        <v>42</v>
      </c>
      <c r="D209" s="542"/>
      <c r="E209" s="543" t="s">
        <v>1471</v>
      </c>
      <c r="F209" s="544"/>
      <c r="G209" s="544"/>
      <c r="H209" s="544"/>
      <c r="I209" s="544"/>
      <c r="J209" s="544"/>
      <c r="K209" s="544"/>
      <c r="L209" s="544"/>
      <c r="M209" s="544"/>
      <c r="N209" s="544"/>
      <c r="O209" s="544"/>
      <c r="P209" s="544"/>
      <c r="Q209" s="544"/>
      <c r="R209" s="544"/>
      <c r="S209" s="544"/>
      <c r="T209" s="545"/>
      <c r="U209" s="221" t="s">
        <v>1472</v>
      </c>
      <c r="V209" s="546" t="s">
        <v>107</v>
      </c>
      <c r="W209" s="547"/>
      <c r="X209" s="547"/>
      <c r="Y209" s="547"/>
      <c r="Z209" s="548"/>
      <c r="AA209" s="623" t="s">
        <v>108</v>
      </c>
      <c r="AB209" s="624"/>
      <c r="AC209" s="625"/>
      <c r="AD209" s="415">
        <v>4</v>
      </c>
      <c r="AE209" s="415">
        <v>0</v>
      </c>
      <c r="AF209" s="646"/>
      <c r="AG209" s="647"/>
      <c r="AH209" s="549"/>
      <c r="AI209" s="550"/>
      <c r="AJ209" s="551"/>
      <c r="AK209" s="265"/>
      <c r="AL209" s="38"/>
      <c r="AM209" s="54"/>
      <c r="AN209" s="13" t="str">
        <f t="shared" si="7"/>
        <v>■</v>
      </c>
    </row>
    <row r="210" spans="1:40" s="13" customFormat="1">
      <c r="A210" s="20"/>
      <c r="B210" s="20"/>
      <c r="C210" s="541">
        <v>43</v>
      </c>
      <c r="D210" s="542"/>
      <c r="E210" s="543" t="s">
        <v>1473</v>
      </c>
      <c r="F210" s="544"/>
      <c r="G210" s="544"/>
      <c r="H210" s="544"/>
      <c r="I210" s="544"/>
      <c r="J210" s="544"/>
      <c r="K210" s="544"/>
      <c r="L210" s="544"/>
      <c r="M210" s="544"/>
      <c r="N210" s="544"/>
      <c r="O210" s="544"/>
      <c r="P210" s="544"/>
      <c r="Q210" s="544"/>
      <c r="R210" s="544"/>
      <c r="S210" s="544"/>
      <c r="T210" s="545"/>
      <c r="U210" s="221" t="s">
        <v>1474</v>
      </c>
      <c r="V210" s="546" t="s">
        <v>101</v>
      </c>
      <c r="W210" s="547"/>
      <c r="X210" s="547"/>
      <c r="Y210" s="547"/>
      <c r="Z210" s="548"/>
      <c r="AA210" s="623" t="s">
        <v>102</v>
      </c>
      <c r="AB210" s="624"/>
      <c r="AC210" s="625"/>
      <c r="AD210" s="415">
        <v>1</v>
      </c>
      <c r="AE210" s="415" t="s">
        <v>103</v>
      </c>
      <c r="AF210" s="646"/>
      <c r="AG210" s="647"/>
      <c r="AH210" s="549"/>
      <c r="AI210" s="550"/>
      <c r="AJ210" s="551"/>
      <c r="AK210" s="265"/>
      <c r="AL210" s="38"/>
      <c r="AM210" s="54"/>
      <c r="AN210" s="13" t="str">
        <f t="shared" si="7"/>
        <v>■</v>
      </c>
    </row>
    <row r="211" spans="1:40" s="13" customFormat="1">
      <c r="A211" s="20"/>
      <c r="B211" s="20"/>
      <c r="C211" s="541">
        <v>44</v>
      </c>
      <c r="D211" s="542"/>
      <c r="E211" s="543" t="s">
        <v>1475</v>
      </c>
      <c r="F211" s="544"/>
      <c r="G211" s="544"/>
      <c r="H211" s="544"/>
      <c r="I211" s="544"/>
      <c r="J211" s="544"/>
      <c r="K211" s="544"/>
      <c r="L211" s="544"/>
      <c r="M211" s="544"/>
      <c r="N211" s="544"/>
      <c r="O211" s="544"/>
      <c r="P211" s="544"/>
      <c r="Q211" s="544"/>
      <c r="R211" s="544"/>
      <c r="S211" s="544"/>
      <c r="T211" s="545"/>
      <c r="U211" s="221" t="s">
        <v>1476</v>
      </c>
      <c r="V211" s="546" t="s">
        <v>107</v>
      </c>
      <c r="W211" s="547"/>
      <c r="X211" s="547"/>
      <c r="Y211" s="547"/>
      <c r="Z211" s="548"/>
      <c r="AA211" s="623" t="s">
        <v>102</v>
      </c>
      <c r="AB211" s="624"/>
      <c r="AC211" s="625"/>
      <c r="AD211" s="415">
        <v>9</v>
      </c>
      <c r="AE211" s="415" t="s">
        <v>103</v>
      </c>
      <c r="AF211" s="646"/>
      <c r="AG211" s="647"/>
      <c r="AH211" s="549"/>
      <c r="AI211" s="550"/>
      <c r="AJ211" s="551"/>
      <c r="AK211" s="265"/>
      <c r="AL211" s="38"/>
      <c r="AM211" s="54"/>
      <c r="AN211" s="13" t="str">
        <f t="shared" si="7"/>
        <v>■</v>
      </c>
    </row>
    <row r="212" spans="1:40" s="13" customFormat="1">
      <c r="A212" s="20"/>
      <c r="B212" s="20"/>
      <c r="C212" s="541">
        <v>45</v>
      </c>
      <c r="D212" s="542"/>
      <c r="E212" s="543" t="s">
        <v>1477</v>
      </c>
      <c r="F212" s="544"/>
      <c r="G212" s="544"/>
      <c r="H212" s="544"/>
      <c r="I212" s="544"/>
      <c r="J212" s="544"/>
      <c r="K212" s="544"/>
      <c r="L212" s="544"/>
      <c r="M212" s="544"/>
      <c r="N212" s="544"/>
      <c r="O212" s="544"/>
      <c r="P212" s="544"/>
      <c r="Q212" s="544"/>
      <c r="R212" s="544"/>
      <c r="S212" s="544"/>
      <c r="T212" s="545"/>
      <c r="U212" s="221" t="s">
        <v>1478</v>
      </c>
      <c r="V212" s="546" t="s">
        <v>107</v>
      </c>
      <c r="W212" s="547"/>
      <c r="X212" s="547"/>
      <c r="Y212" s="547"/>
      <c r="Z212" s="548"/>
      <c r="AA212" s="623" t="s">
        <v>108</v>
      </c>
      <c r="AB212" s="624"/>
      <c r="AC212" s="625"/>
      <c r="AD212" s="415">
        <v>4</v>
      </c>
      <c r="AE212" s="415">
        <v>0</v>
      </c>
      <c r="AF212" s="646"/>
      <c r="AG212" s="647"/>
      <c r="AH212" s="549"/>
      <c r="AI212" s="550"/>
      <c r="AJ212" s="551"/>
      <c r="AK212" s="265"/>
      <c r="AL212" s="38"/>
      <c r="AM212" s="54"/>
      <c r="AN212" s="13" t="str">
        <f t="shared" si="7"/>
        <v>■</v>
      </c>
    </row>
    <row r="213" spans="1:40" s="13" customFormat="1">
      <c r="A213" s="20"/>
      <c r="B213" s="20"/>
      <c r="C213" s="541">
        <v>46</v>
      </c>
      <c r="D213" s="542"/>
      <c r="E213" s="543" t="s">
        <v>1479</v>
      </c>
      <c r="F213" s="544"/>
      <c r="G213" s="544"/>
      <c r="H213" s="544"/>
      <c r="I213" s="544"/>
      <c r="J213" s="544"/>
      <c r="K213" s="544"/>
      <c r="L213" s="544"/>
      <c r="M213" s="544"/>
      <c r="N213" s="544"/>
      <c r="O213" s="544"/>
      <c r="P213" s="544"/>
      <c r="Q213" s="544"/>
      <c r="R213" s="544"/>
      <c r="S213" s="544"/>
      <c r="T213" s="545"/>
      <c r="U213" s="221" t="s">
        <v>1480</v>
      </c>
      <c r="V213" s="546" t="s">
        <v>101</v>
      </c>
      <c r="W213" s="547"/>
      <c r="X213" s="547"/>
      <c r="Y213" s="547"/>
      <c r="Z213" s="548"/>
      <c r="AA213" s="623" t="s">
        <v>102</v>
      </c>
      <c r="AB213" s="624"/>
      <c r="AC213" s="625"/>
      <c r="AD213" s="415">
        <v>1</v>
      </c>
      <c r="AE213" s="415" t="s">
        <v>103</v>
      </c>
      <c r="AF213" s="646"/>
      <c r="AG213" s="647"/>
      <c r="AH213" s="549"/>
      <c r="AI213" s="550"/>
      <c r="AJ213" s="551"/>
      <c r="AK213" s="265"/>
      <c r="AL213" s="38"/>
      <c r="AM213" s="54"/>
      <c r="AN213" s="13" t="str">
        <f t="shared" si="7"/>
        <v>■</v>
      </c>
    </row>
    <row r="214" spans="1:40" s="13" customFormat="1">
      <c r="A214" s="20"/>
      <c r="B214" s="20"/>
      <c r="C214" s="541">
        <v>47</v>
      </c>
      <c r="D214" s="542"/>
      <c r="E214" s="543" t="s">
        <v>1481</v>
      </c>
      <c r="F214" s="544"/>
      <c r="G214" s="544"/>
      <c r="H214" s="544"/>
      <c r="I214" s="544"/>
      <c r="J214" s="544"/>
      <c r="K214" s="544"/>
      <c r="L214" s="544"/>
      <c r="M214" s="544"/>
      <c r="N214" s="544"/>
      <c r="O214" s="544"/>
      <c r="P214" s="544"/>
      <c r="Q214" s="544"/>
      <c r="R214" s="544"/>
      <c r="S214" s="544"/>
      <c r="T214" s="545"/>
      <c r="U214" s="221" t="s">
        <v>1482</v>
      </c>
      <c r="V214" s="546" t="s">
        <v>107</v>
      </c>
      <c r="W214" s="547"/>
      <c r="X214" s="547"/>
      <c r="Y214" s="547"/>
      <c r="Z214" s="548"/>
      <c r="AA214" s="623" t="s">
        <v>102</v>
      </c>
      <c r="AB214" s="624"/>
      <c r="AC214" s="625"/>
      <c r="AD214" s="415">
        <v>9</v>
      </c>
      <c r="AE214" s="415" t="s">
        <v>103</v>
      </c>
      <c r="AF214" s="646"/>
      <c r="AG214" s="647"/>
      <c r="AH214" s="549"/>
      <c r="AI214" s="550"/>
      <c r="AJ214" s="551"/>
      <c r="AK214" s="265"/>
      <c r="AL214" s="38"/>
      <c r="AM214" s="54"/>
      <c r="AN214" s="13" t="str">
        <f t="shared" si="7"/>
        <v>■</v>
      </c>
    </row>
    <row r="215" spans="1:40" s="13" customFormat="1">
      <c r="A215" s="20"/>
      <c r="B215" s="20"/>
      <c r="C215" s="541">
        <v>48</v>
      </c>
      <c r="D215" s="542"/>
      <c r="E215" s="543" t="s">
        <v>1483</v>
      </c>
      <c r="F215" s="544"/>
      <c r="G215" s="544"/>
      <c r="H215" s="544"/>
      <c r="I215" s="544"/>
      <c r="J215" s="544"/>
      <c r="K215" s="544"/>
      <c r="L215" s="544"/>
      <c r="M215" s="544"/>
      <c r="N215" s="544"/>
      <c r="O215" s="544"/>
      <c r="P215" s="544"/>
      <c r="Q215" s="544"/>
      <c r="R215" s="544"/>
      <c r="S215" s="544"/>
      <c r="T215" s="545"/>
      <c r="U215" s="221" t="s">
        <v>1484</v>
      </c>
      <c r="V215" s="546" t="s">
        <v>107</v>
      </c>
      <c r="W215" s="547"/>
      <c r="X215" s="547"/>
      <c r="Y215" s="547"/>
      <c r="Z215" s="548"/>
      <c r="AA215" s="623" t="s">
        <v>108</v>
      </c>
      <c r="AB215" s="624"/>
      <c r="AC215" s="625"/>
      <c r="AD215" s="415">
        <v>4</v>
      </c>
      <c r="AE215" s="415">
        <v>0</v>
      </c>
      <c r="AF215" s="646"/>
      <c r="AG215" s="647"/>
      <c r="AH215" s="549"/>
      <c r="AI215" s="550"/>
      <c r="AJ215" s="551"/>
      <c r="AK215" s="265"/>
      <c r="AL215" s="38"/>
      <c r="AM215" s="54"/>
      <c r="AN215" s="13" t="str">
        <f t="shared" si="7"/>
        <v>■</v>
      </c>
    </row>
    <row r="216" spans="1:40" s="13" customFormat="1">
      <c r="A216" s="20"/>
      <c r="B216" s="20"/>
      <c r="C216" s="541">
        <v>49</v>
      </c>
      <c r="D216" s="542"/>
      <c r="E216" s="543" t="s">
        <v>1485</v>
      </c>
      <c r="F216" s="544"/>
      <c r="G216" s="544"/>
      <c r="H216" s="544"/>
      <c r="I216" s="544"/>
      <c r="J216" s="544"/>
      <c r="K216" s="544"/>
      <c r="L216" s="544"/>
      <c r="M216" s="544"/>
      <c r="N216" s="544"/>
      <c r="O216" s="544"/>
      <c r="P216" s="544"/>
      <c r="Q216" s="544"/>
      <c r="R216" s="544"/>
      <c r="S216" s="544"/>
      <c r="T216" s="545"/>
      <c r="U216" s="221" t="s">
        <v>1486</v>
      </c>
      <c r="V216" s="546" t="s">
        <v>107</v>
      </c>
      <c r="W216" s="547"/>
      <c r="X216" s="547"/>
      <c r="Y216" s="547"/>
      <c r="Z216" s="548"/>
      <c r="AA216" s="623" t="s">
        <v>108</v>
      </c>
      <c r="AB216" s="624"/>
      <c r="AC216" s="625"/>
      <c r="AD216" s="415">
        <v>3</v>
      </c>
      <c r="AE216" s="415">
        <v>0</v>
      </c>
      <c r="AF216" s="646"/>
      <c r="AG216" s="647"/>
      <c r="AH216" s="549"/>
      <c r="AI216" s="550"/>
      <c r="AJ216" s="551"/>
      <c r="AK216" s="265"/>
      <c r="AL216" s="38"/>
      <c r="AM216" s="54"/>
      <c r="AN216" s="13" t="str">
        <f t="shared" si="7"/>
        <v>■</v>
      </c>
    </row>
    <row r="217" spans="1:40" s="13" customFormat="1">
      <c r="A217" s="20"/>
      <c r="B217" s="20"/>
      <c r="C217" s="541">
        <v>50</v>
      </c>
      <c r="D217" s="542"/>
      <c r="E217" s="543" t="s">
        <v>1487</v>
      </c>
      <c r="F217" s="544"/>
      <c r="G217" s="544"/>
      <c r="H217" s="544"/>
      <c r="I217" s="544"/>
      <c r="J217" s="544"/>
      <c r="K217" s="544"/>
      <c r="L217" s="544"/>
      <c r="M217" s="544"/>
      <c r="N217" s="544"/>
      <c r="O217" s="544"/>
      <c r="P217" s="544"/>
      <c r="Q217" s="544"/>
      <c r="R217" s="544"/>
      <c r="S217" s="544"/>
      <c r="T217" s="545"/>
      <c r="U217" s="221" t="s">
        <v>1488</v>
      </c>
      <c r="V217" s="546" t="s">
        <v>107</v>
      </c>
      <c r="W217" s="547"/>
      <c r="X217" s="547"/>
      <c r="Y217" s="547"/>
      <c r="Z217" s="548"/>
      <c r="AA217" s="623" t="s">
        <v>102</v>
      </c>
      <c r="AB217" s="624"/>
      <c r="AC217" s="625"/>
      <c r="AD217" s="415">
        <v>1</v>
      </c>
      <c r="AE217" s="415" t="s">
        <v>103</v>
      </c>
      <c r="AF217" s="646"/>
      <c r="AG217" s="647"/>
      <c r="AH217" s="549"/>
      <c r="AI217" s="550"/>
      <c r="AJ217" s="551"/>
      <c r="AK217" s="265"/>
      <c r="AL217" s="38"/>
      <c r="AM217" s="54"/>
      <c r="AN217" s="13" t="str">
        <f t="shared" si="7"/>
        <v>■</v>
      </c>
    </row>
    <row r="218" spans="1:40" s="13" customFormat="1">
      <c r="A218" s="20"/>
      <c r="B218" s="20"/>
      <c r="C218" s="541">
        <v>51</v>
      </c>
      <c r="D218" s="542"/>
      <c r="E218" s="543" t="s">
        <v>1489</v>
      </c>
      <c r="F218" s="544"/>
      <c r="G218" s="544"/>
      <c r="H218" s="544"/>
      <c r="I218" s="544"/>
      <c r="J218" s="544"/>
      <c r="K218" s="544"/>
      <c r="L218" s="544"/>
      <c r="M218" s="544"/>
      <c r="N218" s="544"/>
      <c r="O218" s="544"/>
      <c r="P218" s="544"/>
      <c r="Q218" s="544"/>
      <c r="R218" s="544"/>
      <c r="S218" s="544"/>
      <c r="T218" s="545"/>
      <c r="U218" s="221" t="s">
        <v>1490</v>
      </c>
      <c r="V218" s="546" t="s">
        <v>107</v>
      </c>
      <c r="W218" s="547"/>
      <c r="X218" s="547"/>
      <c r="Y218" s="547"/>
      <c r="Z218" s="548"/>
      <c r="AA218" s="623" t="s">
        <v>108</v>
      </c>
      <c r="AB218" s="624"/>
      <c r="AC218" s="625"/>
      <c r="AD218" s="415">
        <v>3</v>
      </c>
      <c r="AE218" s="415">
        <v>0</v>
      </c>
      <c r="AF218" s="646"/>
      <c r="AG218" s="647"/>
      <c r="AH218" s="549"/>
      <c r="AI218" s="550"/>
      <c r="AJ218" s="551"/>
      <c r="AK218" s="265"/>
      <c r="AL218" s="38"/>
      <c r="AM218" s="54"/>
      <c r="AN218" s="13" t="str">
        <f t="shared" si="7"/>
        <v>■</v>
      </c>
    </row>
    <row r="219" spans="1:40" s="13" customFormat="1" ht="13.4" customHeight="1">
      <c r="A219" s="20"/>
      <c r="B219" s="25"/>
      <c r="C219" s="541">
        <v>52</v>
      </c>
      <c r="D219" s="542"/>
      <c r="E219" s="543" t="s">
        <v>1491</v>
      </c>
      <c r="F219" s="544"/>
      <c r="G219" s="544"/>
      <c r="H219" s="544"/>
      <c r="I219" s="544"/>
      <c r="J219" s="544"/>
      <c r="K219" s="544"/>
      <c r="L219" s="544"/>
      <c r="M219" s="544"/>
      <c r="N219" s="544"/>
      <c r="O219" s="544"/>
      <c r="P219" s="544"/>
      <c r="Q219" s="544"/>
      <c r="R219" s="544"/>
      <c r="S219" s="544"/>
      <c r="T219" s="545"/>
      <c r="U219" s="229" t="s">
        <v>1492</v>
      </c>
      <c r="V219" s="546" t="s">
        <v>107</v>
      </c>
      <c r="W219" s="547"/>
      <c r="X219" s="547"/>
      <c r="Y219" s="547"/>
      <c r="Z219" s="548"/>
      <c r="AA219" s="623" t="s">
        <v>102</v>
      </c>
      <c r="AB219" s="624"/>
      <c r="AC219" s="625"/>
      <c r="AD219" s="415">
        <v>9</v>
      </c>
      <c r="AE219" s="415" t="s">
        <v>103</v>
      </c>
      <c r="AF219" s="646"/>
      <c r="AG219" s="647"/>
      <c r="AH219" s="549"/>
      <c r="AI219" s="550"/>
      <c r="AJ219" s="551"/>
      <c r="AK219" s="265"/>
      <c r="AL219" s="38"/>
      <c r="AM219" s="54"/>
      <c r="AN219" s="13" t="str">
        <f t="shared" si="7"/>
        <v>■</v>
      </c>
    </row>
    <row r="220" spans="1:40" s="13" customFormat="1" ht="13.4" customHeight="1">
      <c r="A220" s="20"/>
      <c r="B220" s="25"/>
      <c r="C220" s="541">
        <v>53</v>
      </c>
      <c r="D220" s="542"/>
      <c r="E220" s="543" t="s">
        <v>1493</v>
      </c>
      <c r="F220" s="544"/>
      <c r="G220" s="544"/>
      <c r="H220" s="544"/>
      <c r="I220" s="544"/>
      <c r="J220" s="544"/>
      <c r="K220" s="544"/>
      <c r="L220" s="544"/>
      <c r="M220" s="544"/>
      <c r="N220" s="544"/>
      <c r="O220" s="544"/>
      <c r="P220" s="544"/>
      <c r="Q220" s="544"/>
      <c r="R220" s="544"/>
      <c r="S220" s="544"/>
      <c r="T220" s="545"/>
      <c r="U220" s="229" t="s">
        <v>1494</v>
      </c>
      <c r="V220" s="546" t="s">
        <v>107</v>
      </c>
      <c r="W220" s="547"/>
      <c r="X220" s="547"/>
      <c r="Y220" s="547"/>
      <c r="Z220" s="548"/>
      <c r="AA220" s="623" t="s">
        <v>102</v>
      </c>
      <c r="AB220" s="624"/>
      <c r="AC220" s="625"/>
      <c r="AD220" s="415">
        <v>2</v>
      </c>
      <c r="AE220" s="415" t="s">
        <v>103</v>
      </c>
      <c r="AF220" s="646"/>
      <c r="AG220" s="647"/>
      <c r="AH220" s="549"/>
      <c r="AI220" s="550"/>
      <c r="AJ220" s="551"/>
      <c r="AK220" s="265"/>
      <c r="AL220" s="38"/>
      <c r="AM220" s="54"/>
      <c r="AN220" s="13" t="str">
        <f t="shared" si="7"/>
        <v>■</v>
      </c>
    </row>
    <row r="221" spans="1:40" s="13" customFormat="1" ht="13.4" customHeight="1">
      <c r="A221" s="20"/>
      <c r="B221" s="25"/>
      <c r="C221" s="541">
        <v>54</v>
      </c>
      <c r="D221" s="542"/>
      <c r="E221" s="543" t="s">
        <v>1495</v>
      </c>
      <c r="F221" s="544"/>
      <c r="G221" s="544"/>
      <c r="H221" s="544"/>
      <c r="I221" s="544"/>
      <c r="J221" s="544"/>
      <c r="K221" s="544"/>
      <c r="L221" s="544"/>
      <c r="M221" s="544"/>
      <c r="N221" s="544"/>
      <c r="O221" s="544"/>
      <c r="P221" s="544"/>
      <c r="Q221" s="544"/>
      <c r="R221" s="544"/>
      <c r="S221" s="544"/>
      <c r="T221" s="545"/>
      <c r="U221" s="229" t="s">
        <v>1496</v>
      </c>
      <c r="V221" s="546" t="s">
        <v>107</v>
      </c>
      <c r="W221" s="547"/>
      <c r="X221" s="547"/>
      <c r="Y221" s="547"/>
      <c r="Z221" s="548"/>
      <c r="AA221" s="623" t="s">
        <v>108</v>
      </c>
      <c r="AB221" s="624"/>
      <c r="AC221" s="625"/>
      <c r="AD221" s="415">
        <v>3</v>
      </c>
      <c r="AE221" s="415">
        <v>0</v>
      </c>
      <c r="AF221" s="646"/>
      <c r="AG221" s="647"/>
      <c r="AH221" s="549"/>
      <c r="AI221" s="550"/>
      <c r="AJ221" s="551"/>
      <c r="AK221" s="265"/>
      <c r="AL221" s="38"/>
      <c r="AM221" s="54"/>
      <c r="AN221" s="13" t="str">
        <f t="shared" si="7"/>
        <v>■</v>
      </c>
    </row>
    <row r="222" spans="1:40" s="13" customFormat="1" ht="13.4" customHeight="1">
      <c r="A222" s="20"/>
      <c r="B222" s="25"/>
      <c r="C222" s="541">
        <v>55</v>
      </c>
      <c r="D222" s="542"/>
      <c r="E222" s="543" t="s">
        <v>1497</v>
      </c>
      <c r="F222" s="544"/>
      <c r="G222" s="544"/>
      <c r="H222" s="544"/>
      <c r="I222" s="544"/>
      <c r="J222" s="544"/>
      <c r="K222" s="544"/>
      <c r="L222" s="544"/>
      <c r="M222" s="544"/>
      <c r="N222" s="544"/>
      <c r="O222" s="544"/>
      <c r="P222" s="544"/>
      <c r="Q222" s="544"/>
      <c r="R222" s="544"/>
      <c r="S222" s="544"/>
      <c r="T222" s="545"/>
      <c r="U222" s="222" t="s">
        <v>1498</v>
      </c>
      <c r="V222" s="546" t="s">
        <v>107</v>
      </c>
      <c r="W222" s="547"/>
      <c r="X222" s="547"/>
      <c r="Y222" s="547"/>
      <c r="Z222" s="548"/>
      <c r="AA222" s="623" t="s">
        <v>108</v>
      </c>
      <c r="AB222" s="624"/>
      <c r="AC222" s="625"/>
      <c r="AD222" s="415">
        <v>3</v>
      </c>
      <c r="AE222" s="415">
        <v>0</v>
      </c>
      <c r="AF222" s="646"/>
      <c r="AG222" s="647"/>
      <c r="AH222" s="549"/>
      <c r="AI222" s="550"/>
      <c r="AJ222" s="551"/>
      <c r="AK222" s="265"/>
      <c r="AL222" s="38"/>
      <c r="AM222" s="54"/>
      <c r="AN222" s="13" t="str">
        <f t="shared" si="7"/>
        <v>■</v>
      </c>
    </row>
    <row r="223" spans="1:40" s="13" customFormat="1" ht="13.4" customHeight="1">
      <c r="A223" s="20"/>
      <c r="B223" s="25"/>
      <c r="C223" s="541">
        <v>56</v>
      </c>
      <c r="D223" s="542"/>
      <c r="E223" s="563" t="s">
        <v>1499</v>
      </c>
      <c r="F223" s="564"/>
      <c r="G223" s="564"/>
      <c r="H223" s="564"/>
      <c r="I223" s="564"/>
      <c r="J223" s="564"/>
      <c r="K223" s="564"/>
      <c r="L223" s="564"/>
      <c r="M223" s="564"/>
      <c r="N223" s="564"/>
      <c r="O223" s="564"/>
      <c r="P223" s="564"/>
      <c r="Q223" s="564"/>
      <c r="R223" s="564"/>
      <c r="S223" s="564"/>
      <c r="T223" s="565"/>
      <c r="U223" s="229" t="s">
        <v>1500</v>
      </c>
      <c r="V223" s="546" t="s">
        <v>107</v>
      </c>
      <c r="W223" s="547"/>
      <c r="X223" s="547"/>
      <c r="Y223" s="547"/>
      <c r="Z223" s="548"/>
      <c r="AA223" s="623" t="s">
        <v>102</v>
      </c>
      <c r="AB223" s="624"/>
      <c r="AC223" s="625"/>
      <c r="AD223" s="415">
        <v>2</v>
      </c>
      <c r="AE223" s="415" t="s">
        <v>103</v>
      </c>
      <c r="AF223" s="646"/>
      <c r="AG223" s="647"/>
      <c r="AH223" s="549"/>
      <c r="AI223" s="550"/>
      <c r="AJ223" s="551"/>
      <c r="AK223" s="265"/>
      <c r="AL223" s="38"/>
      <c r="AM223" s="54"/>
      <c r="AN223" s="13" t="str">
        <f t="shared" si="7"/>
        <v>■</v>
      </c>
    </row>
    <row r="224" spans="1:40" s="13" customFormat="1" ht="13.4" customHeight="1">
      <c r="A224" s="20"/>
      <c r="B224" s="25"/>
      <c r="C224" s="541">
        <v>57</v>
      </c>
      <c r="D224" s="542"/>
      <c r="E224" s="563" t="s">
        <v>1501</v>
      </c>
      <c r="F224" s="564"/>
      <c r="G224" s="564"/>
      <c r="H224" s="564"/>
      <c r="I224" s="564"/>
      <c r="J224" s="564"/>
      <c r="K224" s="564"/>
      <c r="L224" s="564"/>
      <c r="M224" s="564"/>
      <c r="N224" s="564"/>
      <c r="O224" s="564"/>
      <c r="P224" s="564"/>
      <c r="Q224" s="564"/>
      <c r="R224" s="564"/>
      <c r="S224" s="564"/>
      <c r="T224" s="565"/>
      <c r="U224" s="229" t="s">
        <v>1502</v>
      </c>
      <c r="V224" s="546" t="s">
        <v>107</v>
      </c>
      <c r="W224" s="547"/>
      <c r="X224" s="547"/>
      <c r="Y224" s="547"/>
      <c r="Z224" s="548"/>
      <c r="AA224" s="623" t="s">
        <v>102</v>
      </c>
      <c r="AB224" s="624"/>
      <c r="AC224" s="625"/>
      <c r="AD224" s="415">
        <v>2</v>
      </c>
      <c r="AE224" s="415" t="s">
        <v>103</v>
      </c>
      <c r="AF224" s="646"/>
      <c r="AG224" s="647"/>
      <c r="AH224" s="549"/>
      <c r="AI224" s="550"/>
      <c r="AJ224" s="551"/>
      <c r="AK224" s="265"/>
      <c r="AL224" s="38"/>
      <c r="AM224" s="54"/>
      <c r="AN224" s="13" t="str">
        <f t="shared" si="7"/>
        <v>■</v>
      </c>
    </row>
    <row r="225" spans="1:40" s="13" customFormat="1" ht="13.4" customHeight="1">
      <c r="A225" s="20"/>
      <c r="B225" s="25"/>
      <c r="C225" s="541">
        <v>58</v>
      </c>
      <c r="D225" s="542"/>
      <c r="E225" s="563" t="s">
        <v>1503</v>
      </c>
      <c r="F225" s="564"/>
      <c r="G225" s="564"/>
      <c r="H225" s="564"/>
      <c r="I225" s="564"/>
      <c r="J225" s="564"/>
      <c r="K225" s="564"/>
      <c r="L225" s="564"/>
      <c r="M225" s="564"/>
      <c r="N225" s="564"/>
      <c r="O225" s="564"/>
      <c r="P225" s="564"/>
      <c r="Q225" s="564"/>
      <c r="R225" s="564"/>
      <c r="S225" s="564"/>
      <c r="T225" s="565"/>
      <c r="U225" s="229" t="s">
        <v>1396</v>
      </c>
      <c r="V225" s="546" t="s">
        <v>107</v>
      </c>
      <c r="W225" s="547"/>
      <c r="X225" s="547"/>
      <c r="Y225" s="547"/>
      <c r="Z225" s="548"/>
      <c r="AA225" s="623" t="s">
        <v>108</v>
      </c>
      <c r="AB225" s="624"/>
      <c r="AC225" s="625"/>
      <c r="AD225" s="415">
        <v>5</v>
      </c>
      <c r="AE225" s="415">
        <v>0</v>
      </c>
      <c r="AF225" s="646"/>
      <c r="AG225" s="647"/>
      <c r="AH225" s="549"/>
      <c r="AI225" s="550"/>
      <c r="AJ225" s="551"/>
      <c r="AK225" s="265"/>
      <c r="AL225" s="38"/>
      <c r="AM225" s="54"/>
      <c r="AN225" s="13" t="str">
        <f t="shared" si="7"/>
        <v>■</v>
      </c>
    </row>
    <row r="226" spans="1:40" s="13" customFormat="1" ht="13.4" customHeight="1">
      <c r="A226" s="20"/>
      <c r="B226" s="25"/>
      <c r="C226" s="541">
        <v>59</v>
      </c>
      <c r="D226" s="542"/>
      <c r="E226" s="563" t="s">
        <v>1504</v>
      </c>
      <c r="F226" s="564"/>
      <c r="G226" s="564"/>
      <c r="H226" s="564"/>
      <c r="I226" s="564"/>
      <c r="J226" s="564"/>
      <c r="K226" s="564"/>
      <c r="L226" s="564"/>
      <c r="M226" s="564"/>
      <c r="N226" s="564"/>
      <c r="O226" s="564"/>
      <c r="P226" s="564"/>
      <c r="Q226" s="564"/>
      <c r="R226" s="564"/>
      <c r="S226" s="564"/>
      <c r="T226" s="565"/>
      <c r="U226" s="229" t="s">
        <v>1398</v>
      </c>
      <c r="V226" s="546" t="s">
        <v>107</v>
      </c>
      <c r="W226" s="547"/>
      <c r="X226" s="547"/>
      <c r="Y226" s="547"/>
      <c r="Z226" s="548"/>
      <c r="AA226" s="623" t="s">
        <v>108</v>
      </c>
      <c r="AB226" s="624"/>
      <c r="AC226" s="625"/>
      <c r="AD226" s="415">
        <v>5</v>
      </c>
      <c r="AE226" s="415">
        <v>0</v>
      </c>
      <c r="AF226" s="646"/>
      <c r="AG226" s="647"/>
      <c r="AH226" s="549"/>
      <c r="AI226" s="550"/>
      <c r="AJ226" s="551"/>
      <c r="AK226" s="265"/>
      <c r="AL226" s="29"/>
      <c r="AM226" s="54"/>
      <c r="AN226" s="13" t="str">
        <f t="shared" si="7"/>
        <v>■</v>
      </c>
    </row>
    <row r="227" spans="1:40" s="13" customFormat="1">
      <c r="A227" s="20"/>
      <c r="B227" s="20"/>
      <c r="C227" s="541">
        <v>60</v>
      </c>
      <c r="D227" s="542"/>
      <c r="E227" s="543" t="s">
        <v>1351</v>
      </c>
      <c r="F227" s="544"/>
      <c r="G227" s="544"/>
      <c r="H227" s="544"/>
      <c r="I227" s="544"/>
      <c r="J227" s="544"/>
      <c r="K227" s="544"/>
      <c r="L227" s="544"/>
      <c r="M227" s="544"/>
      <c r="N227" s="544"/>
      <c r="O227" s="544"/>
      <c r="P227" s="544"/>
      <c r="Q227" s="544"/>
      <c r="R227" s="544"/>
      <c r="S227" s="544"/>
      <c r="T227" s="545"/>
      <c r="U227" s="221" t="s">
        <v>453</v>
      </c>
      <c r="V227" s="546" t="s">
        <v>107</v>
      </c>
      <c r="W227" s="547"/>
      <c r="X227" s="547"/>
      <c r="Y227" s="547"/>
      <c r="Z227" s="548"/>
      <c r="AA227" s="623" t="s">
        <v>102</v>
      </c>
      <c r="AB227" s="624"/>
      <c r="AC227" s="625"/>
      <c r="AD227" s="415">
        <v>6</v>
      </c>
      <c r="AE227" s="415" t="s">
        <v>103</v>
      </c>
      <c r="AF227" s="646"/>
      <c r="AG227" s="647"/>
      <c r="AH227" s="549"/>
      <c r="AI227" s="550"/>
      <c r="AJ227" s="551"/>
      <c r="AK227" s="265"/>
      <c r="AL227" s="48"/>
      <c r="AM227" s="54"/>
      <c r="AN227" s="13" t="str">
        <f t="shared" si="7"/>
        <v>■</v>
      </c>
    </row>
    <row r="228" spans="1:40" s="13" customFormat="1">
      <c r="A228" s="20"/>
      <c r="B228" s="20"/>
      <c r="C228" s="541">
        <v>61</v>
      </c>
      <c r="D228" s="542"/>
      <c r="E228" s="543" t="s">
        <v>411</v>
      </c>
      <c r="F228" s="544"/>
      <c r="G228" s="544"/>
      <c r="H228" s="544"/>
      <c r="I228" s="544"/>
      <c r="J228" s="544"/>
      <c r="K228" s="544"/>
      <c r="L228" s="544"/>
      <c r="M228" s="544"/>
      <c r="N228" s="544"/>
      <c r="O228" s="544"/>
      <c r="P228" s="544"/>
      <c r="Q228" s="544"/>
      <c r="R228" s="544"/>
      <c r="S228" s="544"/>
      <c r="T228" s="545"/>
      <c r="U228" s="221" t="s">
        <v>516</v>
      </c>
      <c r="V228" s="546" t="s">
        <v>107</v>
      </c>
      <c r="W228" s="547"/>
      <c r="X228" s="547"/>
      <c r="Y228" s="547"/>
      <c r="Z228" s="548"/>
      <c r="AA228" s="623" t="s">
        <v>102</v>
      </c>
      <c r="AB228" s="624"/>
      <c r="AC228" s="625"/>
      <c r="AD228" s="415">
        <v>6</v>
      </c>
      <c r="AE228" s="415" t="s">
        <v>103</v>
      </c>
      <c r="AF228" s="646"/>
      <c r="AG228" s="647"/>
      <c r="AH228" s="549"/>
      <c r="AI228" s="550"/>
      <c r="AJ228" s="551"/>
      <c r="AK228" s="265"/>
      <c r="AL228" s="37"/>
      <c r="AM228" s="54"/>
      <c r="AN228" s="13" t="str">
        <f t="shared" si="7"/>
        <v>■</v>
      </c>
    </row>
    <row r="229" spans="1:40" s="13" customFormat="1">
      <c r="A229" s="20"/>
      <c r="B229" s="20"/>
      <c r="C229" s="541">
        <v>62</v>
      </c>
      <c r="D229" s="542"/>
      <c r="E229" s="543" t="s">
        <v>1505</v>
      </c>
      <c r="F229" s="544"/>
      <c r="G229" s="544"/>
      <c r="H229" s="544"/>
      <c r="I229" s="544"/>
      <c r="J229" s="544"/>
      <c r="K229" s="544"/>
      <c r="L229" s="544"/>
      <c r="M229" s="544"/>
      <c r="N229" s="544"/>
      <c r="O229" s="544"/>
      <c r="P229" s="544"/>
      <c r="Q229" s="544"/>
      <c r="R229" s="544"/>
      <c r="S229" s="544"/>
      <c r="T229" s="545"/>
      <c r="U229" s="221" t="s">
        <v>1506</v>
      </c>
      <c r="V229" s="546" t="s">
        <v>101</v>
      </c>
      <c r="W229" s="547"/>
      <c r="X229" s="547"/>
      <c r="Y229" s="547"/>
      <c r="Z229" s="548"/>
      <c r="AA229" s="623" t="s">
        <v>102</v>
      </c>
      <c r="AB229" s="624"/>
      <c r="AC229" s="625"/>
      <c r="AD229" s="415">
        <v>1</v>
      </c>
      <c r="AE229" s="415" t="s">
        <v>103</v>
      </c>
      <c r="AF229" s="646"/>
      <c r="AG229" s="647"/>
      <c r="AH229" s="549"/>
      <c r="AI229" s="550"/>
      <c r="AJ229" s="551"/>
      <c r="AK229" s="265"/>
      <c r="AL229" s="37"/>
      <c r="AM229" s="54"/>
      <c r="AN229" s="13" t="str">
        <f t="shared" si="7"/>
        <v>■</v>
      </c>
    </row>
    <row r="230" spans="1:40" s="13" customFormat="1">
      <c r="A230" s="20"/>
      <c r="B230" s="20"/>
      <c r="C230" s="541">
        <v>63</v>
      </c>
      <c r="D230" s="542"/>
      <c r="E230" s="543" t="s">
        <v>1507</v>
      </c>
      <c r="F230" s="544"/>
      <c r="G230" s="544"/>
      <c r="H230" s="544"/>
      <c r="I230" s="544"/>
      <c r="J230" s="544"/>
      <c r="K230" s="544"/>
      <c r="L230" s="544"/>
      <c r="M230" s="544"/>
      <c r="N230" s="544"/>
      <c r="O230" s="544"/>
      <c r="P230" s="544"/>
      <c r="Q230" s="544"/>
      <c r="R230" s="544"/>
      <c r="S230" s="544"/>
      <c r="T230" s="545"/>
      <c r="U230" s="221" t="s">
        <v>1508</v>
      </c>
      <c r="V230" s="546" t="s">
        <v>107</v>
      </c>
      <c r="W230" s="547"/>
      <c r="X230" s="547"/>
      <c r="Y230" s="547"/>
      <c r="Z230" s="548"/>
      <c r="AA230" s="623" t="s">
        <v>102</v>
      </c>
      <c r="AB230" s="624"/>
      <c r="AC230" s="625"/>
      <c r="AD230" s="415">
        <v>9</v>
      </c>
      <c r="AE230" s="415" t="s">
        <v>103</v>
      </c>
      <c r="AF230" s="646"/>
      <c r="AG230" s="647"/>
      <c r="AH230" s="549"/>
      <c r="AI230" s="550"/>
      <c r="AJ230" s="551"/>
      <c r="AK230" s="265"/>
      <c r="AL230" s="37"/>
      <c r="AM230" s="54"/>
      <c r="AN230" s="13" t="str">
        <f t="shared" si="7"/>
        <v>■</v>
      </c>
    </row>
    <row r="231" spans="1:40" s="13" customFormat="1">
      <c r="A231" s="20"/>
      <c r="B231" s="20"/>
      <c r="C231" s="541">
        <v>64</v>
      </c>
      <c r="D231" s="542"/>
      <c r="E231" s="543" t="s">
        <v>1509</v>
      </c>
      <c r="F231" s="544"/>
      <c r="G231" s="544"/>
      <c r="H231" s="544"/>
      <c r="I231" s="544"/>
      <c r="J231" s="544"/>
      <c r="K231" s="544"/>
      <c r="L231" s="544"/>
      <c r="M231" s="544"/>
      <c r="N231" s="544"/>
      <c r="O231" s="544"/>
      <c r="P231" s="544"/>
      <c r="Q231" s="544"/>
      <c r="R231" s="544"/>
      <c r="S231" s="544"/>
      <c r="T231" s="545"/>
      <c r="U231" s="221" t="s">
        <v>1510</v>
      </c>
      <c r="V231" s="546" t="s">
        <v>107</v>
      </c>
      <c r="W231" s="547"/>
      <c r="X231" s="547"/>
      <c r="Y231" s="547"/>
      <c r="Z231" s="548"/>
      <c r="AA231" s="623" t="s">
        <v>108</v>
      </c>
      <c r="AB231" s="624"/>
      <c r="AC231" s="625"/>
      <c r="AD231" s="415">
        <v>4</v>
      </c>
      <c r="AE231" s="415">
        <v>0</v>
      </c>
      <c r="AF231" s="646"/>
      <c r="AG231" s="647"/>
      <c r="AH231" s="549"/>
      <c r="AI231" s="550"/>
      <c r="AJ231" s="551"/>
      <c r="AK231" s="265"/>
      <c r="AL231" s="37"/>
      <c r="AM231" s="54"/>
      <c r="AN231" s="13" t="str">
        <f t="shared" si="7"/>
        <v>■</v>
      </c>
    </row>
    <row r="232" spans="1:40" s="13" customFormat="1">
      <c r="A232" s="20"/>
      <c r="B232" s="20"/>
      <c r="C232" s="541">
        <v>65</v>
      </c>
      <c r="D232" s="542"/>
      <c r="E232" s="543" t="s">
        <v>1511</v>
      </c>
      <c r="F232" s="544"/>
      <c r="G232" s="544"/>
      <c r="H232" s="544"/>
      <c r="I232" s="544"/>
      <c r="J232" s="544"/>
      <c r="K232" s="544"/>
      <c r="L232" s="544"/>
      <c r="M232" s="544"/>
      <c r="N232" s="544"/>
      <c r="O232" s="544"/>
      <c r="P232" s="544"/>
      <c r="Q232" s="544"/>
      <c r="R232" s="544"/>
      <c r="S232" s="544"/>
      <c r="T232" s="545"/>
      <c r="U232" s="221" t="s">
        <v>1512</v>
      </c>
      <c r="V232" s="546" t="s">
        <v>101</v>
      </c>
      <c r="W232" s="547"/>
      <c r="X232" s="547"/>
      <c r="Y232" s="547"/>
      <c r="Z232" s="548"/>
      <c r="AA232" s="623" t="s">
        <v>102</v>
      </c>
      <c r="AB232" s="624"/>
      <c r="AC232" s="625"/>
      <c r="AD232" s="415">
        <v>1</v>
      </c>
      <c r="AE232" s="415" t="s">
        <v>103</v>
      </c>
      <c r="AF232" s="646"/>
      <c r="AG232" s="647"/>
      <c r="AH232" s="549"/>
      <c r="AI232" s="550"/>
      <c r="AJ232" s="551"/>
      <c r="AK232" s="265"/>
      <c r="AL232" s="37"/>
      <c r="AM232" s="54"/>
      <c r="AN232" s="13" t="str">
        <f t="shared" si="7"/>
        <v>■</v>
      </c>
    </row>
    <row r="233" spans="1:40" s="13" customFormat="1">
      <c r="A233" s="20"/>
      <c r="B233" s="20"/>
      <c r="C233" s="541">
        <v>66</v>
      </c>
      <c r="D233" s="542"/>
      <c r="E233" s="543" t="s">
        <v>1513</v>
      </c>
      <c r="F233" s="544"/>
      <c r="G233" s="544"/>
      <c r="H233" s="544"/>
      <c r="I233" s="544"/>
      <c r="J233" s="544"/>
      <c r="K233" s="544"/>
      <c r="L233" s="544"/>
      <c r="M233" s="544"/>
      <c r="N233" s="544"/>
      <c r="O233" s="544"/>
      <c r="P233" s="544"/>
      <c r="Q233" s="544"/>
      <c r="R233" s="544"/>
      <c r="S233" s="544"/>
      <c r="T233" s="545"/>
      <c r="U233" s="221" t="s">
        <v>1514</v>
      </c>
      <c r="V233" s="546" t="s">
        <v>107</v>
      </c>
      <c r="W233" s="547"/>
      <c r="X233" s="547"/>
      <c r="Y233" s="547"/>
      <c r="Z233" s="548"/>
      <c r="AA233" s="623" t="s">
        <v>102</v>
      </c>
      <c r="AB233" s="624"/>
      <c r="AC233" s="625"/>
      <c r="AD233" s="415">
        <v>1</v>
      </c>
      <c r="AE233" s="415" t="s">
        <v>103</v>
      </c>
      <c r="AF233" s="646"/>
      <c r="AG233" s="647"/>
      <c r="AH233" s="549"/>
      <c r="AI233" s="550"/>
      <c r="AJ233" s="551"/>
      <c r="AK233" s="265"/>
      <c r="AL233" s="37"/>
      <c r="AM233" s="54"/>
      <c r="AN233" s="13" t="str">
        <f t="shared" si="7"/>
        <v>■</v>
      </c>
    </row>
    <row r="234" spans="1:40" s="13" customFormat="1">
      <c r="A234" s="20"/>
      <c r="B234" s="20"/>
      <c r="C234" s="541">
        <v>67</v>
      </c>
      <c r="D234" s="542"/>
      <c r="E234" s="543" t="s">
        <v>1515</v>
      </c>
      <c r="F234" s="544"/>
      <c r="G234" s="544"/>
      <c r="H234" s="544"/>
      <c r="I234" s="544"/>
      <c r="J234" s="544"/>
      <c r="K234" s="544"/>
      <c r="L234" s="544"/>
      <c r="M234" s="544"/>
      <c r="N234" s="544"/>
      <c r="O234" s="544"/>
      <c r="P234" s="544"/>
      <c r="Q234" s="544"/>
      <c r="R234" s="544"/>
      <c r="S234" s="544"/>
      <c r="T234" s="545"/>
      <c r="U234" s="221" t="s">
        <v>1516</v>
      </c>
      <c r="V234" s="546" t="s">
        <v>107</v>
      </c>
      <c r="W234" s="547"/>
      <c r="X234" s="547"/>
      <c r="Y234" s="547"/>
      <c r="Z234" s="548"/>
      <c r="AA234" s="623" t="s">
        <v>102</v>
      </c>
      <c r="AB234" s="624"/>
      <c r="AC234" s="625"/>
      <c r="AD234" s="415">
        <v>2</v>
      </c>
      <c r="AE234" s="415" t="s">
        <v>103</v>
      </c>
      <c r="AF234" s="646"/>
      <c r="AG234" s="647"/>
      <c r="AH234" s="549"/>
      <c r="AI234" s="550"/>
      <c r="AJ234" s="551"/>
      <c r="AK234" s="265"/>
      <c r="AL234" s="37"/>
      <c r="AM234" s="54"/>
      <c r="AN234" s="13" t="str">
        <f t="shared" si="7"/>
        <v>■</v>
      </c>
    </row>
    <row r="235" spans="1:40" s="13" customFormat="1">
      <c r="A235" s="20"/>
      <c r="B235" s="20"/>
      <c r="C235" s="541">
        <v>68</v>
      </c>
      <c r="D235" s="542"/>
      <c r="E235" s="543" t="s">
        <v>1517</v>
      </c>
      <c r="F235" s="544"/>
      <c r="G235" s="544"/>
      <c r="H235" s="544"/>
      <c r="I235" s="544"/>
      <c r="J235" s="544"/>
      <c r="K235" s="544"/>
      <c r="L235" s="544"/>
      <c r="M235" s="544"/>
      <c r="N235" s="544"/>
      <c r="O235" s="544"/>
      <c r="P235" s="544"/>
      <c r="Q235" s="544"/>
      <c r="R235" s="544"/>
      <c r="S235" s="544"/>
      <c r="T235" s="545"/>
      <c r="U235" s="221" t="s">
        <v>1518</v>
      </c>
      <c r="V235" s="546" t="s">
        <v>107</v>
      </c>
      <c r="W235" s="547"/>
      <c r="X235" s="547"/>
      <c r="Y235" s="547"/>
      <c r="Z235" s="548"/>
      <c r="AA235" s="623" t="s">
        <v>102</v>
      </c>
      <c r="AB235" s="624"/>
      <c r="AC235" s="625"/>
      <c r="AD235" s="415">
        <v>9</v>
      </c>
      <c r="AE235" s="415" t="s">
        <v>103</v>
      </c>
      <c r="AF235" s="646"/>
      <c r="AG235" s="647"/>
      <c r="AH235" s="549"/>
      <c r="AI235" s="550"/>
      <c r="AJ235" s="551"/>
      <c r="AK235" s="265"/>
      <c r="AL235" s="37"/>
      <c r="AM235" s="54"/>
      <c r="AN235" s="13" t="str">
        <f t="shared" si="7"/>
        <v>■</v>
      </c>
    </row>
    <row r="236" spans="1:40" s="13" customFormat="1">
      <c r="A236" s="20"/>
      <c r="B236" s="20"/>
      <c r="C236" s="541">
        <v>69</v>
      </c>
      <c r="D236" s="542"/>
      <c r="E236" s="543" t="s">
        <v>1519</v>
      </c>
      <c r="F236" s="544"/>
      <c r="G236" s="544"/>
      <c r="H236" s="544"/>
      <c r="I236" s="544"/>
      <c r="J236" s="544"/>
      <c r="K236" s="544"/>
      <c r="L236" s="544"/>
      <c r="M236" s="544"/>
      <c r="N236" s="544"/>
      <c r="O236" s="544"/>
      <c r="P236" s="544"/>
      <c r="Q236" s="544"/>
      <c r="R236" s="544"/>
      <c r="S236" s="544"/>
      <c r="T236" s="545"/>
      <c r="U236" s="221" t="s">
        <v>1520</v>
      </c>
      <c r="V236" s="546" t="s">
        <v>107</v>
      </c>
      <c r="W236" s="547"/>
      <c r="X236" s="547"/>
      <c r="Y236" s="547"/>
      <c r="Z236" s="548"/>
      <c r="AA236" s="623" t="s">
        <v>108</v>
      </c>
      <c r="AB236" s="624"/>
      <c r="AC236" s="625"/>
      <c r="AD236" s="415">
        <v>4</v>
      </c>
      <c r="AE236" s="415">
        <v>0</v>
      </c>
      <c r="AF236" s="646"/>
      <c r="AG236" s="647"/>
      <c r="AH236" s="549"/>
      <c r="AI236" s="550"/>
      <c r="AJ236" s="551"/>
      <c r="AK236" s="265"/>
      <c r="AL236" s="37"/>
      <c r="AM236" s="54"/>
      <c r="AN236" s="13" t="str">
        <f t="shared" si="7"/>
        <v>■</v>
      </c>
    </row>
    <row r="237" spans="1:40" s="13" customFormat="1">
      <c r="A237" s="20"/>
      <c r="B237" s="20"/>
      <c r="C237" s="541">
        <v>70</v>
      </c>
      <c r="D237" s="542"/>
      <c r="E237" s="543" t="s">
        <v>1521</v>
      </c>
      <c r="F237" s="544"/>
      <c r="G237" s="544"/>
      <c r="H237" s="544"/>
      <c r="I237" s="544"/>
      <c r="J237" s="544"/>
      <c r="K237" s="544"/>
      <c r="L237" s="544"/>
      <c r="M237" s="544"/>
      <c r="N237" s="544"/>
      <c r="O237" s="544"/>
      <c r="P237" s="544"/>
      <c r="Q237" s="544"/>
      <c r="R237" s="544"/>
      <c r="S237" s="544"/>
      <c r="T237" s="545"/>
      <c r="U237" s="221" t="s">
        <v>1522</v>
      </c>
      <c r="V237" s="546" t="s">
        <v>101</v>
      </c>
      <c r="W237" s="547"/>
      <c r="X237" s="547"/>
      <c r="Y237" s="547"/>
      <c r="Z237" s="548"/>
      <c r="AA237" s="623" t="s">
        <v>102</v>
      </c>
      <c r="AB237" s="624"/>
      <c r="AC237" s="625"/>
      <c r="AD237" s="415">
        <v>1</v>
      </c>
      <c r="AE237" s="415" t="s">
        <v>103</v>
      </c>
      <c r="AF237" s="646"/>
      <c r="AG237" s="647"/>
      <c r="AH237" s="549"/>
      <c r="AI237" s="550"/>
      <c r="AJ237" s="551"/>
      <c r="AK237" s="265"/>
      <c r="AL237" s="37"/>
      <c r="AM237" s="54"/>
      <c r="AN237" s="13" t="str">
        <f t="shared" si="7"/>
        <v>■</v>
      </c>
    </row>
    <row r="238" spans="1:40" s="13" customFormat="1">
      <c r="A238" s="20"/>
      <c r="B238" s="20"/>
      <c r="C238" s="541">
        <v>71</v>
      </c>
      <c r="D238" s="542"/>
      <c r="E238" s="543" t="s">
        <v>1523</v>
      </c>
      <c r="F238" s="544"/>
      <c r="G238" s="544"/>
      <c r="H238" s="544"/>
      <c r="I238" s="544"/>
      <c r="J238" s="544"/>
      <c r="K238" s="544"/>
      <c r="L238" s="544"/>
      <c r="M238" s="544"/>
      <c r="N238" s="544"/>
      <c r="O238" s="544"/>
      <c r="P238" s="544"/>
      <c r="Q238" s="544"/>
      <c r="R238" s="544"/>
      <c r="S238" s="544"/>
      <c r="T238" s="545"/>
      <c r="U238" s="221" t="s">
        <v>1524</v>
      </c>
      <c r="V238" s="546" t="s">
        <v>107</v>
      </c>
      <c r="W238" s="547"/>
      <c r="X238" s="547"/>
      <c r="Y238" s="547"/>
      <c r="Z238" s="548"/>
      <c r="AA238" s="623" t="s">
        <v>102</v>
      </c>
      <c r="AB238" s="624"/>
      <c r="AC238" s="625"/>
      <c r="AD238" s="415">
        <v>9</v>
      </c>
      <c r="AE238" s="415" t="s">
        <v>103</v>
      </c>
      <c r="AF238" s="646"/>
      <c r="AG238" s="647"/>
      <c r="AH238" s="549"/>
      <c r="AI238" s="550"/>
      <c r="AJ238" s="551"/>
      <c r="AK238" s="265"/>
      <c r="AL238" s="37"/>
      <c r="AM238" s="54"/>
      <c r="AN238" s="13" t="str">
        <f t="shared" si="7"/>
        <v>■</v>
      </c>
    </row>
    <row r="239" spans="1:40" s="13" customFormat="1">
      <c r="A239" s="20"/>
      <c r="B239" s="20"/>
      <c r="C239" s="541">
        <v>72</v>
      </c>
      <c r="D239" s="542"/>
      <c r="E239" s="543" t="s">
        <v>1525</v>
      </c>
      <c r="F239" s="544"/>
      <c r="G239" s="544"/>
      <c r="H239" s="544"/>
      <c r="I239" s="544"/>
      <c r="J239" s="544"/>
      <c r="K239" s="544"/>
      <c r="L239" s="544"/>
      <c r="M239" s="544"/>
      <c r="N239" s="544"/>
      <c r="O239" s="544"/>
      <c r="P239" s="544"/>
      <c r="Q239" s="544"/>
      <c r="R239" s="544"/>
      <c r="S239" s="544"/>
      <c r="T239" s="545"/>
      <c r="U239" s="221" t="s">
        <v>1526</v>
      </c>
      <c r="V239" s="546" t="s">
        <v>107</v>
      </c>
      <c r="W239" s="547"/>
      <c r="X239" s="547"/>
      <c r="Y239" s="547"/>
      <c r="Z239" s="548"/>
      <c r="AA239" s="623" t="s">
        <v>108</v>
      </c>
      <c r="AB239" s="624"/>
      <c r="AC239" s="625"/>
      <c r="AD239" s="415">
        <v>4</v>
      </c>
      <c r="AE239" s="415">
        <v>0</v>
      </c>
      <c r="AF239" s="646"/>
      <c r="AG239" s="647"/>
      <c r="AH239" s="549"/>
      <c r="AI239" s="550"/>
      <c r="AJ239" s="551"/>
      <c r="AK239" s="265"/>
      <c r="AL239" s="37"/>
      <c r="AM239" s="54"/>
      <c r="AN239" s="13" t="str">
        <f t="shared" si="7"/>
        <v>■</v>
      </c>
    </row>
    <row r="240" spans="1:40" ht="13.4" customHeight="1">
      <c r="A240" s="20"/>
      <c r="B240" s="25"/>
      <c r="V240" s="238"/>
      <c r="W240" s="238"/>
      <c r="X240" s="238"/>
      <c r="Y240" s="238"/>
      <c r="Z240" s="238"/>
      <c r="AA240" s="629"/>
      <c r="AB240" s="629"/>
      <c r="AC240" s="629"/>
      <c r="AD240" s="238"/>
      <c r="AE240" s="238"/>
      <c r="AF240" s="238"/>
      <c r="AG240" s="238"/>
      <c r="AH240" s="238"/>
      <c r="AI240" s="238"/>
      <c r="AJ240" s="238"/>
      <c r="AK240" s="55"/>
      <c r="AL240" s="37"/>
      <c r="AM240" s="16"/>
    </row>
    <row r="241" spans="1:40" s="1" customFormat="1" ht="13.4" customHeight="1">
      <c r="A241" s="20"/>
      <c r="B241" s="20"/>
      <c r="C241" s="52" t="s">
        <v>380</v>
      </c>
      <c r="D241" s="53"/>
      <c r="E241" s="26"/>
      <c r="F241" s="26"/>
      <c r="G241" s="26"/>
      <c r="H241" s="26"/>
      <c r="I241" s="26"/>
      <c r="J241" s="26" t="s">
        <v>704</v>
      </c>
      <c r="K241" s="71"/>
      <c r="L241" s="26"/>
      <c r="M241" s="71"/>
      <c r="N241" s="26"/>
      <c r="O241" s="26"/>
      <c r="P241" s="26"/>
      <c r="Q241" s="26"/>
      <c r="R241" s="26"/>
      <c r="S241" s="26"/>
      <c r="T241" s="26"/>
      <c r="U241" s="26" t="s">
        <v>1527</v>
      </c>
      <c r="V241" s="122"/>
      <c r="W241" s="122"/>
      <c r="X241" s="122"/>
      <c r="Y241" s="122"/>
      <c r="Z241" s="122"/>
      <c r="AA241" s="630"/>
      <c r="AB241" s="630"/>
      <c r="AC241" s="630"/>
      <c r="AD241" s="122"/>
      <c r="AE241" s="122"/>
      <c r="AF241" s="122"/>
      <c r="AG241" s="122"/>
      <c r="AH241" s="122"/>
      <c r="AI241" s="122"/>
      <c r="AJ241" s="122"/>
      <c r="AK241" s="26"/>
      <c r="AL241" s="38"/>
      <c r="AM241" s="26"/>
    </row>
    <row r="242" spans="1:40" ht="13.5" customHeight="1">
      <c r="A242" s="20"/>
      <c r="B242" s="51"/>
      <c r="C242" s="583" t="s">
        <v>73</v>
      </c>
      <c r="D242" s="573"/>
      <c r="E242" s="583" t="s">
        <v>94</v>
      </c>
      <c r="F242" s="583"/>
      <c r="G242" s="583"/>
      <c r="H242" s="583"/>
      <c r="I242" s="583"/>
      <c r="J242" s="583"/>
      <c r="K242" s="583"/>
      <c r="L242" s="583"/>
      <c r="M242" s="583"/>
      <c r="N242" s="583"/>
      <c r="O242" s="583"/>
      <c r="P242" s="583"/>
      <c r="Q242" s="583"/>
      <c r="R242" s="583"/>
      <c r="S242" s="583"/>
      <c r="T242" s="583"/>
      <c r="U242" s="226" t="s">
        <v>383</v>
      </c>
      <c r="V242" s="572" t="s">
        <v>138</v>
      </c>
      <c r="W242" s="572"/>
      <c r="X242" s="572"/>
      <c r="Y242" s="572"/>
      <c r="Z242" s="572"/>
      <c r="AA242" s="598" t="s">
        <v>959</v>
      </c>
      <c r="AB242" s="599"/>
      <c r="AC242" s="600"/>
      <c r="AD242" s="572" t="s">
        <v>97</v>
      </c>
      <c r="AE242" s="572"/>
      <c r="AF242" s="572" t="s">
        <v>98</v>
      </c>
      <c r="AG242" s="572"/>
      <c r="AH242" s="583" t="s">
        <v>75</v>
      </c>
      <c r="AI242" s="583"/>
      <c r="AJ242" s="583"/>
      <c r="AK242" s="581" t="s">
        <v>159</v>
      </c>
      <c r="AL242" s="38"/>
      <c r="AM242" s="16"/>
    </row>
    <row r="243" spans="1:40" ht="13.4" customHeight="1">
      <c r="A243" s="20"/>
      <c r="B243" s="51"/>
      <c r="C243" s="573"/>
      <c r="D243" s="573"/>
      <c r="E243" s="583"/>
      <c r="F243" s="583"/>
      <c r="G243" s="583"/>
      <c r="H243" s="583"/>
      <c r="I243" s="583"/>
      <c r="J243" s="583"/>
      <c r="K243" s="583"/>
      <c r="L243" s="583"/>
      <c r="M243" s="583"/>
      <c r="N243" s="583"/>
      <c r="O243" s="583"/>
      <c r="P243" s="583"/>
      <c r="Q243" s="583"/>
      <c r="R243" s="583"/>
      <c r="S243" s="583"/>
      <c r="T243" s="583"/>
      <c r="U243" s="227"/>
      <c r="V243" s="572"/>
      <c r="W243" s="572"/>
      <c r="X243" s="572"/>
      <c r="Y243" s="572"/>
      <c r="Z243" s="572"/>
      <c r="AA243" s="601"/>
      <c r="AB243" s="602"/>
      <c r="AC243" s="603"/>
      <c r="AD243" s="572"/>
      <c r="AE243" s="572"/>
      <c r="AF243" s="572"/>
      <c r="AG243" s="572"/>
      <c r="AH243" s="583"/>
      <c r="AI243" s="583"/>
      <c r="AJ243" s="583"/>
      <c r="AK243" s="582"/>
      <c r="AL243" s="38"/>
      <c r="AM243" s="16"/>
    </row>
    <row r="244" spans="1:40" s="13" customFormat="1" ht="13.4" customHeight="1">
      <c r="A244" s="20"/>
      <c r="B244" s="20"/>
      <c r="C244" s="541">
        <v>1</v>
      </c>
      <c r="D244" s="542"/>
      <c r="E244" s="563" t="s">
        <v>440</v>
      </c>
      <c r="F244" s="564"/>
      <c r="G244" s="564"/>
      <c r="H244" s="564"/>
      <c r="I244" s="564"/>
      <c r="J244" s="564"/>
      <c r="K244" s="564"/>
      <c r="L244" s="564"/>
      <c r="M244" s="564"/>
      <c r="N244" s="564"/>
      <c r="O244" s="564"/>
      <c r="P244" s="564"/>
      <c r="Q244" s="564"/>
      <c r="R244" s="564"/>
      <c r="S244" s="564"/>
      <c r="T244" s="565"/>
      <c r="U244" s="219" t="s">
        <v>441</v>
      </c>
      <c r="V244" s="546" t="s">
        <v>101</v>
      </c>
      <c r="W244" s="547"/>
      <c r="X244" s="547"/>
      <c r="Y244" s="547"/>
      <c r="Z244" s="548"/>
      <c r="AA244" s="623" t="s">
        <v>102</v>
      </c>
      <c r="AB244" s="624"/>
      <c r="AC244" s="625"/>
      <c r="AD244" s="415">
        <v>10</v>
      </c>
      <c r="AE244" s="415" t="s">
        <v>103</v>
      </c>
      <c r="AF244" s="646"/>
      <c r="AG244" s="647"/>
      <c r="AH244" s="549"/>
      <c r="AI244" s="550"/>
      <c r="AJ244" s="551"/>
      <c r="AK244" s="351"/>
      <c r="AL244" s="38"/>
      <c r="AM244" s="54"/>
      <c r="AN244" s="13" t="str">
        <f>$M$20</f>
        <v>■</v>
      </c>
    </row>
    <row r="245" spans="1:40" s="13" customFormat="1" ht="13.4" customHeight="1">
      <c r="A245" s="20"/>
      <c r="B245" s="20"/>
      <c r="C245" s="541">
        <v>2</v>
      </c>
      <c r="D245" s="542"/>
      <c r="E245" s="563" t="s">
        <v>442</v>
      </c>
      <c r="F245" s="564"/>
      <c r="G245" s="564"/>
      <c r="H245" s="564"/>
      <c r="I245" s="564"/>
      <c r="J245" s="564"/>
      <c r="K245" s="564"/>
      <c r="L245" s="564"/>
      <c r="M245" s="564"/>
      <c r="N245" s="564"/>
      <c r="O245" s="564"/>
      <c r="P245" s="564"/>
      <c r="Q245" s="564"/>
      <c r="R245" s="564"/>
      <c r="S245" s="564"/>
      <c r="T245" s="565"/>
      <c r="U245" s="219" t="s">
        <v>443</v>
      </c>
      <c r="V245" s="546" t="s">
        <v>101</v>
      </c>
      <c r="W245" s="547"/>
      <c r="X245" s="547"/>
      <c r="Y245" s="547"/>
      <c r="Z245" s="548"/>
      <c r="AA245" s="623" t="s">
        <v>102</v>
      </c>
      <c r="AB245" s="624"/>
      <c r="AC245" s="625"/>
      <c r="AD245" s="415">
        <v>51</v>
      </c>
      <c r="AE245" s="415" t="s">
        <v>103</v>
      </c>
      <c r="AF245" s="646"/>
      <c r="AG245" s="647"/>
      <c r="AH245" s="549"/>
      <c r="AI245" s="550"/>
      <c r="AJ245" s="551"/>
      <c r="AK245" s="351"/>
      <c r="AL245" s="38"/>
      <c r="AM245" s="54"/>
      <c r="AN245" s="13" t="str">
        <f t="shared" ref="AN245:AN261" si="8">$M$20</f>
        <v>■</v>
      </c>
    </row>
    <row r="246" spans="1:40" s="13" customFormat="1" ht="13.4" customHeight="1">
      <c r="A246" s="20"/>
      <c r="B246" s="20"/>
      <c r="C246" s="552">
        <v>3</v>
      </c>
      <c r="D246" s="553"/>
      <c r="E246" s="566" t="s">
        <v>106</v>
      </c>
      <c r="F246" s="567"/>
      <c r="G246" s="567"/>
      <c r="H246" s="567"/>
      <c r="I246" s="567"/>
      <c r="J246" s="567"/>
      <c r="K246" s="567"/>
      <c r="L246" s="567"/>
      <c r="M246" s="567"/>
      <c r="N246" s="567"/>
      <c r="O246" s="567"/>
      <c r="P246" s="567"/>
      <c r="Q246" s="567"/>
      <c r="R246" s="567"/>
      <c r="S246" s="567"/>
      <c r="T246" s="568"/>
      <c r="U246" s="220" t="s">
        <v>444</v>
      </c>
      <c r="V246" s="557" t="s">
        <v>107</v>
      </c>
      <c r="W246" s="558"/>
      <c r="X246" s="558"/>
      <c r="Y246" s="558"/>
      <c r="Z246" s="559"/>
      <c r="AA246" s="626" t="s">
        <v>108</v>
      </c>
      <c r="AB246" s="627"/>
      <c r="AC246" s="628"/>
      <c r="AD246" s="419">
        <v>1</v>
      </c>
      <c r="AE246" s="419">
        <v>0</v>
      </c>
      <c r="AF246" s="569" t="s">
        <v>109</v>
      </c>
      <c r="AG246" s="570"/>
      <c r="AH246" s="560"/>
      <c r="AI246" s="561"/>
      <c r="AJ246" s="562"/>
      <c r="AK246" s="346" t="s">
        <v>391</v>
      </c>
      <c r="AL246" s="38"/>
      <c r="AM246" s="54"/>
      <c r="AN246" s="13" t="str">
        <f t="shared" si="8"/>
        <v>■</v>
      </c>
    </row>
    <row r="247" spans="1:40" s="13" customFormat="1" ht="13.4" customHeight="1">
      <c r="A247" s="20"/>
      <c r="B247" s="20"/>
      <c r="C247" s="541">
        <v>4</v>
      </c>
      <c r="D247" s="542"/>
      <c r="E247" s="563" t="s">
        <v>110</v>
      </c>
      <c r="F247" s="564"/>
      <c r="G247" s="564"/>
      <c r="H247" s="564"/>
      <c r="I247" s="564"/>
      <c r="J247" s="564"/>
      <c r="K247" s="564"/>
      <c r="L247" s="564"/>
      <c r="M247" s="564"/>
      <c r="N247" s="564"/>
      <c r="O247" s="564"/>
      <c r="P247" s="564"/>
      <c r="Q247" s="564"/>
      <c r="R247" s="564"/>
      <c r="S247" s="564"/>
      <c r="T247" s="565"/>
      <c r="U247" s="221" t="s">
        <v>445</v>
      </c>
      <c r="V247" s="546" t="s">
        <v>107</v>
      </c>
      <c r="W247" s="547"/>
      <c r="X247" s="547"/>
      <c r="Y247" s="547"/>
      <c r="Z247" s="548"/>
      <c r="AA247" s="623" t="s">
        <v>108</v>
      </c>
      <c r="AB247" s="624"/>
      <c r="AC247" s="625"/>
      <c r="AD247" s="415">
        <v>1</v>
      </c>
      <c r="AE247" s="415">
        <v>0</v>
      </c>
      <c r="AF247" s="646"/>
      <c r="AG247" s="647"/>
      <c r="AH247" s="549"/>
      <c r="AI247" s="550"/>
      <c r="AJ247" s="551"/>
      <c r="AK247" s="265"/>
      <c r="AL247" s="38"/>
      <c r="AM247" s="54"/>
      <c r="AN247" s="13" t="str">
        <f t="shared" si="8"/>
        <v>■</v>
      </c>
    </row>
    <row r="248" spans="1:40" s="13" customFormat="1" ht="13.4" customHeight="1">
      <c r="A248" s="20"/>
      <c r="B248" s="20"/>
      <c r="C248" s="541">
        <v>5</v>
      </c>
      <c r="D248" s="542"/>
      <c r="E248" s="543" t="s">
        <v>80</v>
      </c>
      <c r="F248" s="544"/>
      <c r="G248" s="544"/>
      <c r="H248" s="544"/>
      <c r="I248" s="544"/>
      <c r="J248" s="544"/>
      <c r="K248" s="544"/>
      <c r="L248" s="544"/>
      <c r="M248" s="544"/>
      <c r="N248" s="544"/>
      <c r="O248" s="544"/>
      <c r="P248" s="544"/>
      <c r="Q248" s="544"/>
      <c r="R248" s="544"/>
      <c r="S248" s="544"/>
      <c r="T248" s="545"/>
      <c r="U248" s="221" t="s">
        <v>446</v>
      </c>
      <c r="V248" s="546" t="s">
        <v>101</v>
      </c>
      <c r="W248" s="547"/>
      <c r="X248" s="547"/>
      <c r="Y248" s="547"/>
      <c r="Z248" s="548"/>
      <c r="AA248" s="623" t="s">
        <v>102</v>
      </c>
      <c r="AB248" s="624"/>
      <c r="AC248" s="625"/>
      <c r="AD248" s="415">
        <v>2</v>
      </c>
      <c r="AE248" s="415" t="s">
        <v>103</v>
      </c>
      <c r="AF248" s="646"/>
      <c r="AG248" s="647"/>
      <c r="AH248" s="549"/>
      <c r="AI248" s="550"/>
      <c r="AJ248" s="551"/>
      <c r="AK248" s="265"/>
      <c r="AL248" s="38"/>
      <c r="AM248" s="54"/>
      <c r="AN248" s="13" t="str">
        <f t="shared" si="8"/>
        <v>■</v>
      </c>
    </row>
    <row r="249" spans="1:40" s="13" customFormat="1" ht="13.4" customHeight="1">
      <c r="A249" s="20"/>
      <c r="B249" s="20"/>
      <c r="C249" s="541">
        <v>6</v>
      </c>
      <c r="D249" s="542"/>
      <c r="E249" s="543" t="s">
        <v>606</v>
      </c>
      <c r="F249" s="544"/>
      <c r="G249" s="544"/>
      <c r="H249" s="544"/>
      <c r="I249" s="544"/>
      <c r="J249" s="544"/>
      <c r="K249" s="544"/>
      <c r="L249" s="544"/>
      <c r="M249" s="544"/>
      <c r="N249" s="544"/>
      <c r="O249" s="544"/>
      <c r="P249" s="544"/>
      <c r="Q249" s="544"/>
      <c r="R249" s="544"/>
      <c r="S249" s="544"/>
      <c r="T249" s="545"/>
      <c r="U249" s="221" t="s">
        <v>607</v>
      </c>
      <c r="V249" s="546" t="s">
        <v>101</v>
      </c>
      <c r="W249" s="547"/>
      <c r="X249" s="547"/>
      <c r="Y249" s="547"/>
      <c r="Z249" s="548"/>
      <c r="AA249" s="623" t="s">
        <v>102</v>
      </c>
      <c r="AB249" s="624"/>
      <c r="AC249" s="625"/>
      <c r="AD249" s="415">
        <v>1</v>
      </c>
      <c r="AE249" s="415" t="s">
        <v>103</v>
      </c>
      <c r="AF249" s="646"/>
      <c r="AG249" s="647"/>
      <c r="AH249" s="549"/>
      <c r="AI249" s="550"/>
      <c r="AJ249" s="551"/>
      <c r="AK249" s="265"/>
      <c r="AL249" s="38"/>
      <c r="AM249" s="54"/>
      <c r="AN249" s="13" t="str">
        <f t="shared" si="8"/>
        <v>■</v>
      </c>
    </row>
    <row r="250" spans="1:40" s="13" customFormat="1" ht="13.4" customHeight="1">
      <c r="A250" s="20"/>
      <c r="B250" s="20"/>
      <c r="C250" s="541">
        <v>7</v>
      </c>
      <c r="D250" s="542"/>
      <c r="E250" s="543" t="s">
        <v>706</v>
      </c>
      <c r="F250" s="544"/>
      <c r="G250" s="544"/>
      <c r="H250" s="544"/>
      <c r="I250" s="544"/>
      <c r="J250" s="544"/>
      <c r="K250" s="544"/>
      <c r="L250" s="544"/>
      <c r="M250" s="544"/>
      <c r="N250" s="544"/>
      <c r="O250" s="544"/>
      <c r="P250" s="544"/>
      <c r="Q250" s="544"/>
      <c r="R250" s="544"/>
      <c r="S250" s="544"/>
      <c r="T250" s="545"/>
      <c r="U250" s="221" t="s">
        <v>707</v>
      </c>
      <c r="V250" s="546" t="s">
        <v>107</v>
      </c>
      <c r="W250" s="547"/>
      <c r="X250" s="547"/>
      <c r="Y250" s="547"/>
      <c r="Z250" s="548"/>
      <c r="AA250" s="623" t="s">
        <v>102</v>
      </c>
      <c r="AB250" s="624"/>
      <c r="AC250" s="625"/>
      <c r="AD250" s="415">
        <v>9</v>
      </c>
      <c r="AE250" s="415" t="s">
        <v>103</v>
      </c>
      <c r="AF250" s="646"/>
      <c r="AG250" s="647"/>
      <c r="AH250" s="549"/>
      <c r="AI250" s="550"/>
      <c r="AJ250" s="551"/>
      <c r="AK250" s="265"/>
      <c r="AL250" s="38"/>
      <c r="AM250" s="54"/>
      <c r="AN250" s="13" t="str">
        <f t="shared" si="8"/>
        <v>■</v>
      </c>
    </row>
    <row r="251" spans="1:40" s="13" customFormat="1" ht="13.4" customHeight="1">
      <c r="A251" s="20"/>
      <c r="B251" s="20"/>
      <c r="C251" s="541">
        <v>8</v>
      </c>
      <c r="D251" s="542"/>
      <c r="E251" s="543" t="s">
        <v>708</v>
      </c>
      <c r="F251" s="544"/>
      <c r="G251" s="544"/>
      <c r="H251" s="544"/>
      <c r="I251" s="544"/>
      <c r="J251" s="544"/>
      <c r="K251" s="544"/>
      <c r="L251" s="544"/>
      <c r="M251" s="544"/>
      <c r="N251" s="544"/>
      <c r="O251" s="544"/>
      <c r="P251" s="544"/>
      <c r="Q251" s="544"/>
      <c r="R251" s="544"/>
      <c r="S251" s="544"/>
      <c r="T251" s="545"/>
      <c r="U251" s="221" t="s">
        <v>709</v>
      </c>
      <c r="V251" s="546" t="s">
        <v>107</v>
      </c>
      <c r="W251" s="547"/>
      <c r="X251" s="547"/>
      <c r="Y251" s="547"/>
      <c r="Z251" s="548"/>
      <c r="AA251" s="623" t="s">
        <v>710</v>
      </c>
      <c r="AB251" s="624"/>
      <c r="AC251" s="625"/>
      <c r="AD251" s="415">
        <v>5</v>
      </c>
      <c r="AE251" s="415">
        <v>5</v>
      </c>
      <c r="AF251" s="646"/>
      <c r="AG251" s="647"/>
      <c r="AH251" s="549"/>
      <c r="AI251" s="550"/>
      <c r="AJ251" s="551"/>
      <c r="AK251" s="265"/>
      <c r="AL251" s="38"/>
      <c r="AM251" s="54"/>
      <c r="AN251" s="13" t="str">
        <f t="shared" si="8"/>
        <v>■</v>
      </c>
    </row>
    <row r="252" spans="1:40" s="13" customFormat="1" ht="13.4" customHeight="1">
      <c r="A252" s="20"/>
      <c r="B252" s="20"/>
      <c r="C252" s="552">
        <v>9</v>
      </c>
      <c r="D252" s="553"/>
      <c r="E252" s="554" t="s">
        <v>400</v>
      </c>
      <c r="F252" s="555"/>
      <c r="G252" s="555"/>
      <c r="H252" s="555"/>
      <c r="I252" s="555"/>
      <c r="J252" s="555"/>
      <c r="K252" s="555"/>
      <c r="L252" s="555"/>
      <c r="M252" s="555"/>
      <c r="N252" s="555"/>
      <c r="O252" s="555"/>
      <c r="P252" s="555"/>
      <c r="Q252" s="555"/>
      <c r="R252" s="555"/>
      <c r="S252" s="555"/>
      <c r="T252" s="556"/>
      <c r="U252" s="259" t="s">
        <v>474</v>
      </c>
      <c r="V252" s="557" t="s">
        <v>107</v>
      </c>
      <c r="W252" s="558"/>
      <c r="X252" s="558"/>
      <c r="Y252" s="558"/>
      <c r="Z252" s="559"/>
      <c r="AA252" s="626" t="s">
        <v>108</v>
      </c>
      <c r="AB252" s="627"/>
      <c r="AC252" s="628"/>
      <c r="AD252" s="419">
        <v>7</v>
      </c>
      <c r="AE252" s="419">
        <v>0</v>
      </c>
      <c r="AF252" s="569" t="s">
        <v>109</v>
      </c>
      <c r="AG252" s="570"/>
      <c r="AH252" s="560"/>
      <c r="AI252" s="561"/>
      <c r="AJ252" s="562"/>
      <c r="AK252" s="333" t="s">
        <v>399</v>
      </c>
      <c r="AL252" s="38"/>
      <c r="AM252" s="54"/>
      <c r="AN252" s="13" t="str">
        <f t="shared" si="8"/>
        <v>■</v>
      </c>
    </row>
    <row r="253" spans="1:40" s="13" customFormat="1" ht="13.4" customHeight="1">
      <c r="A253" s="20"/>
      <c r="B253" s="20"/>
      <c r="C253" s="552">
        <v>10</v>
      </c>
      <c r="D253" s="553"/>
      <c r="E253" s="554" t="s">
        <v>402</v>
      </c>
      <c r="F253" s="555"/>
      <c r="G253" s="555"/>
      <c r="H253" s="555"/>
      <c r="I253" s="555"/>
      <c r="J253" s="555"/>
      <c r="K253" s="555"/>
      <c r="L253" s="555"/>
      <c r="M253" s="555"/>
      <c r="N253" s="555"/>
      <c r="O253" s="555"/>
      <c r="P253" s="555"/>
      <c r="Q253" s="555"/>
      <c r="R253" s="555"/>
      <c r="S253" s="555"/>
      <c r="T253" s="556"/>
      <c r="U253" s="259" t="s">
        <v>475</v>
      </c>
      <c r="V253" s="557" t="s">
        <v>107</v>
      </c>
      <c r="W253" s="558"/>
      <c r="X253" s="558"/>
      <c r="Y253" s="558"/>
      <c r="Z253" s="559"/>
      <c r="AA253" s="626" t="s">
        <v>108</v>
      </c>
      <c r="AB253" s="627"/>
      <c r="AC253" s="628"/>
      <c r="AD253" s="419">
        <v>1</v>
      </c>
      <c r="AE253" s="419">
        <v>0</v>
      </c>
      <c r="AF253" s="569" t="s">
        <v>109</v>
      </c>
      <c r="AG253" s="570"/>
      <c r="AH253" s="560"/>
      <c r="AI253" s="561"/>
      <c r="AJ253" s="562"/>
      <c r="AK253" s="333" t="s">
        <v>399</v>
      </c>
      <c r="AL253" s="38"/>
      <c r="AM253" s="54"/>
      <c r="AN253" s="13" t="str">
        <f t="shared" si="8"/>
        <v>■</v>
      </c>
    </row>
    <row r="254" spans="1:40" s="13" customFormat="1" ht="13.4" customHeight="1">
      <c r="A254" s="20"/>
      <c r="B254" s="20"/>
      <c r="C254" s="541">
        <v>11</v>
      </c>
      <c r="D254" s="542"/>
      <c r="E254" s="543" t="s">
        <v>1528</v>
      </c>
      <c r="F254" s="544"/>
      <c r="G254" s="544"/>
      <c r="H254" s="544"/>
      <c r="I254" s="544"/>
      <c r="J254" s="544"/>
      <c r="K254" s="544"/>
      <c r="L254" s="544"/>
      <c r="M254" s="544"/>
      <c r="N254" s="544"/>
      <c r="O254" s="544"/>
      <c r="P254" s="544"/>
      <c r="Q254" s="544"/>
      <c r="R254" s="544"/>
      <c r="S254" s="544"/>
      <c r="T254" s="545"/>
      <c r="U254" s="221" t="s">
        <v>1529</v>
      </c>
      <c r="V254" s="546" t="s">
        <v>107</v>
      </c>
      <c r="W254" s="547"/>
      <c r="X254" s="547"/>
      <c r="Y254" s="547"/>
      <c r="Z254" s="548"/>
      <c r="AA254" s="623" t="s">
        <v>108</v>
      </c>
      <c r="AB254" s="624"/>
      <c r="AC254" s="625"/>
      <c r="AD254" s="415">
        <v>1</v>
      </c>
      <c r="AE254" s="415">
        <v>0</v>
      </c>
      <c r="AF254" s="646"/>
      <c r="AG254" s="647"/>
      <c r="AH254" s="549"/>
      <c r="AI254" s="550"/>
      <c r="AJ254" s="551"/>
      <c r="AK254" s="265"/>
      <c r="AL254" s="38"/>
      <c r="AM254" s="54"/>
      <c r="AN254" s="13" t="str">
        <f t="shared" si="8"/>
        <v>■</v>
      </c>
    </row>
    <row r="255" spans="1:40" s="13" customFormat="1" ht="13.4" customHeight="1">
      <c r="A255" s="20"/>
      <c r="B255" s="20"/>
      <c r="C255" s="541">
        <v>12</v>
      </c>
      <c r="D255" s="542"/>
      <c r="E255" s="543" t="s">
        <v>1530</v>
      </c>
      <c r="F255" s="544"/>
      <c r="G255" s="544"/>
      <c r="H255" s="544"/>
      <c r="I255" s="544"/>
      <c r="J255" s="544"/>
      <c r="K255" s="544"/>
      <c r="L255" s="544"/>
      <c r="M255" s="544"/>
      <c r="N255" s="544"/>
      <c r="O255" s="544"/>
      <c r="P255" s="544"/>
      <c r="Q255" s="544"/>
      <c r="R255" s="544"/>
      <c r="S255" s="544"/>
      <c r="T255" s="545"/>
      <c r="U255" s="221" t="s">
        <v>1531</v>
      </c>
      <c r="V255" s="546" t="s">
        <v>107</v>
      </c>
      <c r="W255" s="547"/>
      <c r="X255" s="547"/>
      <c r="Y255" s="547"/>
      <c r="Z255" s="548"/>
      <c r="AA255" s="623" t="s">
        <v>108</v>
      </c>
      <c r="AB255" s="624"/>
      <c r="AC255" s="625"/>
      <c r="AD255" s="415">
        <v>1</v>
      </c>
      <c r="AE255" s="415">
        <v>0</v>
      </c>
      <c r="AF255" s="646"/>
      <c r="AG255" s="647"/>
      <c r="AH255" s="549"/>
      <c r="AI255" s="550"/>
      <c r="AJ255" s="551"/>
      <c r="AK255" s="265"/>
      <c r="AL255" s="38"/>
      <c r="AM255" s="54"/>
      <c r="AN255" s="13" t="str">
        <f t="shared" si="8"/>
        <v>■</v>
      </c>
    </row>
    <row r="256" spans="1:40" s="13" customFormat="1" ht="13.4" customHeight="1">
      <c r="A256" s="20"/>
      <c r="B256" s="20"/>
      <c r="C256" s="541">
        <v>13</v>
      </c>
      <c r="D256" s="542"/>
      <c r="E256" s="543" t="s">
        <v>1532</v>
      </c>
      <c r="F256" s="544"/>
      <c r="G256" s="544"/>
      <c r="H256" s="544"/>
      <c r="I256" s="544"/>
      <c r="J256" s="544"/>
      <c r="K256" s="544"/>
      <c r="L256" s="544"/>
      <c r="M256" s="544"/>
      <c r="N256" s="544"/>
      <c r="O256" s="544"/>
      <c r="P256" s="544"/>
      <c r="Q256" s="544"/>
      <c r="R256" s="544"/>
      <c r="S256" s="544"/>
      <c r="T256" s="545"/>
      <c r="U256" s="221" t="s">
        <v>1533</v>
      </c>
      <c r="V256" s="546" t="s">
        <v>107</v>
      </c>
      <c r="W256" s="547"/>
      <c r="X256" s="547"/>
      <c r="Y256" s="547"/>
      <c r="Z256" s="548"/>
      <c r="AA256" s="623" t="s">
        <v>108</v>
      </c>
      <c r="AB256" s="624"/>
      <c r="AC256" s="625"/>
      <c r="AD256" s="415">
        <v>1</v>
      </c>
      <c r="AE256" s="415">
        <v>0</v>
      </c>
      <c r="AF256" s="646"/>
      <c r="AG256" s="647"/>
      <c r="AH256" s="549"/>
      <c r="AI256" s="550"/>
      <c r="AJ256" s="551"/>
      <c r="AK256" s="265"/>
      <c r="AL256" s="38"/>
      <c r="AM256" s="54"/>
      <c r="AN256" s="13" t="str">
        <f t="shared" si="8"/>
        <v>■</v>
      </c>
    </row>
    <row r="257" spans="1:40" s="13" customFormat="1" ht="13.4" customHeight="1">
      <c r="A257" s="20"/>
      <c r="B257" s="20"/>
      <c r="C257" s="541">
        <v>14</v>
      </c>
      <c r="D257" s="542"/>
      <c r="E257" s="543" t="s">
        <v>1534</v>
      </c>
      <c r="F257" s="544"/>
      <c r="G257" s="544"/>
      <c r="H257" s="544"/>
      <c r="I257" s="544"/>
      <c r="J257" s="544"/>
      <c r="K257" s="544"/>
      <c r="L257" s="544"/>
      <c r="M257" s="544"/>
      <c r="N257" s="544"/>
      <c r="O257" s="544"/>
      <c r="P257" s="544"/>
      <c r="Q257" s="544"/>
      <c r="R257" s="544"/>
      <c r="S257" s="544"/>
      <c r="T257" s="545"/>
      <c r="U257" s="221" t="s">
        <v>1535</v>
      </c>
      <c r="V257" s="546" t="s">
        <v>107</v>
      </c>
      <c r="W257" s="547"/>
      <c r="X257" s="547"/>
      <c r="Y257" s="547"/>
      <c r="Z257" s="548"/>
      <c r="AA257" s="623" t="s">
        <v>710</v>
      </c>
      <c r="AB257" s="624"/>
      <c r="AC257" s="625"/>
      <c r="AD257" s="415">
        <v>5</v>
      </c>
      <c r="AE257" s="415">
        <v>5</v>
      </c>
      <c r="AF257" s="646"/>
      <c r="AG257" s="647"/>
      <c r="AH257" s="549"/>
      <c r="AI257" s="550"/>
      <c r="AJ257" s="551"/>
      <c r="AK257" s="265"/>
      <c r="AL257" s="38"/>
      <c r="AM257" s="54"/>
      <c r="AN257" s="13" t="str">
        <f t="shared" si="8"/>
        <v>■</v>
      </c>
    </row>
    <row r="258" spans="1:40" s="13" customFormat="1" ht="13.4" customHeight="1">
      <c r="A258" s="20"/>
      <c r="B258" s="20"/>
      <c r="C258" s="541">
        <v>15</v>
      </c>
      <c r="D258" s="542"/>
      <c r="E258" s="543" t="s">
        <v>1395</v>
      </c>
      <c r="F258" s="544"/>
      <c r="G258" s="544"/>
      <c r="H258" s="544"/>
      <c r="I258" s="544"/>
      <c r="J258" s="544"/>
      <c r="K258" s="544"/>
      <c r="L258" s="544"/>
      <c r="M258" s="544"/>
      <c r="N258" s="544"/>
      <c r="O258" s="544"/>
      <c r="P258" s="544"/>
      <c r="Q258" s="544"/>
      <c r="R258" s="544"/>
      <c r="S258" s="544"/>
      <c r="T258" s="545"/>
      <c r="U258" s="221" t="s">
        <v>1396</v>
      </c>
      <c r="V258" s="546" t="s">
        <v>107</v>
      </c>
      <c r="W258" s="547"/>
      <c r="X258" s="547"/>
      <c r="Y258" s="547"/>
      <c r="Z258" s="548"/>
      <c r="AA258" s="623" t="s">
        <v>108</v>
      </c>
      <c r="AB258" s="624"/>
      <c r="AC258" s="625"/>
      <c r="AD258" s="415">
        <v>5</v>
      </c>
      <c r="AE258" s="415">
        <v>0</v>
      </c>
      <c r="AF258" s="646"/>
      <c r="AG258" s="647"/>
      <c r="AH258" s="549"/>
      <c r="AI258" s="550"/>
      <c r="AJ258" s="551"/>
      <c r="AK258" s="265"/>
      <c r="AL258" s="38"/>
      <c r="AM258" s="54"/>
      <c r="AN258" s="13" t="str">
        <f t="shared" si="8"/>
        <v>■</v>
      </c>
    </row>
    <row r="259" spans="1:40" s="13" customFormat="1" ht="13.4" customHeight="1">
      <c r="A259" s="20"/>
      <c r="B259" s="20"/>
      <c r="C259" s="541">
        <v>16</v>
      </c>
      <c r="D259" s="542"/>
      <c r="E259" s="543" t="s">
        <v>1397</v>
      </c>
      <c r="F259" s="544"/>
      <c r="G259" s="544"/>
      <c r="H259" s="544"/>
      <c r="I259" s="544"/>
      <c r="J259" s="544"/>
      <c r="K259" s="544"/>
      <c r="L259" s="544"/>
      <c r="M259" s="544"/>
      <c r="N259" s="544"/>
      <c r="O259" s="544"/>
      <c r="P259" s="544"/>
      <c r="Q259" s="544"/>
      <c r="R259" s="544"/>
      <c r="S259" s="544"/>
      <c r="T259" s="545"/>
      <c r="U259" s="221" t="s">
        <v>1398</v>
      </c>
      <c r="V259" s="546" t="s">
        <v>107</v>
      </c>
      <c r="W259" s="547"/>
      <c r="X259" s="547"/>
      <c r="Y259" s="547"/>
      <c r="Z259" s="548"/>
      <c r="AA259" s="623" t="s">
        <v>108</v>
      </c>
      <c r="AB259" s="624"/>
      <c r="AC259" s="625"/>
      <c r="AD259" s="415">
        <v>5</v>
      </c>
      <c r="AE259" s="415">
        <v>0</v>
      </c>
      <c r="AF259" s="646"/>
      <c r="AG259" s="647"/>
      <c r="AH259" s="549"/>
      <c r="AI259" s="550"/>
      <c r="AJ259" s="551"/>
      <c r="AK259" s="265"/>
      <c r="AL259" s="29"/>
      <c r="AM259" s="54"/>
      <c r="AN259" s="13" t="str">
        <f t="shared" si="8"/>
        <v>■</v>
      </c>
    </row>
    <row r="260" spans="1:40" s="13" customFormat="1" ht="13.4" customHeight="1">
      <c r="A260" s="20"/>
      <c r="B260" s="20"/>
      <c r="C260" s="541">
        <v>17</v>
      </c>
      <c r="D260" s="542"/>
      <c r="E260" s="543" t="s">
        <v>1351</v>
      </c>
      <c r="F260" s="544"/>
      <c r="G260" s="544"/>
      <c r="H260" s="544"/>
      <c r="I260" s="544"/>
      <c r="J260" s="544"/>
      <c r="K260" s="544"/>
      <c r="L260" s="544"/>
      <c r="M260" s="544"/>
      <c r="N260" s="544"/>
      <c r="O260" s="544"/>
      <c r="P260" s="544"/>
      <c r="Q260" s="544"/>
      <c r="R260" s="544"/>
      <c r="S260" s="544"/>
      <c r="T260" s="545"/>
      <c r="U260" s="221" t="s">
        <v>453</v>
      </c>
      <c r="V260" s="546" t="s">
        <v>107</v>
      </c>
      <c r="W260" s="547"/>
      <c r="X260" s="547"/>
      <c r="Y260" s="547"/>
      <c r="Z260" s="548"/>
      <c r="AA260" s="623" t="s">
        <v>102</v>
      </c>
      <c r="AB260" s="624"/>
      <c r="AC260" s="625"/>
      <c r="AD260" s="415">
        <v>6</v>
      </c>
      <c r="AE260" s="415" t="s">
        <v>103</v>
      </c>
      <c r="AF260" s="646"/>
      <c r="AG260" s="647"/>
      <c r="AH260" s="549"/>
      <c r="AI260" s="550"/>
      <c r="AJ260" s="551"/>
      <c r="AK260" s="265"/>
      <c r="AL260" s="48"/>
      <c r="AM260" s="54"/>
      <c r="AN260" s="13" t="str">
        <f t="shared" si="8"/>
        <v>■</v>
      </c>
    </row>
    <row r="261" spans="1:40" s="13" customFormat="1" ht="13.4" customHeight="1">
      <c r="A261" s="20"/>
      <c r="B261" s="20"/>
      <c r="C261" s="541">
        <v>18</v>
      </c>
      <c r="D261" s="542"/>
      <c r="E261" s="543" t="s">
        <v>411</v>
      </c>
      <c r="F261" s="544"/>
      <c r="G261" s="544"/>
      <c r="H261" s="544"/>
      <c r="I261" s="544"/>
      <c r="J261" s="544"/>
      <c r="K261" s="544"/>
      <c r="L261" s="544"/>
      <c r="M261" s="544"/>
      <c r="N261" s="544"/>
      <c r="O261" s="544"/>
      <c r="P261" s="544"/>
      <c r="Q261" s="544"/>
      <c r="R261" s="544"/>
      <c r="S261" s="544"/>
      <c r="T261" s="545"/>
      <c r="U261" s="221" t="s">
        <v>516</v>
      </c>
      <c r="V261" s="546" t="s">
        <v>107</v>
      </c>
      <c r="W261" s="547"/>
      <c r="X261" s="547"/>
      <c r="Y261" s="547"/>
      <c r="Z261" s="548"/>
      <c r="AA261" s="623" t="s">
        <v>102</v>
      </c>
      <c r="AB261" s="624"/>
      <c r="AC261" s="625"/>
      <c r="AD261" s="415">
        <v>6</v>
      </c>
      <c r="AE261" s="415" t="s">
        <v>103</v>
      </c>
      <c r="AF261" s="646"/>
      <c r="AG261" s="647"/>
      <c r="AH261" s="549"/>
      <c r="AI261" s="550"/>
      <c r="AJ261" s="551"/>
      <c r="AK261" s="265"/>
      <c r="AL261" s="37"/>
      <c r="AM261" s="54"/>
      <c r="AN261" s="13" t="str">
        <f t="shared" si="8"/>
        <v>■</v>
      </c>
    </row>
    <row r="262" spans="1:40" ht="13.4" customHeight="1">
      <c r="A262" s="20"/>
      <c r="B262" s="25"/>
      <c r="V262" s="238"/>
      <c r="W262" s="238"/>
      <c r="X262" s="238"/>
      <c r="Y262" s="238"/>
      <c r="Z262" s="238"/>
      <c r="AA262" s="629"/>
      <c r="AB262" s="629"/>
      <c r="AC262" s="629"/>
      <c r="AD262" s="238"/>
      <c r="AE262" s="238"/>
      <c r="AF262" s="238"/>
      <c r="AG262" s="238"/>
      <c r="AH262" s="238"/>
      <c r="AI262" s="238"/>
      <c r="AJ262" s="238"/>
      <c r="AK262" s="55"/>
      <c r="AL262" s="37"/>
      <c r="AM262" s="16"/>
    </row>
    <row r="263" spans="1:40" s="1" customFormat="1" ht="13.4" customHeight="1">
      <c r="A263" s="20"/>
      <c r="B263" s="20"/>
      <c r="C263" s="52" t="s">
        <v>380</v>
      </c>
      <c r="D263" s="53"/>
      <c r="E263" s="26"/>
      <c r="F263" s="26"/>
      <c r="G263" s="26"/>
      <c r="H263" s="26"/>
      <c r="I263" s="26"/>
      <c r="J263" s="26" t="s">
        <v>713</v>
      </c>
      <c r="K263" s="71"/>
      <c r="L263" s="26"/>
      <c r="M263" s="71"/>
      <c r="N263" s="26"/>
      <c r="O263" s="26"/>
      <c r="P263" s="26"/>
      <c r="Q263" s="26"/>
      <c r="R263" s="26"/>
      <c r="S263" s="26"/>
      <c r="T263" s="26"/>
      <c r="U263" s="26" t="s">
        <v>1536</v>
      </c>
      <c r="V263" s="122"/>
      <c r="W263" s="122"/>
      <c r="X263" s="122"/>
      <c r="Y263" s="122"/>
      <c r="Z263" s="122"/>
      <c r="AA263" s="630"/>
      <c r="AB263" s="630"/>
      <c r="AC263" s="630"/>
      <c r="AD263" s="122"/>
      <c r="AE263" s="122"/>
      <c r="AF263" s="122"/>
      <c r="AG263" s="122"/>
      <c r="AH263" s="122"/>
      <c r="AI263" s="122"/>
      <c r="AJ263" s="122"/>
      <c r="AK263" s="26"/>
      <c r="AL263" s="38"/>
      <c r="AM263" s="26"/>
    </row>
    <row r="264" spans="1:40" ht="13.5" customHeight="1">
      <c r="A264" s="20"/>
      <c r="B264" s="51"/>
      <c r="C264" s="583" t="s">
        <v>73</v>
      </c>
      <c r="D264" s="573"/>
      <c r="E264" s="583" t="s">
        <v>94</v>
      </c>
      <c r="F264" s="583"/>
      <c r="G264" s="583"/>
      <c r="H264" s="583"/>
      <c r="I264" s="583"/>
      <c r="J264" s="583"/>
      <c r="K264" s="583"/>
      <c r="L264" s="583"/>
      <c r="M264" s="583"/>
      <c r="N264" s="583"/>
      <c r="O264" s="583"/>
      <c r="P264" s="583"/>
      <c r="Q264" s="583"/>
      <c r="R264" s="583"/>
      <c r="S264" s="583"/>
      <c r="T264" s="583"/>
      <c r="U264" s="226" t="s">
        <v>383</v>
      </c>
      <c r="V264" s="572" t="s">
        <v>138</v>
      </c>
      <c r="W264" s="572"/>
      <c r="X264" s="572"/>
      <c r="Y264" s="572"/>
      <c r="Z264" s="572"/>
      <c r="AA264" s="598" t="s">
        <v>959</v>
      </c>
      <c r="AB264" s="599"/>
      <c r="AC264" s="600"/>
      <c r="AD264" s="572" t="s">
        <v>97</v>
      </c>
      <c r="AE264" s="572"/>
      <c r="AF264" s="572" t="s">
        <v>98</v>
      </c>
      <c r="AG264" s="572"/>
      <c r="AH264" s="583" t="s">
        <v>75</v>
      </c>
      <c r="AI264" s="583"/>
      <c r="AJ264" s="583"/>
      <c r="AK264" s="581" t="s">
        <v>159</v>
      </c>
      <c r="AL264" s="38"/>
      <c r="AM264" s="16"/>
    </row>
    <row r="265" spans="1:40" ht="13.4" customHeight="1">
      <c r="A265" s="20"/>
      <c r="B265" s="51"/>
      <c r="C265" s="573"/>
      <c r="D265" s="573"/>
      <c r="E265" s="583"/>
      <c r="F265" s="583"/>
      <c r="G265" s="583"/>
      <c r="H265" s="583"/>
      <c r="I265" s="583"/>
      <c r="J265" s="583"/>
      <c r="K265" s="583"/>
      <c r="L265" s="583"/>
      <c r="M265" s="583"/>
      <c r="N265" s="583"/>
      <c r="O265" s="583"/>
      <c r="P265" s="583"/>
      <c r="Q265" s="583"/>
      <c r="R265" s="583"/>
      <c r="S265" s="583"/>
      <c r="T265" s="583"/>
      <c r="U265" s="227"/>
      <c r="V265" s="572"/>
      <c r="W265" s="572"/>
      <c r="X265" s="572"/>
      <c r="Y265" s="572"/>
      <c r="Z265" s="572"/>
      <c r="AA265" s="601"/>
      <c r="AB265" s="602"/>
      <c r="AC265" s="603"/>
      <c r="AD265" s="572"/>
      <c r="AE265" s="572"/>
      <c r="AF265" s="572"/>
      <c r="AG265" s="572"/>
      <c r="AH265" s="583"/>
      <c r="AI265" s="583"/>
      <c r="AJ265" s="583"/>
      <c r="AK265" s="582"/>
      <c r="AL265" s="38"/>
      <c r="AM265" s="16"/>
    </row>
    <row r="266" spans="1:40" s="13" customFormat="1" ht="13.4" customHeight="1">
      <c r="A266" s="20"/>
      <c r="B266" s="20"/>
      <c r="C266" s="541">
        <v>1</v>
      </c>
      <c r="D266" s="542"/>
      <c r="E266" s="563" t="s">
        <v>440</v>
      </c>
      <c r="F266" s="564"/>
      <c r="G266" s="564"/>
      <c r="H266" s="564"/>
      <c r="I266" s="564"/>
      <c r="J266" s="564"/>
      <c r="K266" s="564"/>
      <c r="L266" s="564"/>
      <c r="M266" s="564"/>
      <c r="N266" s="564"/>
      <c r="O266" s="564"/>
      <c r="P266" s="564"/>
      <c r="Q266" s="564"/>
      <c r="R266" s="564"/>
      <c r="S266" s="564"/>
      <c r="T266" s="565"/>
      <c r="U266" s="219" t="s">
        <v>441</v>
      </c>
      <c r="V266" s="546" t="s">
        <v>101</v>
      </c>
      <c r="W266" s="547"/>
      <c r="X266" s="547"/>
      <c r="Y266" s="547"/>
      <c r="Z266" s="548"/>
      <c r="AA266" s="623" t="s">
        <v>102</v>
      </c>
      <c r="AB266" s="624"/>
      <c r="AC266" s="625"/>
      <c r="AD266" s="415">
        <v>10</v>
      </c>
      <c r="AE266" s="415" t="s">
        <v>103</v>
      </c>
      <c r="AF266" s="646"/>
      <c r="AG266" s="647"/>
      <c r="AH266" s="549"/>
      <c r="AI266" s="550"/>
      <c r="AJ266" s="551"/>
      <c r="AK266" s="265"/>
      <c r="AL266" s="38"/>
      <c r="AM266" s="54"/>
      <c r="AN266" s="13" t="str">
        <f>$P$20</f>
        <v>■</v>
      </c>
    </row>
    <row r="267" spans="1:40" s="13" customFormat="1" ht="13.4" customHeight="1">
      <c r="A267" s="20"/>
      <c r="B267" s="20"/>
      <c r="C267" s="541">
        <v>2</v>
      </c>
      <c r="D267" s="542"/>
      <c r="E267" s="563" t="s">
        <v>442</v>
      </c>
      <c r="F267" s="564"/>
      <c r="G267" s="564"/>
      <c r="H267" s="564"/>
      <c r="I267" s="564"/>
      <c r="J267" s="564"/>
      <c r="K267" s="564"/>
      <c r="L267" s="564"/>
      <c r="M267" s="564"/>
      <c r="N267" s="564"/>
      <c r="O267" s="564"/>
      <c r="P267" s="564"/>
      <c r="Q267" s="564"/>
      <c r="R267" s="564"/>
      <c r="S267" s="564"/>
      <c r="T267" s="565"/>
      <c r="U267" s="219" t="s">
        <v>443</v>
      </c>
      <c r="V267" s="546" t="s">
        <v>101</v>
      </c>
      <c r="W267" s="547"/>
      <c r="X267" s="547"/>
      <c r="Y267" s="547"/>
      <c r="Z267" s="548"/>
      <c r="AA267" s="623" t="s">
        <v>102</v>
      </c>
      <c r="AB267" s="624"/>
      <c r="AC267" s="625"/>
      <c r="AD267" s="415">
        <v>51</v>
      </c>
      <c r="AE267" s="415" t="s">
        <v>103</v>
      </c>
      <c r="AF267" s="646"/>
      <c r="AG267" s="647"/>
      <c r="AH267" s="549"/>
      <c r="AI267" s="550"/>
      <c r="AJ267" s="551"/>
      <c r="AK267" s="265"/>
      <c r="AL267" s="38"/>
      <c r="AM267" s="54"/>
      <c r="AN267" s="13" t="str">
        <f t="shared" ref="AN267:AN280" si="9">$P$20</f>
        <v>■</v>
      </c>
    </row>
    <row r="268" spans="1:40" s="13" customFormat="1" ht="13.4" customHeight="1">
      <c r="A268" s="20"/>
      <c r="B268" s="20"/>
      <c r="C268" s="552">
        <v>3</v>
      </c>
      <c r="D268" s="553"/>
      <c r="E268" s="566" t="s">
        <v>106</v>
      </c>
      <c r="F268" s="567"/>
      <c r="G268" s="567"/>
      <c r="H268" s="567"/>
      <c r="I268" s="567"/>
      <c r="J268" s="567"/>
      <c r="K268" s="567"/>
      <c r="L268" s="567"/>
      <c r="M268" s="567"/>
      <c r="N268" s="567"/>
      <c r="O268" s="567"/>
      <c r="P268" s="567"/>
      <c r="Q268" s="567"/>
      <c r="R268" s="567"/>
      <c r="S268" s="567"/>
      <c r="T268" s="568"/>
      <c r="U268" s="230" t="s">
        <v>444</v>
      </c>
      <c r="V268" s="557" t="s">
        <v>107</v>
      </c>
      <c r="W268" s="558"/>
      <c r="X268" s="558"/>
      <c r="Y268" s="558"/>
      <c r="Z268" s="559"/>
      <c r="AA268" s="626" t="s">
        <v>108</v>
      </c>
      <c r="AB268" s="627"/>
      <c r="AC268" s="628"/>
      <c r="AD268" s="419">
        <v>1</v>
      </c>
      <c r="AE268" s="419">
        <v>0</v>
      </c>
      <c r="AF268" s="569" t="s">
        <v>109</v>
      </c>
      <c r="AG268" s="570"/>
      <c r="AH268" s="560"/>
      <c r="AI268" s="561"/>
      <c r="AJ268" s="562"/>
      <c r="AK268" s="346" t="s">
        <v>391</v>
      </c>
      <c r="AL268" s="38"/>
      <c r="AM268" s="54"/>
      <c r="AN268" s="13" t="str">
        <f t="shared" si="9"/>
        <v>■</v>
      </c>
    </row>
    <row r="269" spans="1:40" s="13" customFormat="1" ht="13.4" customHeight="1">
      <c r="A269" s="20"/>
      <c r="B269" s="20"/>
      <c r="C269" s="541">
        <v>4</v>
      </c>
      <c r="D269" s="542"/>
      <c r="E269" s="563" t="s">
        <v>110</v>
      </c>
      <c r="F269" s="564"/>
      <c r="G269" s="564"/>
      <c r="H269" s="564"/>
      <c r="I269" s="564"/>
      <c r="J269" s="564"/>
      <c r="K269" s="564"/>
      <c r="L269" s="564"/>
      <c r="M269" s="564"/>
      <c r="N269" s="564"/>
      <c r="O269" s="564"/>
      <c r="P269" s="564"/>
      <c r="Q269" s="564"/>
      <c r="R269" s="564"/>
      <c r="S269" s="564"/>
      <c r="T269" s="565"/>
      <c r="U269" s="229" t="s">
        <v>445</v>
      </c>
      <c r="V269" s="546" t="s">
        <v>107</v>
      </c>
      <c r="W269" s="547"/>
      <c r="X269" s="547"/>
      <c r="Y269" s="547"/>
      <c r="Z269" s="548"/>
      <c r="AA269" s="623" t="s">
        <v>108</v>
      </c>
      <c r="AB269" s="624"/>
      <c r="AC269" s="625"/>
      <c r="AD269" s="415">
        <v>1</v>
      </c>
      <c r="AE269" s="415">
        <v>0</v>
      </c>
      <c r="AF269" s="646"/>
      <c r="AG269" s="647"/>
      <c r="AH269" s="549"/>
      <c r="AI269" s="550"/>
      <c r="AJ269" s="551"/>
      <c r="AK269" s="265"/>
      <c r="AL269" s="38"/>
      <c r="AM269" s="54"/>
      <c r="AN269" s="13" t="str">
        <f t="shared" si="9"/>
        <v>■</v>
      </c>
    </row>
    <row r="270" spans="1:40" s="13" customFormat="1" ht="13.4" customHeight="1">
      <c r="A270" s="20"/>
      <c r="B270" s="20"/>
      <c r="C270" s="541">
        <v>5</v>
      </c>
      <c r="D270" s="542"/>
      <c r="E270" s="543" t="s">
        <v>80</v>
      </c>
      <c r="F270" s="544"/>
      <c r="G270" s="544"/>
      <c r="H270" s="544"/>
      <c r="I270" s="544"/>
      <c r="J270" s="544"/>
      <c r="K270" s="544"/>
      <c r="L270" s="544"/>
      <c r="M270" s="544"/>
      <c r="N270" s="544"/>
      <c r="O270" s="544"/>
      <c r="P270" s="544"/>
      <c r="Q270" s="544"/>
      <c r="R270" s="544"/>
      <c r="S270" s="544"/>
      <c r="T270" s="545"/>
      <c r="U270" s="229" t="s">
        <v>446</v>
      </c>
      <c r="V270" s="546" t="s">
        <v>101</v>
      </c>
      <c r="W270" s="547"/>
      <c r="X270" s="547"/>
      <c r="Y270" s="547"/>
      <c r="Z270" s="548"/>
      <c r="AA270" s="623" t="s">
        <v>102</v>
      </c>
      <c r="AB270" s="624"/>
      <c r="AC270" s="625"/>
      <c r="AD270" s="415">
        <v>2</v>
      </c>
      <c r="AE270" s="415" t="s">
        <v>103</v>
      </c>
      <c r="AF270" s="646"/>
      <c r="AG270" s="647"/>
      <c r="AH270" s="549"/>
      <c r="AI270" s="550"/>
      <c r="AJ270" s="551"/>
      <c r="AK270" s="265"/>
      <c r="AL270" s="38"/>
      <c r="AM270" s="54"/>
      <c r="AN270" s="13" t="str">
        <f t="shared" si="9"/>
        <v>■</v>
      </c>
    </row>
    <row r="271" spans="1:40" s="13" customFormat="1" ht="13.4" customHeight="1">
      <c r="A271" s="20"/>
      <c r="B271" s="20"/>
      <c r="C271" s="541">
        <v>6</v>
      </c>
      <c r="D271" s="542"/>
      <c r="E271" s="543" t="s">
        <v>606</v>
      </c>
      <c r="F271" s="544"/>
      <c r="G271" s="544"/>
      <c r="H271" s="544"/>
      <c r="I271" s="544"/>
      <c r="J271" s="544"/>
      <c r="K271" s="544"/>
      <c r="L271" s="544"/>
      <c r="M271" s="544"/>
      <c r="N271" s="544"/>
      <c r="O271" s="544"/>
      <c r="P271" s="544"/>
      <c r="Q271" s="544"/>
      <c r="R271" s="544"/>
      <c r="S271" s="544"/>
      <c r="T271" s="545"/>
      <c r="U271" s="229" t="s">
        <v>607</v>
      </c>
      <c r="V271" s="546" t="s">
        <v>101</v>
      </c>
      <c r="W271" s="547"/>
      <c r="X271" s="547"/>
      <c r="Y271" s="547"/>
      <c r="Z271" s="548"/>
      <c r="AA271" s="623" t="s">
        <v>102</v>
      </c>
      <c r="AB271" s="624"/>
      <c r="AC271" s="625"/>
      <c r="AD271" s="415">
        <v>1</v>
      </c>
      <c r="AE271" s="415" t="s">
        <v>103</v>
      </c>
      <c r="AF271" s="646"/>
      <c r="AG271" s="647"/>
      <c r="AH271" s="549"/>
      <c r="AI271" s="550"/>
      <c r="AJ271" s="551"/>
      <c r="AK271" s="265"/>
      <c r="AL271" s="38"/>
      <c r="AM271" s="54"/>
      <c r="AN271" s="13" t="str">
        <f t="shared" si="9"/>
        <v>■</v>
      </c>
    </row>
    <row r="272" spans="1:40" s="13" customFormat="1" ht="13.4" customHeight="1">
      <c r="A272" s="20"/>
      <c r="B272" s="20"/>
      <c r="C272" s="541">
        <v>7</v>
      </c>
      <c r="D272" s="542"/>
      <c r="E272" s="543" t="s">
        <v>715</v>
      </c>
      <c r="F272" s="544"/>
      <c r="G272" s="544"/>
      <c r="H272" s="544"/>
      <c r="I272" s="544"/>
      <c r="J272" s="544"/>
      <c r="K272" s="544"/>
      <c r="L272" s="544"/>
      <c r="M272" s="544"/>
      <c r="N272" s="544"/>
      <c r="O272" s="544"/>
      <c r="P272" s="544"/>
      <c r="Q272" s="544"/>
      <c r="R272" s="544"/>
      <c r="S272" s="544"/>
      <c r="T272" s="545"/>
      <c r="U272" s="229" t="s">
        <v>716</v>
      </c>
      <c r="V272" s="546" t="s">
        <v>107</v>
      </c>
      <c r="W272" s="547"/>
      <c r="X272" s="547"/>
      <c r="Y272" s="547"/>
      <c r="Z272" s="548"/>
      <c r="AA272" s="623" t="s">
        <v>102</v>
      </c>
      <c r="AB272" s="624"/>
      <c r="AC272" s="625"/>
      <c r="AD272" s="415">
        <v>9</v>
      </c>
      <c r="AE272" s="415" t="s">
        <v>103</v>
      </c>
      <c r="AF272" s="646"/>
      <c r="AG272" s="647"/>
      <c r="AH272" s="549"/>
      <c r="AI272" s="550"/>
      <c r="AJ272" s="551"/>
      <c r="AK272" s="265"/>
      <c r="AL272" s="38"/>
      <c r="AM272" s="54"/>
      <c r="AN272" s="13" t="str">
        <f t="shared" si="9"/>
        <v>■</v>
      </c>
    </row>
    <row r="273" spans="1:40" s="13" customFormat="1" ht="13.4" customHeight="1">
      <c r="A273" s="20"/>
      <c r="B273" s="20"/>
      <c r="C273" s="541">
        <v>8</v>
      </c>
      <c r="D273" s="542"/>
      <c r="E273" s="543" t="s">
        <v>708</v>
      </c>
      <c r="F273" s="544"/>
      <c r="G273" s="544"/>
      <c r="H273" s="544"/>
      <c r="I273" s="544"/>
      <c r="J273" s="544"/>
      <c r="K273" s="544"/>
      <c r="L273" s="544"/>
      <c r="M273" s="544"/>
      <c r="N273" s="544"/>
      <c r="O273" s="544"/>
      <c r="P273" s="544"/>
      <c r="Q273" s="544"/>
      <c r="R273" s="544"/>
      <c r="S273" s="544"/>
      <c r="T273" s="545"/>
      <c r="U273" s="229" t="s">
        <v>709</v>
      </c>
      <c r="V273" s="546" t="s">
        <v>107</v>
      </c>
      <c r="W273" s="547"/>
      <c r="X273" s="547"/>
      <c r="Y273" s="547"/>
      <c r="Z273" s="548"/>
      <c r="AA273" s="623" t="s">
        <v>710</v>
      </c>
      <c r="AB273" s="624"/>
      <c r="AC273" s="625"/>
      <c r="AD273" s="415">
        <v>5</v>
      </c>
      <c r="AE273" s="415">
        <v>3</v>
      </c>
      <c r="AF273" s="646"/>
      <c r="AG273" s="647"/>
      <c r="AH273" s="549"/>
      <c r="AI273" s="550"/>
      <c r="AJ273" s="551"/>
      <c r="AK273" s="265"/>
      <c r="AL273" s="38"/>
      <c r="AM273" s="54"/>
      <c r="AN273" s="13" t="str">
        <f t="shared" si="9"/>
        <v>■</v>
      </c>
    </row>
    <row r="274" spans="1:40" s="13" customFormat="1" ht="13.4" customHeight="1">
      <c r="A274" s="20"/>
      <c r="B274" s="20"/>
      <c r="C274" s="541">
        <v>9</v>
      </c>
      <c r="D274" s="542"/>
      <c r="E274" s="543" t="s">
        <v>718</v>
      </c>
      <c r="F274" s="544"/>
      <c r="G274" s="544"/>
      <c r="H274" s="544"/>
      <c r="I274" s="544"/>
      <c r="J274" s="544"/>
      <c r="K274" s="544"/>
      <c r="L274" s="544"/>
      <c r="M274" s="544"/>
      <c r="N274" s="544"/>
      <c r="O274" s="544"/>
      <c r="P274" s="544"/>
      <c r="Q274" s="544"/>
      <c r="R274" s="544"/>
      <c r="S274" s="544"/>
      <c r="T274" s="545"/>
      <c r="U274" s="229" t="s">
        <v>719</v>
      </c>
      <c r="V274" s="546" t="s">
        <v>107</v>
      </c>
      <c r="W274" s="547"/>
      <c r="X274" s="547"/>
      <c r="Y274" s="547"/>
      <c r="Z274" s="548"/>
      <c r="AA274" s="623" t="s">
        <v>102</v>
      </c>
      <c r="AB274" s="624"/>
      <c r="AC274" s="625"/>
      <c r="AD274" s="415">
        <v>3</v>
      </c>
      <c r="AE274" s="415" t="s">
        <v>103</v>
      </c>
      <c r="AF274" s="646"/>
      <c r="AG274" s="647"/>
      <c r="AH274" s="549"/>
      <c r="AI274" s="550"/>
      <c r="AJ274" s="551"/>
      <c r="AK274" s="265"/>
      <c r="AL274" s="38"/>
      <c r="AM274" s="54"/>
      <c r="AN274" s="13" t="str">
        <f t="shared" si="9"/>
        <v>■</v>
      </c>
    </row>
    <row r="275" spans="1:40" s="13" customFormat="1" ht="13.4" customHeight="1">
      <c r="A275" s="20"/>
      <c r="B275" s="20"/>
      <c r="C275" s="541">
        <v>10</v>
      </c>
      <c r="D275" s="542"/>
      <c r="E275" s="543" t="s">
        <v>720</v>
      </c>
      <c r="F275" s="544"/>
      <c r="G275" s="544"/>
      <c r="H275" s="544"/>
      <c r="I275" s="544"/>
      <c r="J275" s="544"/>
      <c r="K275" s="544"/>
      <c r="L275" s="544"/>
      <c r="M275" s="544"/>
      <c r="N275" s="544"/>
      <c r="O275" s="544"/>
      <c r="P275" s="544"/>
      <c r="Q275" s="544"/>
      <c r="R275" s="544"/>
      <c r="S275" s="544"/>
      <c r="T275" s="545"/>
      <c r="U275" s="229" t="s">
        <v>721</v>
      </c>
      <c r="V275" s="546" t="s">
        <v>107</v>
      </c>
      <c r="W275" s="547"/>
      <c r="X275" s="547"/>
      <c r="Y275" s="547"/>
      <c r="Z275" s="548"/>
      <c r="AA275" s="623" t="s">
        <v>710</v>
      </c>
      <c r="AB275" s="624"/>
      <c r="AC275" s="625"/>
      <c r="AD275" s="415">
        <v>8</v>
      </c>
      <c r="AE275" s="415">
        <v>2</v>
      </c>
      <c r="AF275" s="646"/>
      <c r="AG275" s="647"/>
      <c r="AH275" s="549"/>
      <c r="AI275" s="550"/>
      <c r="AJ275" s="551"/>
      <c r="AK275" s="265"/>
      <c r="AL275" s="38"/>
      <c r="AM275" s="54"/>
      <c r="AN275" s="13" t="str">
        <f t="shared" si="9"/>
        <v>■</v>
      </c>
    </row>
    <row r="276" spans="1:40" s="13" customFormat="1" ht="13.4" customHeight="1">
      <c r="A276" s="20"/>
      <c r="B276" s="20"/>
      <c r="C276" s="552">
        <v>11</v>
      </c>
      <c r="D276" s="553"/>
      <c r="E276" s="554" t="s">
        <v>722</v>
      </c>
      <c r="F276" s="555"/>
      <c r="G276" s="555"/>
      <c r="H276" s="555"/>
      <c r="I276" s="555"/>
      <c r="J276" s="555"/>
      <c r="K276" s="555"/>
      <c r="L276" s="555"/>
      <c r="M276" s="555"/>
      <c r="N276" s="555"/>
      <c r="O276" s="555"/>
      <c r="P276" s="555"/>
      <c r="Q276" s="555"/>
      <c r="R276" s="555"/>
      <c r="S276" s="555"/>
      <c r="T276" s="556"/>
      <c r="U276" s="262" t="s">
        <v>723</v>
      </c>
      <c r="V276" s="557" t="s">
        <v>1054</v>
      </c>
      <c r="W276" s="558"/>
      <c r="X276" s="558"/>
      <c r="Y276" s="558"/>
      <c r="Z276" s="559"/>
      <c r="AA276" s="626" t="s">
        <v>102</v>
      </c>
      <c r="AB276" s="627"/>
      <c r="AC276" s="628"/>
      <c r="AD276" s="419">
        <v>20</v>
      </c>
      <c r="AE276" s="419" t="s">
        <v>103</v>
      </c>
      <c r="AF276" s="569" t="s">
        <v>109</v>
      </c>
      <c r="AG276" s="570"/>
      <c r="AH276" s="560"/>
      <c r="AI276" s="561"/>
      <c r="AJ276" s="562"/>
      <c r="AK276" s="333" t="s">
        <v>399</v>
      </c>
      <c r="AL276" s="38"/>
      <c r="AM276" s="54"/>
      <c r="AN276" s="13" t="str">
        <f t="shared" si="9"/>
        <v>■</v>
      </c>
    </row>
    <row r="277" spans="1:40" s="13" customFormat="1" ht="13.4" customHeight="1">
      <c r="A277" s="20"/>
      <c r="B277" s="20"/>
      <c r="C277" s="541">
        <v>12</v>
      </c>
      <c r="D277" s="542"/>
      <c r="E277" s="543" t="s">
        <v>1395</v>
      </c>
      <c r="F277" s="544"/>
      <c r="G277" s="544"/>
      <c r="H277" s="544"/>
      <c r="I277" s="544"/>
      <c r="J277" s="544"/>
      <c r="K277" s="544"/>
      <c r="L277" s="544"/>
      <c r="M277" s="544"/>
      <c r="N277" s="544"/>
      <c r="O277" s="544"/>
      <c r="P277" s="544"/>
      <c r="Q277" s="544"/>
      <c r="R277" s="544"/>
      <c r="S277" s="544"/>
      <c r="T277" s="545"/>
      <c r="U277" s="229" t="s">
        <v>1396</v>
      </c>
      <c r="V277" s="546" t="s">
        <v>107</v>
      </c>
      <c r="W277" s="547"/>
      <c r="X277" s="547"/>
      <c r="Y277" s="547"/>
      <c r="Z277" s="548"/>
      <c r="AA277" s="623" t="s">
        <v>108</v>
      </c>
      <c r="AB277" s="624"/>
      <c r="AC277" s="625"/>
      <c r="AD277" s="415">
        <v>5</v>
      </c>
      <c r="AE277" s="415">
        <v>0</v>
      </c>
      <c r="AF277" s="646"/>
      <c r="AG277" s="647"/>
      <c r="AH277" s="549"/>
      <c r="AI277" s="550"/>
      <c r="AJ277" s="551"/>
      <c r="AK277" s="265"/>
      <c r="AL277" s="38"/>
      <c r="AM277" s="54"/>
      <c r="AN277" s="13" t="str">
        <f t="shared" si="9"/>
        <v>■</v>
      </c>
    </row>
    <row r="278" spans="1:40" s="13" customFormat="1" ht="13.4" customHeight="1">
      <c r="A278" s="20"/>
      <c r="B278" s="20"/>
      <c r="C278" s="541">
        <v>13</v>
      </c>
      <c r="D278" s="542"/>
      <c r="E278" s="543" t="s">
        <v>1397</v>
      </c>
      <c r="F278" s="544"/>
      <c r="G278" s="544"/>
      <c r="H278" s="544"/>
      <c r="I278" s="544"/>
      <c r="J278" s="544"/>
      <c r="K278" s="544"/>
      <c r="L278" s="544"/>
      <c r="M278" s="544"/>
      <c r="N278" s="544"/>
      <c r="O278" s="544"/>
      <c r="P278" s="544"/>
      <c r="Q278" s="544"/>
      <c r="R278" s="544"/>
      <c r="S278" s="544"/>
      <c r="T278" s="545"/>
      <c r="U278" s="229" t="s">
        <v>1398</v>
      </c>
      <c r="V278" s="546" t="s">
        <v>107</v>
      </c>
      <c r="W278" s="547"/>
      <c r="X278" s="547"/>
      <c r="Y278" s="547"/>
      <c r="Z278" s="548"/>
      <c r="AA278" s="623" t="s">
        <v>108</v>
      </c>
      <c r="AB278" s="624"/>
      <c r="AC278" s="625"/>
      <c r="AD278" s="415">
        <v>5</v>
      </c>
      <c r="AE278" s="415">
        <v>0</v>
      </c>
      <c r="AF278" s="646"/>
      <c r="AG278" s="647"/>
      <c r="AH278" s="549"/>
      <c r="AI278" s="550"/>
      <c r="AJ278" s="551"/>
      <c r="AK278" s="265"/>
      <c r="AL278" s="29"/>
      <c r="AM278" s="54"/>
      <c r="AN278" s="13" t="str">
        <f t="shared" si="9"/>
        <v>■</v>
      </c>
    </row>
    <row r="279" spans="1:40" s="13" customFormat="1" ht="13.4" customHeight="1">
      <c r="A279" s="20"/>
      <c r="B279" s="20"/>
      <c r="C279" s="541">
        <v>14</v>
      </c>
      <c r="D279" s="542"/>
      <c r="E279" s="543" t="s">
        <v>1351</v>
      </c>
      <c r="F279" s="544"/>
      <c r="G279" s="544"/>
      <c r="H279" s="544"/>
      <c r="I279" s="544"/>
      <c r="J279" s="544"/>
      <c r="K279" s="544"/>
      <c r="L279" s="544"/>
      <c r="M279" s="544"/>
      <c r="N279" s="544"/>
      <c r="O279" s="544"/>
      <c r="P279" s="544"/>
      <c r="Q279" s="544"/>
      <c r="R279" s="544"/>
      <c r="S279" s="544"/>
      <c r="T279" s="545"/>
      <c r="U279" s="229" t="s">
        <v>453</v>
      </c>
      <c r="V279" s="546" t="s">
        <v>107</v>
      </c>
      <c r="W279" s="547"/>
      <c r="X279" s="547"/>
      <c r="Y279" s="547"/>
      <c r="Z279" s="548"/>
      <c r="AA279" s="623" t="s">
        <v>102</v>
      </c>
      <c r="AB279" s="624"/>
      <c r="AC279" s="625"/>
      <c r="AD279" s="415">
        <v>6</v>
      </c>
      <c r="AE279" s="415" t="s">
        <v>103</v>
      </c>
      <c r="AF279" s="646"/>
      <c r="AG279" s="647"/>
      <c r="AH279" s="549"/>
      <c r="AI279" s="550"/>
      <c r="AJ279" s="551"/>
      <c r="AK279" s="265"/>
      <c r="AL279" s="48"/>
      <c r="AM279" s="54"/>
      <c r="AN279" s="13" t="str">
        <f t="shared" si="9"/>
        <v>■</v>
      </c>
    </row>
    <row r="280" spans="1:40" s="13" customFormat="1" ht="13.4" customHeight="1">
      <c r="A280" s="20"/>
      <c r="B280" s="20"/>
      <c r="C280" s="541">
        <v>15</v>
      </c>
      <c r="D280" s="542"/>
      <c r="E280" s="543" t="s">
        <v>411</v>
      </c>
      <c r="F280" s="544"/>
      <c r="G280" s="544"/>
      <c r="H280" s="544"/>
      <c r="I280" s="544"/>
      <c r="J280" s="544"/>
      <c r="K280" s="544"/>
      <c r="L280" s="544"/>
      <c r="M280" s="544"/>
      <c r="N280" s="544"/>
      <c r="O280" s="544"/>
      <c r="P280" s="544"/>
      <c r="Q280" s="544"/>
      <c r="R280" s="544"/>
      <c r="S280" s="544"/>
      <c r="T280" s="545"/>
      <c r="U280" s="229" t="s">
        <v>516</v>
      </c>
      <c r="V280" s="546" t="s">
        <v>107</v>
      </c>
      <c r="W280" s="547"/>
      <c r="X280" s="547"/>
      <c r="Y280" s="547"/>
      <c r="Z280" s="548"/>
      <c r="AA280" s="623" t="s">
        <v>102</v>
      </c>
      <c r="AB280" s="624"/>
      <c r="AC280" s="625"/>
      <c r="AD280" s="415">
        <v>6</v>
      </c>
      <c r="AE280" s="415" t="s">
        <v>103</v>
      </c>
      <c r="AF280" s="646"/>
      <c r="AG280" s="647"/>
      <c r="AH280" s="549"/>
      <c r="AI280" s="550"/>
      <c r="AJ280" s="551"/>
      <c r="AK280" s="265"/>
      <c r="AL280" s="37"/>
      <c r="AM280" s="54"/>
      <c r="AN280" s="13" t="str">
        <f t="shared" si="9"/>
        <v>■</v>
      </c>
    </row>
    <row r="281" spans="1:40" ht="13.4" customHeight="1">
      <c r="A281" s="20"/>
      <c r="B281" s="25"/>
      <c r="V281" s="238"/>
      <c r="W281" s="238"/>
      <c r="X281" s="238"/>
      <c r="Y281" s="238"/>
      <c r="Z281" s="238"/>
      <c r="AA281" s="629"/>
      <c r="AB281" s="629"/>
      <c r="AC281" s="629"/>
      <c r="AD281" s="238"/>
      <c r="AE281" s="238"/>
      <c r="AF281" s="238"/>
      <c r="AG281" s="238"/>
      <c r="AH281" s="238"/>
      <c r="AI281" s="238"/>
      <c r="AJ281" s="238"/>
      <c r="AK281" s="55"/>
      <c r="AL281" s="37"/>
      <c r="AM281" s="16"/>
    </row>
    <row r="282" spans="1:40" s="1" customFormat="1" ht="13.4" customHeight="1">
      <c r="A282" s="20"/>
      <c r="B282" s="20"/>
      <c r="C282" s="52" t="s">
        <v>380</v>
      </c>
      <c r="D282" s="53"/>
      <c r="E282" s="26"/>
      <c r="F282" s="26"/>
      <c r="G282" s="26"/>
      <c r="H282" s="26"/>
      <c r="I282" s="26"/>
      <c r="J282" s="26" t="s">
        <v>726</v>
      </c>
      <c r="K282" s="71"/>
      <c r="L282" s="26"/>
      <c r="M282" s="71"/>
      <c r="N282" s="26"/>
      <c r="O282" s="26"/>
      <c r="P282" s="26"/>
      <c r="Q282" s="26"/>
      <c r="R282" s="26"/>
      <c r="S282" s="26"/>
      <c r="T282" s="26"/>
      <c r="U282" s="26" t="s">
        <v>1537</v>
      </c>
      <c r="V282" s="122"/>
      <c r="W282" s="122"/>
      <c r="X282" s="122"/>
      <c r="Y282" s="122"/>
      <c r="Z282" s="122"/>
      <c r="AA282" s="630"/>
      <c r="AB282" s="630"/>
      <c r="AC282" s="630"/>
      <c r="AD282" s="122"/>
      <c r="AE282" s="122"/>
      <c r="AF282" s="122"/>
      <c r="AG282" s="122"/>
      <c r="AH282" s="122"/>
      <c r="AI282" s="122"/>
      <c r="AJ282" s="122"/>
      <c r="AK282" s="26"/>
      <c r="AL282" s="38"/>
      <c r="AM282" s="26"/>
    </row>
    <row r="283" spans="1:40" ht="13.5" customHeight="1">
      <c r="A283" s="20"/>
      <c r="B283" s="51"/>
      <c r="C283" s="583" t="s">
        <v>73</v>
      </c>
      <c r="D283" s="573"/>
      <c r="E283" s="583" t="s">
        <v>94</v>
      </c>
      <c r="F283" s="583"/>
      <c r="G283" s="583"/>
      <c r="H283" s="583"/>
      <c r="I283" s="583"/>
      <c r="J283" s="583"/>
      <c r="K283" s="583"/>
      <c r="L283" s="583"/>
      <c r="M283" s="583"/>
      <c r="N283" s="583"/>
      <c r="O283" s="583"/>
      <c r="P283" s="583"/>
      <c r="Q283" s="583"/>
      <c r="R283" s="583"/>
      <c r="S283" s="583"/>
      <c r="T283" s="583"/>
      <c r="U283" s="226" t="s">
        <v>383</v>
      </c>
      <c r="V283" s="572" t="s">
        <v>138</v>
      </c>
      <c r="W283" s="572"/>
      <c r="X283" s="572"/>
      <c r="Y283" s="572"/>
      <c r="Z283" s="572"/>
      <c r="AA283" s="598" t="s">
        <v>959</v>
      </c>
      <c r="AB283" s="599"/>
      <c r="AC283" s="600"/>
      <c r="AD283" s="572" t="s">
        <v>97</v>
      </c>
      <c r="AE283" s="572"/>
      <c r="AF283" s="572" t="s">
        <v>98</v>
      </c>
      <c r="AG283" s="572"/>
      <c r="AH283" s="583" t="s">
        <v>75</v>
      </c>
      <c r="AI283" s="583"/>
      <c r="AJ283" s="583"/>
      <c r="AK283" s="581" t="s">
        <v>159</v>
      </c>
      <c r="AL283" s="38"/>
      <c r="AM283" s="16"/>
    </row>
    <row r="284" spans="1:40" ht="13.4" customHeight="1">
      <c r="A284" s="20"/>
      <c r="B284" s="51"/>
      <c r="C284" s="573"/>
      <c r="D284" s="573"/>
      <c r="E284" s="583"/>
      <c r="F284" s="583"/>
      <c r="G284" s="583"/>
      <c r="H284" s="583"/>
      <c r="I284" s="583"/>
      <c r="J284" s="583"/>
      <c r="K284" s="583"/>
      <c r="L284" s="583"/>
      <c r="M284" s="583"/>
      <c r="N284" s="583"/>
      <c r="O284" s="583"/>
      <c r="P284" s="583"/>
      <c r="Q284" s="583"/>
      <c r="R284" s="583"/>
      <c r="S284" s="583"/>
      <c r="T284" s="583"/>
      <c r="U284" s="227"/>
      <c r="V284" s="572"/>
      <c r="W284" s="572"/>
      <c r="X284" s="572"/>
      <c r="Y284" s="572"/>
      <c r="Z284" s="572"/>
      <c r="AA284" s="601"/>
      <c r="AB284" s="602"/>
      <c r="AC284" s="603"/>
      <c r="AD284" s="572"/>
      <c r="AE284" s="572"/>
      <c r="AF284" s="572"/>
      <c r="AG284" s="572"/>
      <c r="AH284" s="583"/>
      <c r="AI284" s="583"/>
      <c r="AJ284" s="583"/>
      <c r="AK284" s="582"/>
      <c r="AL284" s="38"/>
      <c r="AM284" s="16"/>
    </row>
    <row r="285" spans="1:40" s="13" customFormat="1" ht="13.4" customHeight="1">
      <c r="A285" s="20"/>
      <c r="B285" s="20"/>
      <c r="C285" s="541">
        <v>1</v>
      </c>
      <c r="D285" s="542"/>
      <c r="E285" s="563" t="s">
        <v>440</v>
      </c>
      <c r="F285" s="564"/>
      <c r="G285" s="564"/>
      <c r="H285" s="564"/>
      <c r="I285" s="564"/>
      <c r="J285" s="564"/>
      <c r="K285" s="564"/>
      <c r="L285" s="564"/>
      <c r="M285" s="564"/>
      <c r="N285" s="564"/>
      <c r="O285" s="564"/>
      <c r="P285" s="564"/>
      <c r="Q285" s="564"/>
      <c r="R285" s="564"/>
      <c r="S285" s="564"/>
      <c r="T285" s="565"/>
      <c r="U285" s="219" t="s">
        <v>441</v>
      </c>
      <c r="V285" s="546" t="s">
        <v>101</v>
      </c>
      <c r="W285" s="547"/>
      <c r="X285" s="547"/>
      <c r="Y285" s="547"/>
      <c r="Z285" s="548"/>
      <c r="AA285" s="623" t="s">
        <v>102</v>
      </c>
      <c r="AB285" s="624"/>
      <c r="AC285" s="625"/>
      <c r="AD285" s="415">
        <v>10</v>
      </c>
      <c r="AE285" s="415" t="s">
        <v>103</v>
      </c>
      <c r="AF285" s="646"/>
      <c r="AG285" s="647"/>
      <c r="AH285" s="549"/>
      <c r="AI285" s="550"/>
      <c r="AJ285" s="551"/>
      <c r="AK285" s="265"/>
      <c r="AL285" s="38"/>
      <c r="AM285" s="54"/>
      <c r="AN285" s="13" t="str">
        <f>$S$20</f>
        <v>■</v>
      </c>
    </row>
    <row r="286" spans="1:40" s="13" customFormat="1" ht="13.4" customHeight="1">
      <c r="A286" s="20"/>
      <c r="B286" s="20"/>
      <c r="C286" s="541">
        <v>2</v>
      </c>
      <c r="D286" s="542"/>
      <c r="E286" s="563" t="s">
        <v>442</v>
      </c>
      <c r="F286" s="564"/>
      <c r="G286" s="564"/>
      <c r="H286" s="564"/>
      <c r="I286" s="564"/>
      <c r="J286" s="564"/>
      <c r="K286" s="564"/>
      <c r="L286" s="564"/>
      <c r="M286" s="564"/>
      <c r="N286" s="564"/>
      <c r="O286" s="564"/>
      <c r="P286" s="564"/>
      <c r="Q286" s="564"/>
      <c r="R286" s="564"/>
      <c r="S286" s="564"/>
      <c r="T286" s="565"/>
      <c r="U286" s="219" t="s">
        <v>443</v>
      </c>
      <c r="V286" s="546" t="s">
        <v>101</v>
      </c>
      <c r="W286" s="547"/>
      <c r="X286" s="547"/>
      <c r="Y286" s="547"/>
      <c r="Z286" s="548"/>
      <c r="AA286" s="623" t="s">
        <v>102</v>
      </c>
      <c r="AB286" s="624"/>
      <c r="AC286" s="625"/>
      <c r="AD286" s="415">
        <v>51</v>
      </c>
      <c r="AE286" s="415" t="s">
        <v>103</v>
      </c>
      <c r="AF286" s="646"/>
      <c r="AG286" s="647"/>
      <c r="AH286" s="549"/>
      <c r="AI286" s="550"/>
      <c r="AJ286" s="551"/>
      <c r="AK286" s="265"/>
      <c r="AL286" s="38"/>
      <c r="AM286" s="54"/>
      <c r="AN286" s="13" t="str">
        <f t="shared" ref="AN286:AN295" si="10">$S$20</f>
        <v>■</v>
      </c>
    </row>
    <row r="287" spans="1:40" s="13" customFormat="1" ht="13.4" customHeight="1">
      <c r="A287" s="20"/>
      <c r="B287" s="20"/>
      <c r="C287" s="552">
        <v>3</v>
      </c>
      <c r="D287" s="553"/>
      <c r="E287" s="566" t="s">
        <v>106</v>
      </c>
      <c r="F287" s="567"/>
      <c r="G287" s="567"/>
      <c r="H287" s="567"/>
      <c r="I287" s="567"/>
      <c r="J287" s="567"/>
      <c r="K287" s="567"/>
      <c r="L287" s="567"/>
      <c r="M287" s="567"/>
      <c r="N287" s="567"/>
      <c r="O287" s="567"/>
      <c r="P287" s="567"/>
      <c r="Q287" s="567"/>
      <c r="R287" s="567"/>
      <c r="S287" s="567"/>
      <c r="T287" s="568"/>
      <c r="U287" s="230" t="s">
        <v>444</v>
      </c>
      <c r="V287" s="557" t="s">
        <v>107</v>
      </c>
      <c r="W287" s="558"/>
      <c r="X287" s="558"/>
      <c r="Y287" s="558"/>
      <c r="Z287" s="559"/>
      <c r="AA287" s="626" t="s">
        <v>108</v>
      </c>
      <c r="AB287" s="627"/>
      <c r="AC287" s="628"/>
      <c r="AD287" s="419">
        <v>1</v>
      </c>
      <c r="AE287" s="419">
        <v>0</v>
      </c>
      <c r="AF287" s="569" t="s">
        <v>109</v>
      </c>
      <c r="AG287" s="570"/>
      <c r="AH287" s="560"/>
      <c r="AI287" s="561"/>
      <c r="AJ287" s="562"/>
      <c r="AK287" s="346" t="s">
        <v>416</v>
      </c>
      <c r="AL287" s="38"/>
      <c r="AM287" s="54"/>
      <c r="AN287" s="13" t="str">
        <f t="shared" si="10"/>
        <v>■</v>
      </c>
    </row>
    <row r="288" spans="1:40" s="13" customFormat="1" ht="13.4" customHeight="1">
      <c r="A288" s="20"/>
      <c r="B288" s="20"/>
      <c r="C288" s="541">
        <v>4</v>
      </c>
      <c r="D288" s="542"/>
      <c r="E288" s="563" t="s">
        <v>110</v>
      </c>
      <c r="F288" s="564"/>
      <c r="G288" s="564"/>
      <c r="H288" s="564"/>
      <c r="I288" s="564"/>
      <c r="J288" s="564"/>
      <c r="K288" s="564"/>
      <c r="L288" s="564"/>
      <c r="M288" s="564"/>
      <c r="N288" s="564"/>
      <c r="O288" s="564"/>
      <c r="P288" s="564"/>
      <c r="Q288" s="564"/>
      <c r="R288" s="564"/>
      <c r="S288" s="564"/>
      <c r="T288" s="565"/>
      <c r="U288" s="229" t="s">
        <v>445</v>
      </c>
      <c r="V288" s="546" t="s">
        <v>107</v>
      </c>
      <c r="W288" s="547"/>
      <c r="X288" s="547"/>
      <c r="Y288" s="547"/>
      <c r="Z288" s="548"/>
      <c r="AA288" s="623" t="s">
        <v>108</v>
      </c>
      <c r="AB288" s="624"/>
      <c r="AC288" s="625"/>
      <c r="AD288" s="415">
        <v>1</v>
      </c>
      <c r="AE288" s="415">
        <v>0</v>
      </c>
      <c r="AF288" s="646"/>
      <c r="AG288" s="647"/>
      <c r="AH288" s="549"/>
      <c r="AI288" s="550"/>
      <c r="AJ288" s="551"/>
      <c r="AK288" s="265"/>
      <c r="AL288" s="38"/>
      <c r="AM288" s="54"/>
      <c r="AN288" s="13" t="str">
        <f t="shared" si="10"/>
        <v>■</v>
      </c>
    </row>
    <row r="289" spans="1:40" s="13" customFormat="1">
      <c r="A289" s="20"/>
      <c r="B289" s="20"/>
      <c r="C289" s="541">
        <v>5</v>
      </c>
      <c r="D289" s="542"/>
      <c r="E289" s="543" t="s">
        <v>80</v>
      </c>
      <c r="F289" s="544"/>
      <c r="G289" s="544"/>
      <c r="H289" s="544"/>
      <c r="I289" s="544"/>
      <c r="J289" s="544"/>
      <c r="K289" s="544"/>
      <c r="L289" s="544"/>
      <c r="M289" s="544"/>
      <c r="N289" s="544"/>
      <c r="O289" s="544"/>
      <c r="P289" s="544"/>
      <c r="Q289" s="544"/>
      <c r="R289" s="544"/>
      <c r="S289" s="544"/>
      <c r="T289" s="545"/>
      <c r="U289" s="229" t="s">
        <v>446</v>
      </c>
      <c r="V289" s="546" t="s">
        <v>101</v>
      </c>
      <c r="W289" s="547"/>
      <c r="X289" s="547"/>
      <c r="Y289" s="547"/>
      <c r="Z289" s="548"/>
      <c r="AA289" s="623" t="s">
        <v>102</v>
      </c>
      <c r="AB289" s="624"/>
      <c r="AC289" s="625"/>
      <c r="AD289" s="415">
        <v>2</v>
      </c>
      <c r="AE289" s="415" t="s">
        <v>103</v>
      </c>
      <c r="AF289" s="646"/>
      <c r="AG289" s="647"/>
      <c r="AH289" s="549"/>
      <c r="AI289" s="550"/>
      <c r="AJ289" s="551"/>
      <c r="AK289" s="265"/>
      <c r="AL289" s="38"/>
      <c r="AM289" s="54"/>
      <c r="AN289" s="13" t="str">
        <f t="shared" si="10"/>
        <v>■</v>
      </c>
    </row>
    <row r="290" spans="1:40" s="13" customFormat="1">
      <c r="A290" s="20"/>
      <c r="B290" s="20"/>
      <c r="C290" s="541">
        <v>6</v>
      </c>
      <c r="D290" s="542"/>
      <c r="E290" s="543" t="s">
        <v>728</v>
      </c>
      <c r="F290" s="544"/>
      <c r="G290" s="544"/>
      <c r="H290" s="544"/>
      <c r="I290" s="544"/>
      <c r="J290" s="544"/>
      <c r="K290" s="544"/>
      <c r="L290" s="544"/>
      <c r="M290" s="544"/>
      <c r="N290" s="544"/>
      <c r="O290" s="544"/>
      <c r="P290" s="544"/>
      <c r="Q290" s="544"/>
      <c r="R290" s="544"/>
      <c r="S290" s="544"/>
      <c r="T290" s="545"/>
      <c r="U290" s="225" t="s">
        <v>729</v>
      </c>
      <c r="V290" s="546" t="s">
        <v>107</v>
      </c>
      <c r="W290" s="547"/>
      <c r="X290" s="547"/>
      <c r="Y290" s="547"/>
      <c r="Z290" s="548"/>
      <c r="AA290" s="623" t="s">
        <v>102</v>
      </c>
      <c r="AB290" s="624"/>
      <c r="AC290" s="625"/>
      <c r="AD290" s="415">
        <v>9</v>
      </c>
      <c r="AE290" s="415" t="s">
        <v>103</v>
      </c>
      <c r="AF290" s="646"/>
      <c r="AG290" s="647"/>
      <c r="AH290" s="549"/>
      <c r="AI290" s="550"/>
      <c r="AJ290" s="551"/>
      <c r="AK290" s="265"/>
      <c r="AL290" s="38"/>
      <c r="AM290" s="54"/>
      <c r="AN290" s="13" t="str">
        <f t="shared" si="10"/>
        <v>■</v>
      </c>
    </row>
    <row r="291" spans="1:40" s="13" customFormat="1">
      <c r="A291" s="20"/>
      <c r="B291" s="20"/>
      <c r="C291" s="552">
        <v>7</v>
      </c>
      <c r="D291" s="553"/>
      <c r="E291" s="554" t="s">
        <v>730</v>
      </c>
      <c r="F291" s="555"/>
      <c r="G291" s="555"/>
      <c r="H291" s="555"/>
      <c r="I291" s="555"/>
      <c r="J291" s="555"/>
      <c r="K291" s="555"/>
      <c r="L291" s="555"/>
      <c r="M291" s="555"/>
      <c r="N291" s="555"/>
      <c r="O291" s="555"/>
      <c r="P291" s="555"/>
      <c r="Q291" s="555"/>
      <c r="R291" s="555"/>
      <c r="S291" s="555"/>
      <c r="T291" s="556"/>
      <c r="U291" s="261" t="s">
        <v>731</v>
      </c>
      <c r="V291" s="557" t="s">
        <v>1054</v>
      </c>
      <c r="W291" s="558"/>
      <c r="X291" s="558"/>
      <c r="Y291" s="558"/>
      <c r="Z291" s="559"/>
      <c r="AA291" s="626" t="s">
        <v>102</v>
      </c>
      <c r="AB291" s="627"/>
      <c r="AC291" s="628"/>
      <c r="AD291" s="419">
        <v>38</v>
      </c>
      <c r="AE291" s="419" t="s">
        <v>103</v>
      </c>
      <c r="AF291" s="569" t="s">
        <v>109</v>
      </c>
      <c r="AG291" s="570"/>
      <c r="AH291" s="560"/>
      <c r="AI291" s="561"/>
      <c r="AJ291" s="562"/>
      <c r="AK291" s="321" t="s">
        <v>391</v>
      </c>
      <c r="AL291" s="38"/>
      <c r="AM291" s="54"/>
      <c r="AN291" s="13" t="str">
        <f t="shared" si="10"/>
        <v>■</v>
      </c>
    </row>
    <row r="292" spans="1:40" s="13" customFormat="1">
      <c r="A292" s="20"/>
      <c r="B292" s="20"/>
      <c r="C292" s="541">
        <v>8</v>
      </c>
      <c r="D292" s="542"/>
      <c r="E292" s="543" t="s">
        <v>1395</v>
      </c>
      <c r="F292" s="544"/>
      <c r="G292" s="544"/>
      <c r="H292" s="544"/>
      <c r="I292" s="544"/>
      <c r="J292" s="544"/>
      <c r="K292" s="544"/>
      <c r="L292" s="544"/>
      <c r="M292" s="544"/>
      <c r="N292" s="544"/>
      <c r="O292" s="544"/>
      <c r="P292" s="544"/>
      <c r="Q292" s="544"/>
      <c r="R292" s="544"/>
      <c r="S292" s="544"/>
      <c r="T292" s="545"/>
      <c r="U292" s="225" t="s">
        <v>1396</v>
      </c>
      <c r="V292" s="546" t="s">
        <v>107</v>
      </c>
      <c r="W292" s="547"/>
      <c r="X292" s="547"/>
      <c r="Y292" s="547"/>
      <c r="Z292" s="548"/>
      <c r="AA292" s="623" t="s">
        <v>108</v>
      </c>
      <c r="AB292" s="624"/>
      <c r="AC292" s="625"/>
      <c r="AD292" s="415">
        <v>5</v>
      </c>
      <c r="AE292" s="415">
        <v>0</v>
      </c>
      <c r="AF292" s="646"/>
      <c r="AG292" s="647"/>
      <c r="AH292" s="549"/>
      <c r="AI292" s="550"/>
      <c r="AJ292" s="551"/>
      <c r="AK292" s="265"/>
      <c r="AL292" s="38"/>
      <c r="AM292" s="54"/>
      <c r="AN292" s="13" t="str">
        <f t="shared" si="10"/>
        <v>■</v>
      </c>
    </row>
    <row r="293" spans="1:40" s="13" customFormat="1">
      <c r="A293" s="20"/>
      <c r="B293" s="20"/>
      <c r="C293" s="541">
        <v>9</v>
      </c>
      <c r="D293" s="542"/>
      <c r="E293" s="543" t="s">
        <v>1397</v>
      </c>
      <c r="F293" s="544"/>
      <c r="G293" s="544"/>
      <c r="H293" s="544"/>
      <c r="I293" s="544"/>
      <c r="J293" s="544"/>
      <c r="K293" s="544"/>
      <c r="L293" s="544"/>
      <c r="M293" s="544"/>
      <c r="N293" s="544"/>
      <c r="O293" s="544"/>
      <c r="P293" s="544"/>
      <c r="Q293" s="544"/>
      <c r="R293" s="544"/>
      <c r="S293" s="544"/>
      <c r="T293" s="545"/>
      <c r="U293" s="225" t="s">
        <v>1398</v>
      </c>
      <c r="V293" s="546" t="s">
        <v>107</v>
      </c>
      <c r="W293" s="547"/>
      <c r="X293" s="547"/>
      <c r="Y293" s="547"/>
      <c r="Z293" s="548"/>
      <c r="AA293" s="623" t="s">
        <v>108</v>
      </c>
      <c r="AB293" s="624"/>
      <c r="AC293" s="625"/>
      <c r="AD293" s="415">
        <v>5</v>
      </c>
      <c r="AE293" s="415">
        <v>0</v>
      </c>
      <c r="AF293" s="646"/>
      <c r="AG293" s="647"/>
      <c r="AH293" s="549"/>
      <c r="AI293" s="550"/>
      <c r="AJ293" s="551"/>
      <c r="AK293" s="265"/>
      <c r="AL293" s="29"/>
      <c r="AM293" s="54"/>
      <c r="AN293" s="13" t="str">
        <f t="shared" si="10"/>
        <v>■</v>
      </c>
    </row>
    <row r="294" spans="1:40" s="13" customFormat="1" ht="13.4" customHeight="1">
      <c r="A294" s="20"/>
      <c r="B294" s="20"/>
      <c r="C294" s="541">
        <v>10</v>
      </c>
      <c r="D294" s="542"/>
      <c r="E294" s="543" t="s">
        <v>1351</v>
      </c>
      <c r="F294" s="544"/>
      <c r="G294" s="544"/>
      <c r="H294" s="544"/>
      <c r="I294" s="544"/>
      <c r="J294" s="544"/>
      <c r="K294" s="544"/>
      <c r="L294" s="544"/>
      <c r="M294" s="544"/>
      <c r="N294" s="544"/>
      <c r="O294" s="544"/>
      <c r="P294" s="544"/>
      <c r="Q294" s="544"/>
      <c r="R294" s="544"/>
      <c r="S294" s="544"/>
      <c r="T294" s="545"/>
      <c r="U294" s="229" t="s">
        <v>453</v>
      </c>
      <c r="V294" s="546" t="s">
        <v>107</v>
      </c>
      <c r="W294" s="547"/>
      <c r="X294" s="547"/>
      <c r="Y294" s="547"/>
      <c r="Z294" s="548"/>
      <c r="AA294" s="623" t="s">
        <v>102</v>
      </c>
      <c r="AB294" s="624"/>
      <c r="AC294" s="625"/>
      <c r="AD294" s="415">
        <v>6</v>
      </c>
      <c r="AE294" s="415" t="s">
        <v>103</v>
      </c>
      <c r="AF294" s="646"/>
      <c r="AG294" s="647"/>
      <c r="AH294" s="549"/>
      <c r="AI294" s="550"/>
      <c r="AJ294" s="551"/>
      <c r="AK294" s="265"/>
      <c r="AL294" s="48"/>
      <c r="AM294" s="54"/>
      <c r="AN294" s="13" t="str">
        <f t="shared" si="10"/>
        <v>■</v>
      </c>
    </row>
    <row r="295" spans="1:40" s="13" customFormat="1" ht="13.4" customHeight="1">
      <c r="A295" s="20"/>
      <c r="B295" s="20"/>
      <c r="C295" s="541">
        <v>11</v>
      </c>
      <c r="D295" s="542"/>
      <c r="E295" s="543" t="s">
        <v>411</v>
      </c>
      <c r="F295" s="544"/>
      <c r="G295" s="544"/>
      <c r="H295" s="544"/>
      <c r="I295" s="544"/>
      <c r="J295" s="544"/>
      <c r="K295" s="544"/>
      <c r="L295" s="544"/>
      <c r="M295" s="544"/>
      <c r="N295" s="544"/>
      <c r="O295" s="544"/>
      <c r="P295" s="544"/>
      <c r="Q295" s="544"/>
      <c r="R295" s="544"/>
      <c r="S295" s="544"/>
      <c r="T295" s="545"/>
      <c r="U295" s="229" t="s">
        <v>516</v>
      </c>
      <c r="V295" s="546" t="s">
        <v>107</v>
      </c>
      <c r="W295" s="547"/>
      <c r="X295" s="547"/>
      <c r="Y295" s="547"/>
      <c r="Z295" s="548"/>
      <c r="AA295" s="623" t="s">
        <v>102</v>
      </c>
      <c r="AB295" s="624"/>
      <c r="AC295" s="625"/>
      <c r="AD295" s="415">
        <v>6</v>
      </c>
      <c r="AE295" s="415" t="s">
        <v>103</v>
      </c>
      <c r="AF295" s="646"/>
      <c r="AG295" s="647"/>
      <c r="AH295" s="549"/>
      <c r="AI295" s="550"/>
      <c r="AJ295" s="551"/>
      <c r="AK295" s="265"/>
      <c r="AL295" s="37"/>
      <c r="AM295" s="54"/>
      <c r="AN295" s="13" t="str">
        <f t="shared" si="10"/>
        <v>■</v>
      </c>
    </row>
    <row r="296" spans="1:40" ht="13.4" customHeight="1">
      <c r="A296" s="20"/>
      <c r="B296" s="25"/>
      <c r="V296" s="238"/>
      <c r="W296" s="238"/>
      <c r="X296" s="238"/>
      <c r="Y296" s="238"/>
      <c r="Z296" s="238"/>
      <c r="AA296" s="629"/>
      <c r="AB296" s="629"/>
      <c r="AC296" s="629"/>
      <c r="AD296" s="238"/>
      <c r="AE296" s="238"/>
      <c r="AF296" s="238"/>
      <c r="AG296" s="238"/>
      <c r="AH296" s="238"/>
      <c r="AI296" s="238"/>
      <c r="AJ296" s="238"/>
      <c r="AK296" s="55"/>
      <c r="AL296" s="37"/>
      <c r="AM296" s="16"/>
    </row>
    <row r="297" spans="1:40" s="1" customFormat="1" ht="13.4" customHeight="1">
      <c r="A297" s="20"/>
      <c r="B297" s="20"/>
      <c r="C297" s="52" t="s">
        <v>380</v>
      </c>
      <c r="D297" s="53"/>
      <c r="E297" s="26"/>
      <c r="F297" s="26"/>
      <c r="G297" s="26"/>
      <c r="H297" s="26"/>
      <c r="I297" s="26"/>
      <c r="J297" s="26" t="s">
        <v>1538</v>
      </c>
      <c r="K297" s="71"/>
      <c r="L297" s="26"/>
      <c r="M297" s="71"/>
      <c r="N297" s="26"/>
      <c r="O297" s="26"/>
      <c r="P297" s="26"/>
      <c r="Q297" s="26"/>
      <c r="R297" s="26"/>
      <c r="S297" s="26"/>
      <c r="T297" s="26"/>
      <c r="U297" s="26" t="s">
        <v>1539</v>
      </c>
      <c r="V297" s="122"/>
      <c r="W297" s="122"/>
      <c r="X297" s="122"/>
      <c r="Y297" s="122"/>
      <c r="Z297" s="122"/>
      <c r="AA297" s="630"/>
      <c r="AB297" s="630"/>
      <c r="AC297" s="630"/>
      <c r="AD297" s="122"/>
      <c r="AE297" s="122"/>
      <c r="AF297" s="122"/>
      <c r="AG297" s="122"/>
      <c r="AH297" s="122"/>
      <c r="AI297" s="122"/>
      <c r="AJ297" s="122"/>
      <c r="AK297" s="26"/>
      <c r="AL297" s="38"/>
      <c r="AM297" s="26"/>
    </row>
    <row r="298" spans="1:40" ht="13.5" customHeight="1">
      <c r="A298" s="20"/>
      <c r="B298" s="51"/>
      <c r="C298" s="583" t="s">
        <v>73</v>
      </c>
      <c r="D298" s="573"/>
      <c r="E298" s="583" t="s">
        <v>94</v>
      </c>
      <c r="F298" s="583"/>
      <c r="G298" s="583"/>
      <c r="H298" s="583"/>
      <c r="I298" s="583"/>
      <c r="J298" s="583"/>
      <c r="K298" s="583"/>
      <c r="L298" s="583"/>
      <c r="M298" s="583"/>
      <c r="N298" s="583"/>
      <c r="O298" s="583"/>
      <c r="P298" s="583"/>
      <c r="Q298" s="583"/>
      <c r="R298" s="583"/>
      <c r="S298" s="583"/>
      <c r="T298" s="583"/>
      <c r="U298" s="226" t="s">
        <v>383</v>
      </c>
      <c r="V298" s="572" t="s">
        <v>138</v>
      </c>
      <c r="W298" s="572"/>
      <c r="X298" s="572"/>
      <c r="Y298" s="572"/>
      <c r="Z298" s="572"/>
      <c r="AA298" s="598" t="s">
        <v>959</v>
      </c>
      <c r="AB298" s="599"/>
      <c r="AC298" s="600"/>
      <c r="AD298" s="572" t="s">
        <v>97</v>
      </c>
      <c r="AE298" s="572"/>
      <c r="AF298" s="572" t="s">
        <v>98</v>
      </c>
      <c r="AG298" s="572"/>
      <c r="AH298" s="583" t="s">
        <v>75</v>
      </c>
      <c r="AI298" s="583"/>
      <c r="AJ298" s="583"/>
      <c r="AK298" s="581" t="s">
        <v>159</v>
      </c>
      <c r="AL298" s="38"/>
      <c r="AM298" s="16"/>
    </row>
    <row r="299" spans="1:40" ht="13.4" customHeight="1">
      <c r="A299" s="20"/>
      <c r="B299" s="51"/>
      <c r="C299" s="573"/>
      <c r="D299" s="573"/>
      <c r="E299" s="583"/>
      <c r="F299" s="583"/>
      <c r="G299" s="583"/>
      <c r="H299" s="583"/>
      <c r="I299" s="583"/>
      <c r="J299" s="583"/>
      <c r="K299" s="583"/>
      <c r="L299" s="583"/>
      <c r="M299" s="583"/>
      <c r="N299" s="583"/>
      <c r="O299" s="583"/>
      <c r="P299" s="583"/>
      <c r="Q299" s="583"/>
      <c r="R299" s="583"/>
      <c r="S299" s="583"/>
      <c r="T299" s="583"/>
      <c r="U299" s="227"/>
      <c r="V299" s="572"/>
      <c r="W299" s="572"/>
      <c r="X299" s="572"/>
      <c r="Y299" s="572"/>
      <c r="Z299" s="572"/>
      <c r="AA299" s="601"/>
      <c r="AB299" s="602"/>
      <c r="AC299" s="603"/>
      <c r="AD299" s="572"/>
      <c r="AE299" s="572"/>
      <c r="AF299" s="572"/>
      <c r="AG299" s="572"/>
      <c r="AH299" s="583"/>
      <c r="AI299" s="583"/>
      <c r="AJ299" s="583"/>
      <c r="AK299" s="582"/>
      <c r="AL299" s="38"/>
      <c r="AM299" s="16"/>
    </row>
    <row r="300" spans="1:40" s="13" customFormat="1" ht="13.4" customHeight="1">
      <c r="A300" s="20"/>
      <c r="B300" s="20"/>
      <c r="C300" s="541">
        <v>1</v>
      </c>
      <c r="D300" s="542"/>
      <c r="E300" s="563" t="s">
        <v>440</v>
      </c>
      <c r="F300" s="564"/>
      <c r="G300" s="564"/>
      <c r="H300" s="564"/>
      <c r="I300" s="564"/>
      <c r="J300" s="564"/>
      <c r="K300" s="564"/>
      <c r="L300" s="564"/>
      <c r="M300" s="564"/>
      <c r="N300" s="564"/>
      <c r="O300" s="564"/>
      <c r="P300" s="564"/>
      <c r="Q300" s="564"/>
      <c r="R300" s="564"/>
      <c r="S300" s="564"/>
      <c r="T300" s="565"/>
      <c r="U300" s="219" t="s">
        <v>441</v>
      </c>
      <c r="V300" s="546" t="s">
        <v>101</v>
      </c>
      <c r="W300" s="547"/>
      <c r="X300" s="547"/>
      <c r="Y300" s="547"/>
      <c r="Z300" s="548"/>
      <c r="AA300" s="623" t="s">
        <v>102</v>
      </c>
      <c r="AB300" s="624"/>
      <c r="AC300" s="625"/>
      <c r="AD300" s="415">
        <v>10</v>
      </c>
      <c r="AE300" s="415" t="s">
        <v>103</v>
      </c>
      <c r="AF300" s="646"/>
      <c r="AG300" s="647"/>
      <c r="AH300" s="549"/>
      <c r="AI300" s="550"/>
      <c r="AJ300" s="551"/>
      <c r="AK300" s="265"/>
      <c r="AL300" s="38"/>
      <c r="AM300" s="54"/>
      <c r="AN300" s="13" t="str">
        <f t="shared" ref="AN300:AN308" si="11">$W$20</f>
        <v>■</v>
      </c>
    </row>
    <row r="301" spans="1:40" s="13" customFormat="1" ht="13.4" customHeight="1">
      <c r="A301" s="20"/>
      <c r="B301" s="20"/>
      <c r="C301" s="541">
        <v>2</v>
      </c>
      <c r="D301" s="542"/>
      <c r="E301" s="563" t="s">
        <v>442</v>
      </c>
      <c r="F301" s="564"/>
      <c r="G301" s="564"/>
      <c r="H301" s="564"/>
      <c r="I301" s="564"/>
      <c r="J301" s="564"/>
      <c r="K301" s="564"/>
      <c r="L301" s="564"/>
      <c r="M301" s="564"/>
      <c r="N301" s="564"/>
      <c r="O301" s="564"/>
      <c r="P301" s="564"/>
      <c r="Q301" s="564"/>
      <c r="R301" s="564"/>
      <c r="S301" s="564"/>
      <c r="T301" s="565"/>
      <c r="U301" s="219" t="s">
        <v>443</v>
      </c>
      <c r="V301" s="546" t="s">
        <v>101</v>
      </c>
      <c r="W301" s="547"/>
      <c r="X301" s="547"/>
      <c r="Y301" s="547"/>
      <c r="Z301" s="548"/>
      <c r="AA301" s="623" t="s">
        <v>102</v>
      </c>
      <c r="AB301" s="624"/>
      <c r="AC301" s="625"/>
      <c r="AD301" s="415">
        <v>51</v>
      </c>
      <c r="AE301" s="415" t="s">
        <v>103</v>
      </c>
      <c r="AF301" s="646"/>
      <c r="AG301" s="647"/>
      <c r="AH301" s="549"/>
      <c r="AI301" s="550"/>
      <c r="AJ301" s="551"/>
      <c r="AK301" s="265"/>
      <c r="AL301" s="38"/>
      <c r="AM301" s="54"/>
      <c r="AN301" s="13" t="str">
        <f t="shared" si="11"/>
        <v>■</v>
      </c>
    </row>
    <row r="302" spans="1:40" s="13" customFormat="1" ht="13.4" customHeight="1">
      <c r="A302" s="20"/>
      <c r="B302" s="20"/>
      <c r="C302" s="552">
        <v>3</v>
      </c>
      <c r="D302" s="553"/>
      <c r="E302" s="566" t="s">
        <v>106</v>
      </c>
      <c r="F302" s="567"/>
      <c r="G302" s="567"/>
      <c r="H302" s="567"/>
      <c r="I302" s="567"/>
      <c r="J302" s="567"/>
      <c r="K302" s="567"/>
      <c r="L302" s="567"/>
      <c r="M302" s="567"/>
      <c r="N302" s="567"/>
      <c r="O302" s="567"/>
      <c r="P302" s="567"/>
      <c r="Q302" s="567"/>
      <c r="R302" s="567"/>
      <c r="S302" s="567"/>
      <c r="T302" s="568"/>
      <c r="U302" s="230" t="s">
        <v>444</v>
      </c>
      <c r="V302" s="557" t="s">
        <v>107</v>
      </c>
      <c r="W302" s="558"/>
      <c r="X302" s="558"/>
      <c r="Y302" s="558"/>
      <c r="Z302" s="559"/>
      <c r="AA302" s="626" t="s">
        <v>108</v>
      </c>
      <c r="AB302" s="627"/>
      <c r="AC302" s="628"/>
      <c r="AD302" s="419">
        <v>1</v>
      </c>
      <c r="AE302" s="419">
        <v>0</v>
      </c>
      <c r="AF302" s="569" t="s">
        <v>109</v>
      </c>
      <c r="AG302" s="570"/>
      <c r="AH302" s="560"/>
      <c r="AI302" s="561"/>
      <c r="AJ302" s="562"/>
      <c r="AK302" s="346" t="s">
        <v>391</v>
      </c>
      <c r="AL302" s="38"/>
      <c r="AM302" s="54"/>
      <c r="AN302" s="13" t="str">
        <f t="shared" si="11"/>
        <v>■</v>
      </c>
    </row>
    <row r="303" spans="1:40" s="13" customFormat="1" ht="13.4" customHeight="1">
      <c r="A303" s="20"/>
      <c r="B303" s="20"/>
      <c r="C303" s="541">
        <v>4</v>
      </c>
      <c r="D303" s="542"/>
      <c r="E303" s="563" t="s">
        <v>110</v>
      </c>
      <c r="F303" s="564"/>
      <c r="G303" s="564"/>
      <c r="H303" s="564"/>
      <c r="I303" s="564"/>
      <c r="J303" s="564"/>
      <c r="K303" s="564"/>
      <c r="L303" s="564"/>
      <c r="M303" s="564"/>
      <c r="N303" s="564"/>
      <c r="O303" s="564"/>
      <c r="P303" s="564"/>
      <c r="Q303" s="564"/>
      <c r="R303" s="564"/>
      <c r="S303" s="564"/>
      <c r="T303" s="565"/>
      <c r="U303" s="229" t="s">
        <v>445</v>
      </c>
      <c r="V303" s="546" t="s">
        <v>107</v>
      </c>
      <c r="W303" s="547"/>
      <c r="X303" s="547"/>
      <c r="Y303" s="547"/>
      <c r="Z303" s="548"/>
      <c r="AA303" s="623" t="s">
        <v>108</v>
      </c>
      <c r="AB303" s="624"/>
      <c r="AC303" s="625"/>
      <c r="AD303" s="415">
        <v>1</v>
      </c>
      <c r="AE303" s="415">
        <v>0</v>
      </c>
      <c r="AF303" s="646"/>
      <c r="AG303" s="647"/>
      <c r="AH303" s="549"/>
      <c r="AI303" s="550"/>
      <c r="AJ303" s="551"/>
      <c r="AK303" s="265"/>
      <c r="AL303" s="38"/>
      <c r="AM303" s="54"/>
      <c r="AN303" s="13" t="str">
        <f t="shared" si="11"/>
        <v>■</v>
      </c>
    </row>
    <row r="304" spans="1:40" s="13" customFormat="1">
      <c r="A304" s="20"/>
      <c r="B304" s="20"/>
      <c r="C304" s="541">
        <v>5</v>
      </c>
      <c r="D304" s="542"/>
      <c r="E304" s="543" t="s">
        <v>80</v>
      </c>
      <c r="F304" s="544"/>
      <c r="G304" s="544"/>
      <c r="H304" s="544"/>
      <c r="I304" s="544"/>
      <c r="J304" s="544"/>
      <c r="K304" s="544"/>
      <c r="L304" s="544"/>
      <c r="M304" s="544"/>
      <c r="N304" s="544"/>
      <c r="O304" s="544"/>
      <c r="P304" s="544"/>
      <c r="Q304" s="544"/>
      <c r="R304" s="544"/>
      <c r="S304" s="544"/>
      <c r="T304" s="545"/>
      <c r="U304" s="229" t="s">
        <v>446</v>
      </c>
      <c r="V304" s="546" t="s">
        <v>101</v>
      </c>
      <c r="W304" s="547"/>
      <c r="X304" s="547"/>
      <c r="Y304" s="547"/>
      <c r="Z304" s="548"/>
      <c r="AA304" s="623" t="s">
        <v>102</v>
      </c>
      <c r="AB304" s="624"/>
      <c r="AC304" s="625"/>
      <c r="AD304" s="415">
        <v>2</v>
      </c>
      <c r="AE304" s="415" t="s">
        <v>103</v>
      </c>
      <c r="AF304" s="646"/>
      <c r="AG304" s="647"/>
      <c r="AH304" s="549"/>
      <c r="AI304" s="550"/>
      <c r="AJ304" s="551"/>
      <c r="AK304" s="265"/>
      <c r="AL304" s="38"/>
      <c r="AM304" s="54"/>
      <c r="AN304" s="13" t="str">
        <f t="shared" si="11"/>
        <v>■</v>
      </c>
    </row>
    <row r="305" spans="1:40" s="13" customFormat="1">
      <c r="A305" s="20"/>
      <c r="B305" s="20"/>
      <c r="C305" s="541">
        <v>6</v>
      </c>
      <c r="D305" s="542"/>
      <c r="E305" s="543" t="s">
        <v>728</v>
      </c>
      <c r="F305" s="544"/>
      <c r="G305" s="544"/>
      <c r="H305" s="544"/>
      <c r="I305" s="544"/>
      <c r="J305" s="544"/>
      <c r="K305" s="544"/>
      <c r="L305" s="544"/>
      <c r="M305" s="544"/>
      <c r="N305" s="544"/>
      <c r="O305" s="544"/>
      <c r="P305" s="544"/>
      <c r="Q305" s="544"/>
      <c r="R305" s="544"/>
      <c r="S305" s="544"/>
      <c r="T305" s="545"/>
      <c r="U305" s="229" t="s">
        <v>729</v>
      </c>
      <c r="V305" s="546" t="s">
        <v>107</v>
      </c>
      <c r="W305" s="547"/>
      <c r="X305" s="547"/>
      <c r="Y305" s="547"/>
      <c r="Z305" s="548"/>
      <c r="AA305" s="623" t="s">
        <v>102</v>
      </c>
      <c r="AB305" s="624"/>
      <c r="AC305" s="625"/>
      <c r="AD305" s="415">
        <v>9</v>
      </c>
      <c r="AE305" s="415" t="s">
        <v>103</v>
      </c>
      <c r="AF305" s="646"/>
      <c r="AG305" s="647"/>
      <c r="AH305" s="549"/>
      <c r="AI305" s="550"/>
      <c r="AJ305" s="551"/>
      <c r="AK305" s="265"/>
      <c r="AL305" s="38"/>
      <c r="AM305" s="54"/>
      <c r="AN305" s="13" t="str">
        <f t="shared" si="11"/>
        <v>■</v>
      </c>
    </row>
    <row r="306" spans="1:40" s="13" customFormat="1">
      <c r="A306" s="20"/>
      <c r="B306" s="20"/>
      <c r="C306" s="552">
        <v>7</v>
      </c>
      <c r="D306" s="553"/>
      <c r="E306" s="554" t="s">
        <v>730</v>
      </c>
      <c r="F306" s="555"/>
      <c r="G306" s="555"/>
      <c r="H306" s="555"/>
      <c r="I306" s="555"/>
      <c r="J306" s="555"/>
      <c r="K306" s="555"/>
      <c r="L306" s="555"/>
      <c r="M306" s="555"/>
      <c r="N306" s="555"/>
      <c r="O306" s="555"/>
      <c r="P306" s="555"/>
      <c r="Q306" s="555"/>
      <c r="R306" s="555"/>
      <c r="S306" s="555"/>
      <c r="T306" s="556"/>
      <c r="U306" s="262" t="s">
        <v>731</v>
      </c>
      <c r="V306" s="557" t="s">
        <v>398</v>
      </c>
      <c r="W306" s="558"/>
      <c r="X306" s="558"/>
      <c r="Y306" s="558"/>
      <c r="Z306" s="559"/>
      <c r="AA306" s="626" t="s">
        <v>102</v>
      </c>
      <c r="AB306" s="627"/>
      <c r="AC306" s="628"/>
      <c r="AD306" s="419">
        <v>38</v>
      </c>
      <c r="AE306" s="419" t="s">
        <v>103</v>
      </c>
      <c r="AF306" s="569" t="s">
        <v>109</v>
      </c>
      <c r="AG306" s="570"/>
      <c r="AH306" s="560"/>
      <c r="AI306" s="561"/>
      <c r="AJ306" s="562"/>
      <c r="AK306" s="333" t="s">
        <v>399</v>
      </c>
      <c r="AL306" s="29"/>
      <c r="AM306" s="54"/>
      <c r="AN306" s="13" t="str">
        <f t="shared" si="11"/>
        <v>■</v>
      </c>
    </row>
    <row r="307" spans="1:40" s="13" customFormat="1">
      <c r="A307" s="20"/>
      <c r="B307" s="20"/>
      <c r="C307" s="541">
        <v>8</v>
      </c>
      <c r="D307" s="542"/>
      <c r="E307" s="543" t="s">
        <v>1351</v>
      </c>
      <c r="F307" s="544"/>
      <c r="G307" s="544"/>
      <c r="H307" s="544"/>
      <c r="I307" s="544"/>
      <c r="J307" s="544"/>
      <c r="K307" s="544"/>
      <c r="L307" s="544"/>
      <c r="M307" s="544"/>
      <c r="N307" s="544"/>
      <c r="O307" s="544"/>
      <c r="P307" s="544"/>
      <c r="Q307" s="544"/>
      <c r="R307" s="544"/>
      <c r="S307" s="544"/>
      <c r="T307" s="545"/>
      <c r="U307" s="225" t="s">
        <v>453</v>
      </c>
      <c r="V307" s="546" t="s">
        <v>107</v>
      </c>
      <c r="W307" s="547"/>
      <c r="X307" s="547"/>
      <c r="Y307" s="547"/>
      <c r="Z307" s="548"/>
      <c r="AA307" s="623" t="s">
        <v>102</v>
      </c>
      <c r="AB307" s="624"/>
      <c r="AC307" s="625"/>
      <c r="AD307" s="415">
        <v>6</v>
      </c>
      <c r="AE307" s="415" t="s">
        <v>103</v>
      </c>
      <c r="AF307" s="646"/>
      <c r="AG307" s="647"/>
      <c r="AH307" s="549"/>
      <c r="AI307" s="550"/>
      <c r="AJ307" s="551"/>
      <c r="AK307" s="265"/>
      <c r="AL307" s="48"/>
      <c r="AM307" s="54"/>
      <c r="AN307" s="13" t="str">
        <f t="shared" si="11"/>
        <v>■</v>
      </c>
    </row>
    <row r="308" spans="1:40" s="13" customFormat="1">
      <c r="A308" s="20"/>
      <c r="B308" s="20"/>
      <c r="C308" s="541">
        <v>9</v>
      </c>
      <c r="D308" s="542"/>
      <c r="E308" s="543" t="s">
        <v>411</v>
      </c>
      <c r="F308" s="544"/>
      <c r="G308" s="544"/>
      <c r="H308" s="544"/>
      <c r="I308" s="544"/>
      <c r="J308" s="544"/>
      <c r="K308" s="544"/>
      <c r="L308" s="544"/>
      <c r="M308" s="544"/>
      <c r="N308" s="544"/>
      <c r="O308" s="544"/>
      <c r="P308" s="544"/>
      <c r="Q308" s="544"/>
      <c r="R308" s="544"/>
      <c r="S308" s="544"/>
      <c r="T308" s="545"/>
      <c r="U308" s="225" t="s">
        <v>516</v>
      </c>
      <c r="V308" s="546" t="s">
        <v>107</v>
      </c>
      <c r="W308" s="547"/>
      <c r="X308" s="547"/>
      <c r="Y308" s="547"/>
      <c r="Z308" s="548"/>
      <c r="AA308" s="623" t="s">
        <v>102</v>
      </c>
      <c r="AB308" s="624"/>
      <c r="AC308" s="625"/>
      <c r="AD308" s="415">
        <v>6</v>
      </c>
      <c r="AE308" s="415" t="s">
        <v>103</v>
      </c>
      <c r="AF308" s="646"/>
      <c r="AG308" s="647"/>
      <c r="AH308" s="549"/>
      <c r="AI308" s="550"/>
      <c r="AJ308" s="551"/>
      <c r="AK308" s="265"/>
      <c r="AL308" s="37"/>
      <c r="AM308" s="54"/>
      <c r="AN308" s="13" t="str">
        <f t="shared" si="11"/>
        <v>■</v>
      </c>
    </row>
    <row r="309" spans="1:40" ht="13.4" customHeight="1">
      <c r="A309" s="20"/>
      <c r="B309" s="25"/>
      <c r="V309" s="238"/>
      <c r="W309" s="238"/>
      <c r="X309" s="238"/>
      <c r="Y309" s="238"/>
      <c r="Z309" s="238"/>
      <c r="AA309" s="629"/>
      <c r="AB309" s="629"/>
      <c r="AC309" s="629"/>
      <c r="AD309" s="238"/>
      <c r="AE309" s="238"/>
      <c r="AF309" s="238"/>
      <c r="AG309" s="238"/>
      <c r="AH309" s="238"/>
      <c r="AI309" s="238"/>
      <c r="AJ309" s="238"/>
      <c r="AK309" s="55"/>
      <c r="AL309" s="37"/>
      <c r="AM309" s="16"/>
    </row>
    <row r="310" spans="1:40" s="1" customFormat="1" ht="13.4" customHeight="1">
      <c r="A310" s="20"/>
      <c r="B310" s="20"/>
      <c r="C310" s="52" t="s">
        <v>380</v>
      </c>
      <c r="D310" s="53"/>
      <c r="E310" s="26"/>
      <c r="F310" s="26"/>
      <c r="G310" s="26"/>
      <c r="H310" s="26"/>
      <c r="I310" s="26"/>
      <c r="J310" s="26" t="s">
        <v>1540</v>
      </c>
      <c r="K310" s="71"/>
      <c r="L310" s="26"/>
      <c r="M310" s="71"/>
      <c r="N310" s="26"/>
      <c r="O310" s="26"/>
      <c r="P310" s="26"/>
      <c r="Q310" s="26"/>
      <c r="R310" s="26"/>
      <c r="S310" s="26"/>
      <c r="T310" s="26"/>
      <c r="U310" s="26" t="s">
        <v>1541</v>
      </c>
      <c r="V310" s="122"/>
      <c r="W310" s="122"/>
      <c r="X310" s="122"/>
      <c r="Y310" s="122"/>
      <c r="Z310" s="122"/>
      <c r="AA310" s="630"/>
      <c r="AB310" s="630"/>
      <c r="AC310" s="630"/>
      <c r="AD310" s="122"/>
      <c r="AE310" s="122"/>
      <c r="AF310" s="122"/>
      <c r="AG310" s="122"/>
      <c r="AH310" s="122"/>
      <c r="AI310" s="122"/>
      <c r="AJ310" s="122"/>
      <c r="AK310" s="26"/>
      <c r="AL310" s="38"/>
      <c r="AM310" s="26"/>
    </row>
    <row r="311" spans="1:40" ht="13.5" customHeight="1">
      <c r="A311" s="20"/>
      <c r="B311" s="51"/>
      <c r="C311" s="583" t="s">
        <v>73</v>
      </c>
      <c r="D311" s="573"/>
      <c r="E311" s="583" t="s">
        <v>94</v>
      </c>
      <c r="F311" s="583"/>
      <c r="G311" s="583"/>
      <c r="H311" s="583"/>
      <c r="I311" s="583"/>
      <c r="J311" s="583"/>
      <c r="K311" s="583"/>
      <c r="L311" s="583"/>
      <c r="M311" s="583"/>
      <c r="N311" s="583"/>
      <c r="O311" s="583"/>
      <c r="P311" s="583"/>
      <c r="Q311" s="583"/>
      <c r="R311" s="583"/>
      <c r="S311" s="583"/>
      <c r="T311" s="583"/>
      <c r="U311" s="226" t="s">
        <v>383</v>
      </c>
      <c r="V311" s="572" t="s">
        <v>138</v>
      </c>
      <c r="W311" s="572"/>
      <c r="X311" s="572"/>
      <c r="Y311" s="572"/>
      <c r="Z311" s="572"/>
      <c r="AA311" s="598" t="s">
        <v>959</v>
      </c>
      <c r="AB311" s="599"/>
      <c r="AC311" s="600"/>
      <c r="AD311" s="572" t="s">
        <v>97</v>
      </c>
      <c r="AE311" s="572"/>
      <c r="AF311" s="572" t="s">
        <v>98</v>
      </c>
      <c r="AG311" s="572"/>
      <c r="AH311" s="583" t="s">
        <v>75</v>
      </c>
      <c r="AI311" s="583"/>
      <c r="AJ311" s="583"/>
      <c r="AK311" s="581" t="s">
        <v>159</v>
      </c>
      <c r="AL311" s="38"/>
      <c r="AM311" s="16"/>
    </row>
    <row r="312" spans="1:40" ht="13.4" customHeight="1">
      <c r="A312" s="20"/>
      <c r="B312" s="51"/>
      <c r="C312" s="573"/>
      <c r="D312" s="573"/>
      <c r="E312" s="583"/>
      <c r="F312" s="583"/>
      <c r="G312" s="583"/>
      <c r="H312" s="583"/>
      <c r="I312" s="583"/>
      <c r="J312" s="583"/>
      <c r="K312" s="583"/>
      <c r="L312" s="583"/>
      <c r="M312" s="583"/>
      <c r="N312" s="583"/>
      <c r="O312" s="583"/>
      <c r="P312" s="583"/>
      <c r="Q312" s="583"/>
      <c r="R312" s="583"/>
      <c r="S312" s="583"/>
      <c r="T312" s="583"/>
      <c r="U312" s="227"/>
      <c r="V312" s="572"/>
      <c r="W312" s="572"/>
      <c r="X312" s="572"/>
      <c r="Y312" s="572"/>
      <c r="Z312" s="572"/>
      <c r="AA312" s="601"/>
      <c r="AB312" s="602"/>
      <c r="AC312" s="603"/>
      <c r="AD312" s="572"/>
      <c r="AE312" s="572"/>
      <c r="AF312" s="572"/>
      <c r="AG312" s="572"/>
      <c r="AH312" s="583"/>
      <c r="AI312" s="583"/>
      <c r="AJ312" s="583"/>
      <c r="AK312" s="582"/>
      <c r="AL312" s="38"/>
      <c r="AM312" s="16"/>
    </row>
    <row r="313" spans="1:40" s="13" customFormat="1" ht="13.4" customHeight="1">
      <c r="A313" s="20"/>
      <c r="B313" s="20"/>
      <c r="C313" s="541">
        <v>1</v>
      </c>
      <c r="D313" s="542"/>
      <c r="E313" s="563" t="s">
        <v>440</v>
      </c>
      <c r="F313" s="564"/>
      <c r="G313" s="564"/>
      <c r="H313" s="564"/>
      <c r="I313" s="564"/>
      <c r="J313" s="564"/>
      <c r="K313" s="564"/>
      <c r="L313" s="564"/>
      <c r="M313" s="564"/>
      <c r="N313" s="564"/>
      <c r="O313" s="564"/>
      <c r="P313" s="564"/>
      <c r="Q313" s="564"/>
      <c r="R313" s="564"/>
      <c r="S313" s="564"/>
      <c r="T313" s="565"/>
      <c r="U313" s="219" t="s">
        <v>441</v>
      </c>
      <c r="V313" s="546" t="s">
        <v>101</v>
      </c>
      <c r="W313" s="547"/>
      <c r="X313" s="547"/>
      <c r="Y313" s="547"/>
      <c r="Z313" s="548"/>
      <c r="AA313" s="623" t="s">
        <v>102</v>
      </c>
      <c r="AB313" s="624"/>
      <c r="AC313" s="625"/>
      <c r="AD313" s="415">
        <v>10</v>
      </c>
      <c r="AE313" s="415" t="s">
        <v>103</v>
      </c>
      <c r="AF313" s="646"/>
      <c r="AG313" s="647"/>
      <c r="AH313" s="549"/>
      <c r="AI313" s="550"/>
      <c r="AJ313" s="551"/>
      <c r="AK313" s="351"/>
      <c r="AL313" s="38"/>
      <c r="AM313" s="54"/>
      <c r="AN313" s="13" t="str">
        <f>$G$21</f>
        <v>■</v>
      </c>
    </row>
    <row r="314" spans="1:40" s="13" customFormat="1" ht="13.4" customHeight="1">
      <c r="A314" s="20"/>
      <c r="B314" s="20"/>
      <c r="C314" s="541">
        <v>2</v>
      </c>
      <c r="D314" s="542"/>
      <c r="E314" s="563" t="s">
        <v>442</v>
      </c>
      <c r="F314" s="564"/>
      <c r="G314" s="564"/>
      <c r="H314" s="564"/>
      <c r="I314" s="564"/>
      <c r="J314" s="564"/>
      <c r="K314" s="564"/>
      <c r="L314" s="564"/>
      <c r="M314" s="564"/>
      <c r="N314" s="564"/>
      <c r="O314" s="564"/>
      <c r="P314" s="564"/>
      <c r="Q314" s="564"/>
      <c r="R314" s="564"/>
      <c r="S314" s="564"/>
      <c r="T314" s="565"/>
      <c r="U314" s="219" t="s">
        <v>443</v>
      </c>
      <c r="V314" s="546" t="s">
        <v>101</v>
      </c>
      <c r="W314" s="547"/>
      <c r="X314" s="547"/>
      <c r="Y314" s="547"/>
      <c r="Z314" s="548"/>
      <c r="AA314" s="623" t="s">
        <v>102</v>
      </c>
      <c r="AB314" s="624"/>
      <c r="AC314" s="625"/>
      <c r="AD314" s="415">
        <v>51</v>
      </c>
      <c r="AE314" s="415" t="s">
        <v>103</v>
      </c>
      <c r="AF314" s="646"/>
      <c r="AG314" s="647"/>
      <c r="AH314" s="549"/>
      <c r="AI314" s="550"/>
      <c r="AJ314" s="551"/>
      <c r="AK314" s="351"/>
      <c r="AL314" s="38"/>
      <c r="AM314" s="54"/>
      <c r="AN314" s="13" t="str">
        <f t="shared" ref="AN314:AN377" si="12">$G$21</f>
        <v>■</v>
      </c>
    </row>
    <row r="315" spans="1:40" s="13" customFormat="1" ht="13.4" customHeight="1">
      <c r="A315" s="20"/>
      <c r="B315" s="20"/>
      <c r="C315" s="552">
        <v>3</v>
      </c>
      <c r="D315" s="553"/>
      <c r="E315" s="566" t="s">
        <v>106</v>
      </c>
      <c r="F315" s="567"/>
      <c r="G315" s="567"/>
      <c r="H315" s="567"/>
      <c r="I315" s="567"/>
      <c r="J315" s="567"/>
      <c r="K315" s="567"/>
      <c r="L315" s="567"/>
      <c r="M315" s="567"/>
      <c r="N315" s="567"/>
      <c r="O315" s="567"/>
      <c r="P315" s="567"/>
      <c r="Q315" s="567"/>
      <c r="R315" s="567"/>
      <c r="S315" s="567"/>
      <c r="T315" s="568"/>
      <c r="U315" s="230" t="s">
        <v>444</v>
      </c>
      <c r="V315" s="557" t="s">
        <v>107</v>
      </c>
      <c r="W315" s="558"/>
      <c r="X315" s="558"/>
      <c r="Y315" s="558"/>
      <c r="Z315" s="559"/>
      <c r="AA315" s="626" t="s">
        <v>108</v>
      </c>
      <c r="AB315" s="627"/>
      <c r="AC315" s="628"/>
      <c r="AD315" s="419">
        <v>1</v>
      </c>
      <c r="AE315" s="419">
        <v>0</v>
      </c>
      <c r="AF315" s="569" t="s">
        <v>109</v>
      </c>
      <c r="AG315" s="570"/>
      <c r="AH315" s="560"/>
      <c r="AI315" s="561"/>
      <c r="AJ315" s="562"/>
      <c r="AK315" s="346" t="s">
        <v>391</v>
      </c>
      <c r="AL315" s="38"/>
      <c r="AM315" s="54"/>
      <c r="AN315" s="13" t="str">
        <f t="shared" si="12"/>
        <v>■</v>
      </c>
    </row>
    <row r="316" spans="1:40" s="13" customFormat="1" ht="13.4" customHeight="1">
      <c r="A316" s="20"/>
      <c r="B316" s="20"/>
      <c r="C316" s="541">
        <v>4</v>
      </c>
      <c r="D316" s="542"/>
      <c r="E316" s="563" t="s">
        <v>110</v>
      </c>
      <c r="F316" s="564"/>
      <c r="G316" s="564"/>
      <c r="H316" s="564"/>
      <c r="I316" s="564"/>
      <c r="J316" s="564"/>
      <c r="K316" s="564"/>
      <c r="L316" s="564"/>
      <c r="M316" s="564"/>
      <c r="N316" s="564"/>
      <c r="O316" s="564"/>
      <c r="P316" s="564"/>
      <c r="Q316" s="564"/>
      <c r="R316" s="564"/>
      <c r="S316" s="564"/>
      <c r="T316" s="565"/>
      <c r="U316" s="229" t="s">
        <v>445</v>
      </c>
      <c r="V316" s="546" t="s">
        <v>107</v>
      </c>
      <c r="W316" s="547"/>
      <c r="X316" s="547"/>
      <c r="Y316" s="547"/>
      <c r="Z316" s="548"/>
      <c r="AA316" s="623" t="s">
        <v>108</v>
      </c>
      <c r="AB316" s="624"/>
      <c r="AC316" s="625"/>
      <c r="AD316" s="415">
        <v>1</v>
      </c>
      <c r="AE316" s="415">
        <v>0</v>
      </c>
      <c r="AF316" s="646"/>
      <c r="AG316" s="647"/>
      <c r="AH316" s="549"/>
      <c r="AI316" s="550"/>
      <c r="AJ316" s="551"/>
      <c r="AK316" s="265"/>
      <c r="AL316" s="38"/>
      <c r="AM316" s="54"/>
      <c r="AN316" s="13" t="str">
        <f t="shared" si="12"/>
        <v>■</v>
      </c>
    </row>
    <row r="317" spans="1:40" s="13" customFormat="1" ht="13.4" customHeight="1">
      <c r="A317" s="20"/>
      <c r="B317" s="20"/>
      <c r="C317" s="541">
        <v>5</v>
      </c>
      <c r="D317" s="542"/>
      <c r="E317" s="543" t="s">
        <v>80</v>
      </c>
      <c r="F317" s="544"/>
      <c r="G317" s="544"/>
      <c r="H317" s="544"/>
      <c r="I317" s="544"/>
      <c r="J317" s="544"/>
      <c r="K317" s="544"/>
      <c r="L317" s="544"/>
      <c r="M317" s="544"/>
      <c r="N317" s="544"/>
      <c r="O317" s="544"/>
      <c r="P317" s="544"/>
      <c r="Q317" s="544"/>
      <c r="R317" s="544"/>
      <c r="S317" s="544"/>
      <c r="T317" s="545"/>
      <c r="U317" s="229" t="s">
        <v>446</v>
      </c>
      <c r="V317" s="546" t="s">
        <v>101</v>
      </c>
      <c r="W317" s="547"/>
      <c r="X317" s="547"/>
      <c r="Y317" s="547"/>
      <c r="Z317" s="548"/>
      <c r="AA317" s="623" t="s">
        <v>102</v>
      </c>
      <c r="AB317" s="624"/>
      <c r="AC317" s="625"/>
      <c r="AD317" s="415">
        <v>2</v>
      </c>
      <c r="AE317" s="415" t="s">
        <v>103</v>
      </c>
      <c r="AF317" s="646"/>
      <c r="AG317" s="647"/>
      <c r="AH317" s="549"/>
      <c r="AI317" s="550"/>
      <c r="AJ317" s="551"/>
      <c r="AK317" s="265"/>
      <c r="AL317" s="38"/>
      <c r="AM317" s="54"/>
      <c r="AN317" s="13" t="str">
        <f t="shared" si="12"/>
        <v>■</v>
      </c>
    </row>
    <row r="318" spans="1:40" s="13" customFormat="1" ht="13.4" customHeight="1">
      <c r="A318" s="20"/>
      <c r="B318" s="20"/>
      <c r="C318" s="541">
        <v>6</v>
      </c>
      <c r="D318" s="542"/>
      <c r="E318" s="543" t="s">
        <v>1542</v>
      </c>
      <c r="F318" s="544"/>
      <c r="G318" s="544"/>
      <c r="H318" s="544"/>
      <c r="I318" s="544"/>
      <c r="J318" s="544"/>
      <c r="K318" s="544"/>
      <c r="L318" s="544"/>
      <c r="M318" s="544"/>
      <c r="N318" s="544"/>
      <c r="O318" s="544"/>
      <c r="P318" s="544"/>
      <c r="Q318" s="544"/>
      <c r="R318" s="544"/>
      <c r="S318" s="544"/>
      <c r="T318" s="545"/>
      <c r="U318" s="229" t="s">
        <v>1543</v>
      </c>
      <c r="V318" s="546" t="s">
        <v>107</v>
      </c>
      <c r="W318" s="547"/>
      <c r="X318" s="547"/>
      <c r="Y318" s="547"/>
      <c r="Z318" s="548"/>
      <c r="AA318" s="623" t="s">
        <v>102</v>
      </c>
      <c r="AB318" s="624"/>
      <c r="AC318" s="625"/>
      <c r="AD318" s="415">
        <v>8</v>
      </c>
      <c r="AE318" s="415" t="s">
        <v>103</v>
      </c>
      <c r="AF318" s="646"/>
      <c r="AG318" s="647"/>
      <c r="AH318" s="549"/>
      <c r="AI318" s="550"/>
      <c r="AJ318" s="551"/>
      <c r="AK318" s="265"/>
      <c r="AL318" s="38"/>
      <c r="AM318" s="54"/>
      <c r="AN318" s="13" t="str">
        <f t="shared" si="12"/>
        <v>■</v>
      </c>
    </row>
    <row r="319" spans="1:40" s="13" customFormat="1" ht="13.4" customHeight="1">
      <c r="A319" s="20"/>
      <c r="B319" s="20"/>
      <c r="C319" s="541">
        <v>7</v>
      </c>
      <c r="D319" s="542"/>
      <c r="E319" s="543" t="s">
        <v>1405</v>
      </c>
      <c r="F319" s="544"/>
      <c r="G319" s="544"/>
      <c r="H319" s="544"/>
      <c r="I319" s="544"/>
      <c r="J319" s="544"/>
      <c r="K319" s="544"/>
      <c r="L319" s="544"/>
      <c r="M319" s="544"/>
      <c r="N319" s="544"/>
      <c r="O319" s="544"/>
      <c r="P319" s="544"/>
      <c r="Q319" s="544"/>
      <c r="R319" s="544"/>
      <c r="S319" s="544"/>
      <c r="T319" s="545"/>
      <c r="U319" s="229" t="s">
        <v>1406</v>
      </c>
      <c r="V319" s="546" t="s">
        <v>107</v>
      </c>
      <c r="W319" s="547"/>
      <c r="X319" s="547"/>
      <c r="Y319" s="547"/>
      <c r="Z319" s="548"/>
      <c r="AA319" s="623" t="s">
        <v>108</v>
      </c>
      <c r="AB319" s="624"/>
      <c r="AC319" s="625"/>
      <c r="AD319" s="415">
        <v>2</v>
      </c>
      <c r="AE319" s="415">
        <v>0</v>
      </c>
      <c r="AF319" s="646"/>
      <c r="AG319" s="647"/>
      <c r="AH319" s="549"/>
      <c r="AI319" s="550"/>
      <c r="AJ319" s="551"/>
      <c r="AK319" s="265"/>
      <c r="AL319" s="38"/>
      <c r="AM319" s="54"/>
      <c r="AN319" s="13" t="str">
        <f t="shared" si="12"/>
        <v>■</v>
      </c>
    </row>
    <row r="320" spans="1:40" s="13" customFormat="1" ht="13.4" customHeight="1">
      <c r="A320" s="20"/>
      <c r="B320" s="20"/>
      <c r="C320" s="541">
        <v>8</v>
      </c>
      <c r="D320" s="542"/>
      <c r="E320" s="543" t="s">
        <v>1544</v>
      </c>
      <c r="F320" s="544"/>
      <c r="G320" s="544"/>
      <c r="H320" s="544"/>
      <c r="I320" s="544"/>
      <c r="J320" s="544"/>
      <c r="K320" s="544"/>
      <c r="L320" s="544"/>
      <c r="M320" s="544"/>
      <c r="N320" s="544"/>
      <c r="O320" s="544"/>
      <c r="P320" s="544"/>
      <c r="Q320" s="544"/>
      <c r="R320" s="544"/>
      <c r="S320" s="544"/>
      <c r="T320" s="545"/>
      <c r="U320" s="229" t="s">
        <v>1545</v>
      </c>
      <c r="V320" s="546" t="s">
        <v>101</v>
      </c>
      <c r="W320" s="547"/>
      <c r="X320" s="547"/>
      <c r="Y320" s="547"/>
      <c r="Z320" s="548"/>
      <c r="AA320" s="623" t="s">
        <v>102</v>
      </c>
      <c r="AB320" s="624"/>
      <c r="AC320" s="625"/>
      <c r="AD320" s="415">
        <v>1</v>
      </c>
      <c r="AE320" s="415" t="s">
        <v>103</v>
      </c>
      <c r="AF320" s="646"/>
      <c r="AG320" s="647"/>
      <c r="AH320" s="549"/>
      <c r="AI320" s="550"/>
      <c r="AJ320" s="551"/>
      <c r="AK320" s="265"/>
      <c r="AL320" s="38"/>
      <c r="AM320" s="54"/>
      <c r="AN320" s="13" t="str">
        <f t="shared" si="12"/>
        <v>■</v>
      </c>
    </row>
    <row r="321" spans="1:40" s="13" customFormat="1" ht="13.4" customHeight="1">
      <c r="A321" s="20"/>
      <c r="B321" s="20"/>
      <c r="C321" s="541">
        <v>9</v>
      </c>
      <c r="D321" s="542"/>
      <c r="E321" s="543" t="s">
        <v>1546</v>
      </c>
      <c r="F321" s="544"/>
      <c r="G321" s="544"/>
      <c r="H321" s="544"/>
      <c r="I321" s="544"/>
      <c r="J321" s="544"/>
      <c r="K321" s="544"/>
      <c r="L321" s="544"/>
      <c r="M321" s="544"/>
      <c r="N321" s="544"/>
      <c r="O321" s="544"/>
      <c r="P321" s="544"/>
      <c r="Q321" s="544"/>
      <c r="R321" s="544"/>
      <c r="S321" s="544"/>
      <c r="T321" s="545"/>
      <c r="U321" s="229" t="s">
        <v>1547</v>
      </c>
      <c r="V321" s="546" t="s">
        <v>107</v>
      </c>
      <c r="W321" s="547"/>
      <c r="X321" s="547"/>
      <c r="Y321" s="547"/>
      <c r="Z321" s="548"/>
      <c r="AA321" s="623" t="s">
        <v>102</v>
      </c>
      <c r="AB321" s="624"/>
      <c r="AC321" s="625"/>
      <c r="AD321" s="415">
        <v>9</v>
      </c>
      <c r="AE321" s="415" t="s">
        <v>103</v>
      </c>
      <c r="AF321" s="646"/>
      <c r="AG321" s="647"/>
      <c r="AH321" s="549"/>
      <c r="AI321" s="550"/>
      <c r="AJ321" s="551"/>
      <c r="AK321" s="265"/>
      <c r="AL321" s="38"/>
      <c r="AM321" s="54"/>
      <c r="AN321" s="13" t="str">
        <f t="shared" si="12"/>
        <v>■</v>
      </c>
    </row>
    <row r="322" spans="1:40" s="13" customFormat="1" ht="13.4" customHeight="1">
      <c r="A322" s="20"/>
      <c r="B322" s="20"/>
      <c r="C322" s="541">
        <v>10</v>
      </c>
      <c r="D322" s="542"/>
      <c r="E322" s="543" t="s">
        <v>1548</v>
      </c>
      <c r="F322" s="544"/>
      <c r="G322" s="544"/>
      <c r="H322" s="544"/>
      <c r="I322" s="544"/>
      <c r="J322" s="544"/>
      <c r="K322" s="544"/>
      <c r="L322" s="544"/>
      <c r="M322" s="544"/>
      <c r="N322" s="544"/>
      <c r="O322" s="544"/>
      <c r="P322" s="544"/>
      <c r="Q322" s="544"/>
      <c r="R322" s="544"/>
      <c r="S322" s="544"/>
      <c r="T322" s="545"/>
      <c r="U322" s="229" t="s">
        <v>1549</v>
      </c>
      <c r="V322" s="546" t="s">
        <v>107</v>
      </c>
      <c r="W322" s="547"/>
      <c r="X322" s="547"/>
      <c r="Y322" s="547"/>
      <c r="Z322" s="548"/>
      <c r="AA322" s="623" t="s">
        <v>108</v>
      </c>
      <c r="AB322" s="624"/>
      <c r="AC322" s="625"/>
      <c r="AD322" s="415">
        <v>4</v>
      </c>
      <c r="AE322" s="415">
        <v>0</v>
      </c>
      <c r="AF322" s="646"/>
      <c r="AG322" s="647"/>
      <c r="AH322" s="549"/>
      <c r="AI322" s="550"/>
      <c r="AJ322" s="551"/>
      <c r="AK322" s="265"/>
      <c r="AL322" s="38"/>
      <c r="AM322" s="54"/>
      <c r="AN322" s="13" t="str">
        <f t="shared" si="12"/>
        <v>■</v>
      </c>
    </row>
    <row r="323" spans="1:40" s="13" customFormat="1" ht="13.4" customHeight="1">
      <c r="A323" s="20"/>
      <c r="B323" s="20"/>
      <c r="C323" s="552">
        <v>11</v>
      </c>
      <c r="D323" s="553"/>
      <c r="E323" s="554" t="s">
        <v>764</v>
      </c>
      <c r="F323" s="555"/>
      <c r="G323" s="555"/>
      <c r="H323" s="555"/>
      <c r="I323" s="555"/>
      <c r="J323" s="555"/>
      <c r="K323" s="555"/>
      <c r="L323" s="555"/>
      <c r="M323" s="555"/>
      <c r="N323" s="555"/>
      <c r="O323" s="555"/>
      <c r="P323" s="555"/>
      <c r="Q323" s="555"/>
      <c r="R323" s="555"/>
      <c r="S323" s="555"/>
      <c r="T323" s="556"/>
      <c r="U323" s="262" t="s">
        <v>475</v>
      </c>
      <c r="V323" s="557" t="s">
        <v>107</v>
      </c>
      <c r="W323" s="558"/>
      <c r="X323" s="558"/>
      <c r="Y323" s="558"/>
      <c r="Z323" s="559"/>
      <c r="AA323" s="626" t="s">
        <v>102</v>
      </c>
      <c r="AB323" s="627"/>
      <c r="AC323" s="628"/>
      <c r="AD323" s="419">
        <v>4</v>
      </c>
      <c r="AE323" s="419" t="s">
        <v>103</v>
      </c>
      <c r="AF323" s="569" t="s">
        <v>109</v>
      </c>
      <c r="AG323" s="570"/>
      <c r="AH323" s="560"/>
      <c r="AI323" s="561"/>
      <c r="AJ323" s="562"/>
      <c r="AK323" s="333" t="s">
        <v>399</v>
      </c>
      <c r="AL323" s="38"/>
      <c r="AM323" s="54"/>
      <c r="AN323" s="13" t="str">
        <f t="shared" si="12"/>
        <v>■</v>
      </c>
    </row>
    <row r="324" spans="1:40" s="13" customFormat="1" ht="13.4" customHeight="1">
      <c r="A324" s="20"/>
      <c r="B324" s="20"/>
      <c r="C324" s="541">
        <v>12</v>
      </c>
      <c r="D324" s="542"/>
      <c r="E324" s="543" t="s">
        <v>1550</v>
      </c>
      <c r="F324" s="544"/>
      <c r="G324" s="544"/>
      <c r="H324" s="544"/>
      <c r="I324" s="544"/>
      <c r="J324" s="544"/>
      <c r="K324" s="544"/>
      <c r="L324" s="544"/>
      <c r="M324" s="544"/>
      <c r="N324" s="544"/>
      <c r="O324" s="544"/>
      <c r="P324" s="544"/>
      <c r="Q324" s="544"/>
      <c r="R324" s="544"/>
      <c r="S324" s="544"/>
      <c r="T324" s="545"/>
      <c r="U324" s="229" t="s">
        <v>1551</v>
      </c>
      <c r="V324" s="546" t="s">
        <v>101</v>
      </c>
      <c r="W324" s="547"/>
      <c r="X324" s="547"/>
      <c r="Y324" s="547"/>
      <c r="Z324" s="548"/>
      <c r="AA324" s="623" t="s">
        <v>102</v>
      </c>
      <c r="AB324" s="624"/>
      <c r="AC324" s="625"/>
      <c r="AD324" s="415">
        <v>1</v>
      </c>
      <c r="AE324" s="415" t="s">
        <v>103</v>
      </c>
      <c r="AF324" s="646"/>
      <c r="AG324" s="647"/>
      <c r="AH324" s="549"/>
      <c r="AI324" s="550"/>
      <c r="AJ324" s="551"/>
      <c r="AK324" s="265"/>
      <c r="AL324" s="38"/>
      <c r="AM324" s="54"/>
      <c r="AN324" s="13" t="str">
        <f t="shared" si="12"/>
        <v>■</v>
      </c>
    </row>
    <row r="325" spans="1:40" s="13" customFormat="1" ht="13.4" customHeight="1">
      <c r="A325" s="20"/>
      <c r="B325" s="20"/>
      <c r="C325" s="541">
        <v>13</v>
      </c>
      <c r="D325" s="542"/>
      <c r="E325" s="543" t="s">
        <v>1552</v>
      </c>
      <c r="F325" s="544"/>
      <c r="G325" s="544"/>
      <c r="H325" s="544"/>
      <c r="I325" s="544"/>
      <c r="J325" s="544"/>
      <c r="K325" s="544"/>
      <c r="L325" s="544"/>
      <c r="M325" s="544"/>
      <c r="N325" s="544"/>
      <c r="O325" s="544"/>
      <c r="P325" s="544"/>
      <c r="Q325" s="544"/>
      <c r="R325" s="544"/>
      <c r="S325" s="544"/>
      <c r="T325" s="545"/>
      <c r="U325" s="229" t="s">
        <v>1553</v>
      </c>
      <c r="V325" s="546" t="s">
        <v>107</v>
      </c>
      <c r="W325" s="547"/>
      <c r="X325" s="547"/>
      <c r="Y325" s="547"/>
      <c r="Z325" s="548"/>
      <c r="AA325" s="623" t="s">
        <v>102</v>
      </c>
      <c r="AB325" s="624"/>
      <c r="AC325" s="625"/>
      <c r="AD325" s="415">
        <v>9</v>
      </c>
      <c r="AE325" s="415" t="s">
        <v>103</v>
      </c>
      <c r="AF325" s="646"/>
      <c r="AG325" s="647"/>
      <c r="AH325" s="549"/>
      <c r="AI325" s="550"/>
      <c r="AJ325" s="551"/>
      <c r="AK325" s="265"/>
      <c r="AL325" s="38"/>
      <c r="AM325" s="54"/>
      <c r="AN325" s="13" t="str">
        <f t="shared" si="12"/>
        <v>■</v>
      </c>
    </row>
    <row r="326" spans="1:40" s="13" customFormat="1" ht="13.4" customHeight="1">
      <c r="A326" s="20"/>
      <c r="B326" s="20"/>
      <c r="C326" s="541">
        <v>14</v>
      </c>
      <c r="D326" s="542"/>
      <c r="E326" s="543" t="s">
        <v>1554</v>
      </c>
      <c r="F326" s="544"/>
      <c r="G326" s="544"/>
      <c r="H326" s="544"/>
      <c r="I326" s="544"/>
      <c r="J326" s="544"/>
      <c r="K326" s="544"/>
      <c r="L326" s="544"/>
      <c r="M326" s="544"/>
      <c r="N326" s="544"/>
      <c r="O326" s="544"/>
      <c r="P326" s="544"/>
      <c r="Q326" s="544"/>
      <c r="R326" s="544"/>
      <c r="S326" s="544"/>
      <c r="T326" s="545"/>
      <c r="U326" s="229" t="s">
        <v>1555</v>
      </c>
      <c r="V326" s="546" t="s">
        <v>107</v>
      </c>
      <c r="W326" s="547"/>
      <c r="X326" s="547"/>
      <c r="Y326" s="547"/>
      <c r="Z326" s="548"/>
      <c r="AA326" s="623" t="s">
        <v>108</v>
      </c>
      <c r="AB326" s="624"/>
      <c r="AC326" s="625"/>
      <c r="AD326" s="415">
        <v>3</v>
      </c>
      <c r="AE326" s="415">
        <v>0</v>
      </c>
      <c r="AF326" s="646"/>
      <c r="AG326" s="647"/>
      <c r="AH326" s="549"/>
      <c r="AI326" s="550"/>
      <c r="AJ326" s="551"/>
      <c r="AK326" s="265"/>
      <c r="AL326" s="38"/>
      <c r="AM326" s="54"/>
      <c r="AN326" s="13" t="str">
        <f t="shared" si="12"/>
        <v>■</v>
      </c>
    </row>
    <row r="327" spans="1:40" s="13" customFormat="1" ht="13.4" customHeight="1">
      <c r="A327" s="20"/>
      <c r="B327" s="20"/>
      <c r="C327" s="541">
        <v>15</v>
      </c>
      <c r="D327" s="542"/>
      <c r="E327" s="543" t="s">
        <v>1556</v>
      </c>
      <c r="F327" s="544"/>
      <c r="G327" s="544"/>
      <c r="H327" s="544"/>
      <c r="I327" s="544"/>
      <c r="J327" s="544"/>
      <c r="K327" s="544"/>
      <c r="L327" s="544"/>
      <c r="M327" s="544"/>
      <c r="N327" s="544"/>
      <c r="O327" s="544"/>
      <c r="P327" s="544"/>
      <c r="Q327" s="544"/>
      <c r="R327" s="544"/>
      <c r="S327" s="544"/>
      <c r="T327" s="545"/>
      <c r="U327" s="229" t="s">
        <v>1557</v>
      </c>
      <c r="V327" s="546" t="s">
        <v>107</v>
      </c>
      <c r="W327" s="547"/>
      <c r="X327" s="547"/>
      <c r="Y327" s="547"/>
      <c r="Z327" s="548"/>
      <c r="AA327" s="623" t="s">
        <v>108</v>
      </c>
      <c r="AB327" s="624"/>
      <c r="AC327" s="625"/>
      <c r="AD327" s="415">
        <v>4</v>
      </c>
      <c r="AE327" s="415">
        <v>0</v>
      </c>
      <c r="AF327" s="646"/>
      <c r="AG327" s="647"/>
      <c r="AH327" s="549"/>
      <c r="AI327" s="550"/>
      <c r="AJ327" s="551"/>
      <c r="AK327" s="265"/>
      <c r="AL327" s="38"/>
      <c r="AM327" s="54"/>
      <c r="AN327" s="13" t="str">
        <f t="shared" si="12"/>
        <v>■</v>
      </c>
    </row>
    <row r="328" spans="1:40" s="13" customFormat="1" ht="13.4" customHeight="1">
      <c r="A328" s="20"/>
      <c r="B328" s="20"/>
      <c r="C328" s="541">
        <v>16</v>
      </c>
      <c r="D328" s="542"/>
      <c r="E328" s="543" t="s">
        <v>1558</v>
      </c>
      <c r="F328" s="544"/>
      <c r="G328" s="544"/>
      <c r="H328" s="544"/>
      <c r="I328" s="544"/>
      <c r="J328" s="544"/>
      <c r="K328" s="544"/>
      <c r="L328" s="544"/>
      <c r="M328" s="544"/>
      <c r="N328" s="544"/>
      <c r="O328" s="544"/>
      <c r="P328" s="544"/>
      <c r="Q328" s="544"/>
      <c r="R328" s="544"/>
      <c r="S328" s="544"/>
      <c r="T328" s="545"/>
      <c r="U328" s="229" t="s">
        <v>1559</v>
      </c>
      <c r="V328" s="546" t="s">
        <v>101</v>
      </c>
      <c r="W328" s="547"/>
      <c r="X328" s="547"/>
      <c r="Y328" s="547"/>
      <c r="Z328" s="548"/>
      <c r="AA328" s="623" t="s">
        <v>102</v>
      </c>
      <c r="AB328" s="624"/>
      <c r="AC328" s="625"/>
      <c r="AD328" s="415">
        <v>1</v>
      </c>
      <c r="AE328" s="415" t="s">
        <v>103</v>
      </c>
      <c r="AF328" s="646"/>
      <c r="AG328" s="647"/>
      <c r="AH328" s="549"/>
      <c r="AI328" s="550"/>
      <c r="AJ328" s="551"/>
      <c r="AK328" s="265"/>
      <c r="AL328" s="38"/>
      <c r="AM328" s="54"/>
      <c r="AN328" s="13" t="str">
        <f t="shared" si="12"/>
        <v>■</v>
      </c>
    </row>
    <row r="329" spans="1:40" s="13" customFormat="1" ht="13.4" customHeight="1">
      <c r="A329" s="20"/>
      <c r="B329" s="20"/>
      <c r="C329" s="541">
        <v>17</v>
      </c>
      <c r="D329" s="542"/>
      <c r="E329" s="543" t="s">
        <v>1560</v>
      </c>
      <c r="F329" s="544"/>
      <c r="G329" s="544"/>
      <c r="H329" s="544"/>
      <c r="I329" s="544"/>
      <c r="J329" s="544"/>
      <c r="K329" s="544"/>
      <c r="L329" s="544"/>
      <c r="M329" s="544"/>
      <c r="N329" s="544"/>
      <c r="O329" s="544"/>
      <c r="P329" s="544"/>
      <c r="Q329" s="544"/>
      <c r="R329" s="544"/>
      <c r="S329" s="544"/>
      <c r="T329" s="545"/>
      <c r="U329" s="229" t="s">
        <v>1561</v>
      </c>
      <c r="V329" s="546" t="s">
        <v>107</v>
      </c>
      <c r="W329" s="547"/>
      <c r="X329" s="547"/>
      <c r="Y329" s="547"/>
      <c r="Z329" s="548"/>
      <c r="AA329" s="623" t="s">
        <v>102</v>
      </c>
      <c r="AB329" s="624"/>
      <c r="AC329" s="625"/>
      <c r="AD329" s="415">
        <v>9</v>
      </c>
      <c r="AE329" s="415" t="s">
        <v>103</v>
      </c>
      <c r="AF329" s="646"/>
      <c r="AG329" s="647"/>
      <c r="AH329" s="549"/>
      <c r="AI329" s="550"/>
      <c r="AJ329" s="551"/>
      <c r="AK329" s="265"/>
      <c r="AL329" s="38"/>
      <c r="AM329" s="54"/>
      <c r="AN329" s="13" t="str">
        <f t="shared" si="12"/>
        <v>■</v>
      </c>
    </row>
    <row r="330" spans="1:40" s="13" customFormat="1" ht="13.4" customHeight="1">
      <c r="A330" s="20"/>
      <c r="B330" s="20"/>
      <c r="C330" s="541">
        <v>18</v>
      </c>
      <c r="D330" s="542"/>
      <c r="E330" s="543" t="s">
        <v>1562</v>
      </c>
      <c r="F330" s="544"/>
      <c r="G330" s="544"/>
      <c r="H330" s="544"/>
      <c r="I330" s="544"/>
      <c r="J330" s="544"/>
      <c r="K330" s="544"/>
      <c r="L330" s="544"/>
      <c r="M330" s="544"/>
      <c r="N330" s="544"/>
      <c r="O330" s="544"/>
      <c r="P330" s="544"/>
      <c r="Q330" s="544"/>
      <c r="R330" s="544"/>
      <c r="S330" s="544"/>
      <c r="T330" s="545"/>
      <c r="U330" s="229" t="s">
        <v>1563</v>
      </c>
      <c r="V330" s="546" t="s">
        <v>107</v>
      </c>
      <c r="W330" s="547"/>
      <c r="X330" s="547"/>
      <c r="Y330" s="547"/>
      <c r="Z330" s="548"/>
      <c r="AA330" s="623" t="s">
        <v>108</v>
      </c>
      <c r="AB330" s="624"/>
      <c r="AC330" s="625"/>
      <c r="AD330" s="415">
        <v>3</v>
      </c>
      <c r="AE330" s="415">
        <v>0</v>
      </c>
      <c r="AF330" s="646"/>
      <c r="AG330" s="647"/>
      <c r="AH330" s="549"/>
      <c r="AI330" s="550"/>
      <c r="AJ330" s="551"/>
      <c r="AK330" s="265"/>
      <c r="AL330" s="38"/>
      <c r="AM330" s="54"/>
      <c r="AN330" s="13" t="str">
        <f t="shared" si="12"/>
        <v>■</v>
      </c>
    </row>
    <row r="331" spans="1:40" s="13" customFormat="1" ht="13.4" customHeight="1">
      <c r="A331" s="20"/>
      <c r="B331" s="20"/>
      <c r="C331" s="541">
        <v>19</v>
      </c>
      <c r="D331" s="542"/>
      <c r="E331" s="543" t="s">
        <v>1564</v>
      </c>
      <c r="F331" s="544"/>
      <c r="G331" s="544"/>
      <c r="H331" s="544"/>
      <c r="I331" s="544"/>
      <c r="J331" s="544"/>
      <c r="K331" s="544"/>
      <c r="L331" s="544"/>
      <c r="M331" s="544"/>
      <c r="N331" s="544"/>
      <c r="O331" s="544"/>
      <c r="P331" s="544"/>
      <c r="Q331" s="544"/>
      <c r="R331" s="544"/>
      <c r="S331" s="544"/>
      <c r="T331" s="545"/>
      <c r="U331" s="229" t="s">
        <v>1565</v>
      </c>
      <c r="V331" s="546" t="s">
        <v>107</v>
      </c>
      <c r="W331" s="547"/>
      <c r="X331" s="547"/>
      <c r="Y331" s="547"/>
      <c r="Z331" s="548"/>
      <c r="AA331" s="623" t="s">
        <v>108</v>
      </c>
      <c r="AB331" s="624"/>
      <c r="AC331" s="625"/>
      <c r="AD331" s="415">
        <v>4</v>
      </c>
      <c r="AE331" s="415">
        <v>0</v>
      </c>
      <c r="AF331" s="646"/>
      <c r="AG331" s="647"/>
      <c r="AH331" s="549"/>
      <c r="AI331" s="550"/>
      <c r="AJ331" s="551"/>
      <c r="AK331" s="265"/>
      <c r="AL331" s="38"/>
      <c r="AM331" s="54"/>
      <c r="AN331" s="13" t="str">
        <f t="shared" si="12"/>
        <v>■</v>
      </c>
    </row>
    <row r="332" spans="1:40" s="13" customFormat="1" ht="13.4" customHeight="1">
      <c r="A332" s="20"/>
      <c r="B332" s="20"/>
      <c r="C332" s="541">
        <v>20</v>
      </c>
      <c r="D332" s="542"/>
      <c r="E332" s="543" t="s">
        <v>1566</v>
      </c>
      <c r="F332" s="544"/>
      <c r="G332" s="544"/>
      <c r="H332" s="544"/>
      <c r="I332" s="544"/>
      <c r="J332" s="544"/>
      <c r="K332" s="544"/>
      <c r="L332" s="544"/>
      <c r="M332" s="544"/>
      <c r="N332" s="544"/>
      <c r="O332" s="544"/>
      <c r="P332" s="544"/>
      <c r="Q332" s="544"/>
      <c r="R332" s="544"/>
      <c r="S332" s="544"/>
      <c r="T332" s="545"/>
      <c r="U332" s="229" t="s">
        <v>1567</v>
      </c>
      <c r="V332" s="546" t="s">
        <v>101</v>
      </c>
      <c r="W332" s="547"/>
      <c r="X332" s="547"/>
      <c r="Y332" s="547"/>
      <c r="Z332" s="548"/>
      <c r="AA332" s="623" t="s">
        <v>102</v>
      </c>
      <c r="AB332" s="624"/>
      <c r="AC332" s="625"/>
      <c r="AD332" s="415">
        <v>1</v>
      </c>
      <c r="AE332" s="415" t="s">
        <v>103</v>
      </c>
      <c r="AF332" s="646"/>
      <c r="AG332" s="647"/>
      <c r="AH332" s="549"/>
      <c r="AI332" s="550"/>
      <c r="AJ332" s="551"/>
      <c r="AK332" s="265"/>
      <c r="AL332" s="38"/>
      <c r="AM332" s="54"/>
      <c r="AN332" s="13" t="str">
        <f t="shared" si="12"/>
        <v>■</v>
      </c>
    </row>
    <row r="333" spans="1:40" s="13" customFormat="1" ht="13.4" customHeight="1">
      <c r="A333" s="20"/>
      <c r="B333" s="20"/>
      <c r="C333" s="541">
        <v>21</v>
      </c>
      <c r="D333" s="542"/>
      <c r="E333" s="543" t="s">
        <v>1568</v>
      </c>
      <c r="F333" s="544"/>
      <c r="G333" s="544"/>
      <c r="H333" s="544"/>
      <c r="I333" s="544"/>
      <c r="J333" s="544"/>
      <c r="K333" s="544"/>
      <c r="L333" s="544"/>
      <c r="M333" s="544"/>
      <c r="N333" s="544"/>
      <c r="O333" s="544"/>
      <c r="P333" s="544"/>
      <c r="Q333" s="544"/>
      <c r="R333" s="544"/>
      <c r="S333" s="544"/>
      <c r="T333" s="545"/>
      <c r="U333" s="229" t="s">
        <v>1569</v>
      </c>
      <c r="V333" s="546" t="s">
        <v>107</v>
      </c>
      <c r="W333" s="547"/>
      <c r="X333" s="547"/>
      <c r="Y333" s="547"/>
      <c r="Z333" s="548"/>
      <c r="AA333" s="623" t="s">
        <v>102</v>
      </c>
      <c r="AB333" s="624"/>
      <c r="AC333" s="625"/>
      <c r="AD333" s="415">
        <v>9</v>
      </c>
      <c r="AE333" s="415" t="s">
        <v>103</v>
      </c>
      <c r="AF333" s="646"/>
      <c r="AG333" s="647"/>
      <c r="AH333" s="549"/>
      <c r="AI333" s="550"/>
      <c r="AJ333" s="551"/>
      <c r="AK333" s="265"/>
      <c r="AL333" s="38"/>
      <c r="AM333" s="54"/>
      <c r="AN333" s="13" t="str">
        <f t="shared" si="12"/>
        <v>■</v>
      </c>
    </row>
    <row r="334" spans="1:40" s="13" customFormat="1" ht="13.4" customHeight="1">
      <c r="A334" s="20"/>
      <c r="B334" s="20"/>
      <c r="C334" s="541">
        <v>22</v>
      </c>
      <c r="D334" s="542"/>
      <c r="E334" s="543" t="s">
        <v>1570</v>
      </c>
      <c r="F334" s="544"/>
      <c r="G334" s="544"/>
      <c r="H334" s="544"/>
      <c r="I334" s="544"/>
      <c r="J334" s="544"/>
      <c r="K334" s="544"/>
      <c r="L334" s="544"/>
      <c r="M334" s="544"/>
      <c r="N334" s="544"/>
      <c r="O334" s="544"/>
      <c r="P334" s="544"/>
      <c r="Q334" s="544"/>
      <c r="R334" s="544"/>
      <c r="S334" s="544"/>
      <c r="T334" s="545"/>
      <c r="U334" s="229" t="s">
        <v>1571</v>
      </c>
      <c r="V334" s="546" t="s">
        <v>107</v>
      </c>
      <c r="W334" s="547"/>
      <c r="X334" s="547"/>
      <c r="Y334" s="547"/>
      <c r="Z334" s="548"/>
      <c r="AA334" s="623" t="s">
        <v>108</v>
      </c>
      <c r="AB334" s="624"/>
      <c r="AC334" s="625"/>
      <c r="AD334" s="415">
        <v>3</v>
      </c>
      <c r="AE334" s="415">
        <v>0</v>
      </c>
      <c r="AF334" s="646"/>
      <c r="AG334" s="647"/>
      <c r="AH334" s="549"/>
      <c r="AI334" s="550"/>
      <c r="AJ334" s="551"/>
      <c r="AK334" s="265"/>
      <c r="AL334" s="38"/>
      <c r="AM334" s="54"/>
      <c r="AN334" s="13" t="str">
        <f t="shared" si="12"/>
        <v>■</v>
      </c>
    </row>
    <row r="335" spans="1:40" s="13" customFormat="1" ht="13.4" customHeight="1">
      <c r="A335" s="20"/>
      <c r="B335" s="20"/>
      <c r="C335" s="541">
        <v>23</v>
      </c>
      <c r="D335" s="542"/>
      <c r="E335" s="543" t="s">
        <v>1572</v>
      </c>
      <c r="F335" s="544"/>
      <c r="G335" s="544"/>
      <c r="H335" s="544"/>
      <c r="I335" s="544"/>
      <c r="J335" s="544"/>
      <c r="K335" s="544"/>
      <c r="L335" s="544"/>
      <c r="M335" s="544"/>
      <c r="N335" s="544"/>
      <c r="O335" s="544"/>
      <c r="P335" s="544"/>
      <c r="Q335" s="544"/>
      <c r="R335" s="544"/>
      <c r="S335" s="544"/>
      <c r="T335" s="545"/>
      <c r="U335" s="229" t="s">
        <v>1573</v>
      </c>
      <c r="V335" s="546" t="s">
        <v>107</v>
      </c>
      <c r="W335" s="547"/>
      <c r="X335" s="547"/>
      <c r="Y335" s="547"/>
      <c r="Z335" s="548"/>
      <c r="AA335" s="623" t="s">
        <v>108</v>
      </c>
      <c r="AB335" s="624"/>
      <c r="AC335" s="625"/>
      <c r="AD335" s="415">
        <v>4</v>
      </c>
      <c r="AE335" s="415">
        <v>0</v>
      </c>
      <c r="AF335" s="646"/>
      <c r="AG335" s="647"/>
      <c r="AH335" s="549"/>
      <c r="AI335" s="550"/>
      <c r="AJ335" s="551"/>
      <c r="AK335" s="265"/>
      <c r="AL335" s="38"/>
      <c r="AM335" s="54"/>
      <c r="AN335" s="13" t="str">
        <f t="shared" si="12"/>
        <v>■</v>
      </c>
    </row>
    <row r="336" spans="1:40" s="13" customFormat="1" ht="13.4" customHeight="1">
      <c r="A336" s="20"/>
      <c r="B336" s="20"/>
      <c r="C336" s="541">
        <v>24</v>
      </c>
      <c r="D336" s="542"/>
      <c r="E336" s="543" t="s">
        <v>1574</v>
      </c>
      <c r="F336" s="544"/>
      <c r="G336" s="544"/>
      <c r="H336" s="544"/>
      <c r="I336" s="544"/>
      <c r="J336" s="544"/>
      <c r="K336" s="544"/>
      <c r="L336" s="544"/>
      <c r="M336" s="544"/>
      <c r="N336" s="544"/>
      <c r="O336" s="544"/>
      <c r="P336" s="544"/>
      <c r="Q336" s="544"/>
      <c r="R336" s="544"/>
      <c r="S336" s="544"/>
      <c r="T336" s="545"/>
      <c r="U336" s="229" t="s">
        <v>1575</v>
      </c>
      <c r="V336" s="546" t="s">
        <v>101</v>
      </c>
      <c r="W336" s="547"/>
      <c r="X336" s="547"/>
      <c r="Y336" s="547"/>
      <c r="Z336" s="548"/>
      <c r="AA336" s="623" t="s">
        <v>102</v>
      </c>
      <c r="AB336" s="624"/>
      <c r="AC336" s="625"/>
      <c r="AD336" s="415">
        <v>1</v>
      </c>
      <c r="AE336" s="415" t="s">
        <v>103</v>
      </c>
      <c r="AF336" s="646"/>
      <c r="AG336" s="647"/>
      <c r="AH336" s="549"/>
      <c r="AI336" s="550"/>
      <c r="AJ336" s="551"/>
      <c r="AK336" s="265"/>
      <c r="AL336" s="38"/>
      <c r="AM336" s="54"/>
      <c r="AN336" s="13" t="str">
        <f t="shared" si="12"/>
        <v>■</v>
      </c>
    </row>
    <row r="337" spans="1:40" s="13" customFormat="1" ht="13.4" customHeight="1">
      <c r="A337" s="20"/>
      <c r="B337" s="20"/>
      <c r="C337" s="541">
        <v>25</v>
      </c>
      <c r="D337" s="542"/>
      <c r="E337" s="543" t="s">
        <v>1576</v>
      </c>
      <c r="F337" s="544"/>
      <c r="G337" s="544"/>
      <c r="H337" s="544"/>
      <c r="I337" s="544"/>
      <c r="J337" s="544"/>
      <c r="K337" s="544"/>
      <c r="L337" s="544"/>
      <c r="M337" s="544"/>
      <c r="N337" s="544"/>
      <c r="O337" s="544"/>
      <c r="P337" s="544"/>
      <c r="Q337" s="544"/>
      <c r="R337" s="544"/>
      <c r="S337" s="544"/>
      <c r="T337" s="545"/>
      <c r="U337" s="229" t="s">
        <v>1577</v>
      </c>
      <c r="V337" s="546" t="s">
        <v>107</v>
      </c>
      <c r="W337" s="547"/>
      <c r="X337" s="547"/>
      <c r="Y337" s="547"/>
      <c r="Z337" s="548"/>
      <c r="AA337" s="623" t="s">
        <v>102</v>
      </c>
      <c r="AB337" s="624"/>
      <c r="AC337" s="625"/>
      <c r="AD337" s="415">
        <v>9</v>
      </c>
      <c r="AE337" s="415" t="s">
        <v>103</v>
      </c>
      <c r="AF337" s="646"/>
      <c r="AG337" s="647"/>
      <c r="AH337" s="549"/>
      <c r="AI337" s="550"/>
      <c r="AJ337" s="551"/>
      <c r="AK337" s="265"/>
      <c r="AL337" s="38"/>
      <c r="AM337" s="54"/>
      <c r="AN337" s="13" t="str">
        <f t="shared" si="12"/>
        <v>■</v>
      </c>
    </row>
    <row r="338" spans="1:40" s="13" customFormat="1" ht="13.4" customHeight="1">
      <c r="A338" s="20"/>
      <c r="B338" s="20"/>
      <c r="C338" s="541">
        <v>26</v>
      </c>
      <c r="D338" s="542"/>
      <c r="E338" s="543" t="s">
        <v>1578</v>
      </c>
      <c r="F338" s="544"/>
      <c r="G338" s="544"/>
      <c r="H338" s="544"/>
      <c r="I338" s="544"/>
      <c r="J338" s="544"/>
      <c r="K338" s="544"/>
      <c r="L338" s="544"/>
      <c r="M338" s="544"/>
      <c r="N338" s="544"/>
      <c r="O338" s="544"/>
      <c r="P338" s="544"/>
      <c r="Q338" s="544"/>
      <c r="R338" s="544"/>
      <c r="S338" s="544"/>
      <c r="T338" s="545"/>
      <c r="U338" s="229" t="s">
        <v>1579</v>
      </c>
      <c r="V338" s="546" t="s">
        <v>107</v>
      </c>
      <c r="W338" s="547"/>
      <c r="X338" s="547"/>
      <c r="Y338" s="547"/>
      <c r="Z338" s="548"/>
      <c r="AA338" s="623" t="s">
        <v>108</v>
      </c>
      <c r="AB338" s="624"/>
      <c r="AC338" s="625"/>
      <c r="AD338" s="415">
        <v>3</v>
      </c>
      <c r="AE338" s="415">
        <v>0</v>
      </c>
      <c r="AF338" s="646"/>
      <c r="AG338" s="647"/>
      <c r="AH338" s="549"/>
      <c r="AI338" s="550"/>
      <c r="AJ338" s="551"/>
      <c r="AK338" s="265"/>
      <c r="AL338" s="38"/>
      <c r="AM338" s="54"/>
      <c r="AN338" s="13" t="str">
        <f t="shared" si="12"/>
        <v>■</v>
      </c>
    </row>
    <row r="339" spans="1:40" s="13" customFormat="1" ht="13.4" customHeight="1">
      <c r="A339" s="20"/>
      <c r="B339" s="20"/>
      <c r="C339" s="541">
        <v>27</v>
      </c>
      <c r="D339" s="542"/>
      <c r="E339" s="543" t="s">
        <v>1580</v>
      </c>
      <c r="F339" s="544"/>
      <c r="G339" s="544"/>
      <c r="H339" s="544"/>
      <c r="I339" s="544"/>
      <c r="J339" s="544"/>
      <c r="K339" s="544"/>
      <c r="L339" s="544"/>
      <c r="M339" s="544"/>
      <c r="N339" s="544"/>
      <c r="O339" s="544"/>
      <c r="P339" s="544"/>
      <c r="Q339" s="544"/>
      <c r="R339" s="544"/>
      <c r="S339" s="544"/>
      <c r="T339" s="545"/>
      <c r="U339" s="229" t="s">
        <v>1581</v>
      </c>
      <c r="V339" s="546" t="s">
        <v>107</v>
      </c>
      <c r="W339" s="547"/>
      <c r="X339" s="547"/>
      <c r="Y339" s="547"/>
      <c r="Z339" s="548"/>
      <c r="AA339" s="623" t="s">
        <v>108</v>
      </c>
      <c r="AB339" s="624"/>
      <c r="AC339" s="625"/>
      <c r="AD339" s="415">
        <v>4</v>
      </c>
      <c r="AE339" s="415">
        <v>0</v>
      </c>
      <c r="AF339" s="646"/>
      <c r="AG339" s="647"/>
      <c r="AH339" s="549"/>
      <c r="AI339" s="550"/>
      <c r="AJ339" s="551"/>
      <c r="AK339" s="265"/>
      <c r="AL339" s="38"/>
      <c r="AM339" s="54"/>
      <c r="AN339" s="13" t="str">
        <f t="shared" si="12"/>
        <v>■</v>
      </c>
    </row>
    <row r="340" spans="1:40" s="13" customFormat="1" ht="13.4" customHeight="1">
      <c r="A340" s="20"/>
      <c r="B340" s="20"/>
      <c r="C340" s="541">
        <v>28</v>
      </c>
      <c r="D340" s="542"/>
      <c r="E340" s="543" t="s">
        <v>1582</v>
      </c>
      <c r="F340" s="544"/>
      <c r="G340" s="544"/>
      <c r="H340" s="544"/>
      <c r="I340" s="544"/>
      <c r="J340" s="544"/>
      <c r="K340" s="544"/>
      <c r="L340" s="544"/>
      <c r="M340" s="544"/>
      <c r="N340" s="544"/>
      <c r="O340" s="544"/>
      <c r="P340" s="544"/>
      <c r="Q340" s="544"/>
      <c r="R340" s="544"/>
      <c r="S340" s="544"/>
      <c r="T340" s="545"/>
      <c r="U340" s="229" t="s">
        <v>1583</v>
      </c>
      <c r="V340" s="546" t="s">
        <v>101</v>
      </c>
      <c r="W340" s="547"/>
      <c r="X340" s="547"/>
      <c r="Y340" s="547"/>
      <c r="Z340" s="548"/>
      <c r="AA340" s="623" t="s">
        <v>102</v>
      </c>
      <c r="AB340" s="624"/>
      <c r="AC340" s="625"/>
      <c r="AD340" s="415">
        <v>1</v>
      </c>
      <c r="AE340" s="415" t="s">
        <v>103</v>
      </c>
      <c r="AF340" s="646"/>
      <c r="AG340" s="647"/>
      <c r="AH340" s="549"/>
      <c r="AI340" s="550"/>
      <c r="AJ340" s="551"/>
      <c r="AK340" s="265"/>
      <c r="AL340" s="38"/>
      <c r="AM340" s="54"/>
      <c r="AN340" s="13" t="str">
        <f t="shared" si="12"/>
        <v>■</v>
      </c>
    </row>
    <row r="341" spans="1:40" s="13" customFormat="1" ht="13.4" customHeight="1">
      <c r="A341" s="20"/>
      <c r="B341" s="20"/>
      <c r="C341" s="541">
        <v>29</v>
      </c>
      <c r="D341" s="542"/>
      <c r="E341" s="543" t="s">
        <v>1584</v>
      </c>
      <c r="F341" s="544"/>
      <c r="G341" s="544"/>
      <c r="H341" s="544"/>
      <c r="I341" s="544"/>
      <c r="J341" s="544"/>
      <c r="K341" s="544"/>
      <c r="L341" s="544"/>
      <c r="M341" s="544"/>
      <c r="N341" s="544"/>
      <c r="O341" s="544"/>
      <c r="P341" s="544"/>
      <c r="Q341" s="544"/>
      <c r="R341" s="544"/>
      <c r="S341" s="544"/>
      <c r="T341" s="545"/>
      <c r="U341" s="229" t="s">
        <v>1585</v>
      </c>
      <c r="V341" s="546" t="s">
        <v>107</v>
      </c>
      <c r="W341" s="547"/>
      <c r="X341" s="547"/>
      <c r="Y341" s="547"/>
      <c r="Z341" s="548"/>
      <c r="AA341" s="623" t="s">
        <v>102</v>
      </c>
      <c r="AB341" s="624"/>
      <c r="AC341" s="625"/>
      <c r="AD341" s="415">
        <v>9</v>
      </c>
      <c r="AE341" s="415" t="s">
        <v>103</v>
      </c>
      <c r="AF341" s="646"/>
      <c r="AG341" s="647"/>
      <c r="AH341" s="549"/>
      <c r="AI341" s="550"/>
      <c r="AJ341" s="551"/>
      <c r="AK341" s="265"/>
      <c r="AL341" s="38"/>
      <c r="AM341" s="54"/>
      <c r="AN341" s="13" t="str">
        <f t="shared" si="12"/>
        <v>■</v>
      </c>
    </row>
    <row r="342" spans="1:40" s="13" customFormat="1" ht="13.4" customHeight="1">
      <c r="A342" s="20"/>
      <c r="B342" s="20"/>
      <c r="C342" s="541">
        <v>30</v>
      </c>
      <c r="D342" s="542"/>
      <c r="E342" s="543" t="s">
        <v>1586</v>
      </c>
      <c r="F342" s="544"/>
      <c r="G342" s="544"/>
      <c r="H342" s="544"/>
      <c r="I342" s="544"/>
      <c r="J342" s="544"/>
      <c r="K342" s="544"/>
      <c r="L342" s="544"/>
      <c r="M342" s="544"/>
      <c r="N342" s="544"/>
      <c r="O342" s="544"/>
      <c r="P342" s="544"/>
      <c r="Q342" s="544"/>
      <c r="R342" s="544"/>
      <c r="S342" s="544"/>
      <c r="T342" s="545"/>
      <c r="U342" s="229" t="s">
        <v>1587</v>
      </c>
      <c r="V342" s="546" t="s">
        <v>107</v>
      </c>
      <c r="W342" s="547"/>
      <c r="X342" s="547"/>
      <c r="Y342" s="547"/>
      <c r="Z342" s="548"/>
      <c r="AA342" s="623" t="s">
        <v>108</v>
      </c>
      <c r="AB342" s="624"/>
      <c r="AC342" s="625"/>
      <c r="AD342" s="415">
        <v>3</v>
      </c>
      <c r="AE342" s="415">
        <v>0</v>
      </c>
      <c r="AF342" s="646"/>
      <c r="AG342" s="647"/>
      <c r="AH342" s="549"/>
      <c r="AI342" s="550"/>
      <c r="AJ342" s="551"/>
      <c r="AK342" s="265"/>
      <c r="AL342" s="38"/>
      <c r="AM342" s="54"/>
      <c r="AN342" s="13" t="str">
        <f t="shared" si="12"/>
        <v>■</v>
      </c>
    </row>
    <row r="343" spans="1:40" s="13" customFormat="1" ht="13.4" customHeight="1">
      <c r="A343" s="20"/>
      <c r="B343" s="20"/>
      <c r="C343" s="541">
        <v>31</v>
      </c>
      <c r="D343" s="542"/>
      <c r="E343" s="543" t="s">
        <v>1588</v>
      </c>
      <c r="F343" s="544"/>
      <c r="G343" s="544"/>
      <c r="H343" s="544"/>
      <c r="I343" s="544"/>
      <c r="J343" s="544"/>
      <c r="K343" s="544"/>
      <c r="L343" s="544"/>
      <c r="M343" s="544"/>
      <c r="N343" s="544"/>
      <c r="O343" s="544"/>
      <c r="P343" s="544"/>
      <c r="Q343" s="544"/>
      <c r="R343" s="544"/>
      <c r="S343" s="544"/>
      <c r="T343" s="545"/>
      <c r="U343" s="229" t="s">
        <v>1589</v>
      </c>
      <c r="V343" s="546" t="s">
        <v>107</v>
      </c>
      <c r="W343" s="547"/>
      <c r="X343" s="547"/>
      <c r="Y343" s="547"/>
      <c r="Z343" s="548"/>
      <c r="AA343" s="623" t="s">
        <v>108</v>
      </c>
      <c r="AB343" s="624"/>
      <c r="AC343" s="625"/>
      <c r="AD343" s="415">
        <v>4</v>
      </c>
      <c r="AE343" s="415">
        <v>0</v>
      </c>
      <c r="AF343" s="646"/>
      <c r="AG343" s="647"/>
      <c r="AH343" s="549"/>
      <c r="AI343" s="550"/>
      <c r="AJ343" s="551"/>
      <c r="AK343" s="265"/>
      <c r="AL343" s="38"/>
      <c r="AM343" s="54"/>
      <c r="AN343" s="13" t="str">
        <f t="shared" si="12"/>
        <v>■</v>
      </c>
    </row>
    <row r="344" spans="1:40" s="13" customFormat="1" ht="13.4" customHeight="1">
      <c r="A344" s="20"/>
      <c r="B344" s="20"/>
      <c r="C344" s="541">
        <v>32</v>
      </c>
      <c r="D344" s="542"/>
      <c r="E344" s="543" t="s">
        <v>1590</v>
      </c>
      <c r="F344" s="544"/>
      <c r="G344" s="544"/>
      <c r="H344" s="544"/>
      <c r="I344" s="544"/>
      <c r="J344" s="544"/>
      <c r="K344" s="544"/>
      <c r="L344" s="544"/>
      <c r="M344" s="544"/>
      <c r="N344" s="544"/>
      <c r="O344" s="544"/>
      <c r="P344" s="544"/>
      <c r="Q344" s="544"/>
      <c r="R344" s="544"/>
      <c r="S344" s="544"/>
      <c r="T344" s="545"/>
      <c r="U344" s="229" t="s">
        <v>1591</v>
      </c>
      <c r="V344" s="546" t="s">
        <v>101</v>
      </c>
      <c r="W344" s="547"/>
      <c r="X344" s="547"/>
      <c r="Y344" s="547"/>
      <c r="Z344" s="548"/>
      <c r="AA344" s="623" t="s">
        <v>102</v>
      </c>
      <c r="AB344" s="624"/>
      <c r="AC344" s="625"/>
      <c r="AD344" s="415">
        <v>1</v>
      </c>
      <c r="AE344" s="415" t="s">
        <v>103</v>
      </c>
      <c r="AF344" s="646"/>
      <c r="AG344" s="647"/>
      <c r="AH344" s="549"/>
      <c r="AI344" s="550"/>
      <c r="AJ344" s="551"/>
      <c r="AK344" s="265"/>
      <c r="AL344" s="38"/>
      <c r="AM344" s="54"/>
      <c r="AN344" s="13" t="str">
        <f t="shared" si="12"/>
        <v>■</v>
      </c>
    </row>
    <row r="345" spans="1:40" s="13" customFormat="1" ht="13.4" customHeight="1">
      <c r="A345" s="20"/>
      <c r="B345" s="20"/>
      <c r="C345" s="541">
        <v>33</v>
      </c>
      <c r="D345" s="542"/>
      <c r="E345" s="543" t="s">
        <v>1592</v>
      </c>
      <c r="F345" s="544"/>
      <c r="G345" s="544"/>
      <c r="H345" s="544"/>
      <c r="I345" s="544"/>
      <c r="J345" s="544"/>
      <c r="K345" s="544"/>
      <c r="L345" s="544"/>
      <c r="M345" s="544"/>
      <c r="N345" s="544"/>
      <c r="O345" s="544"/>
      <c r="P345" s="544"/>
      <c r="Q345" s="544"/>
      <c r="R345" s="544"/>
      <c r="S345" s="544"/>
      <c r="T345" s="545"/>
      <c r="U345" s="229" t="s">
        <v>1593</v>
      </c>
      <c r="V345" s="546" t="s">
        <v>107</v>
      </c>
      <c r="W345" s="547"/>
      <c r="X345" s="547"/>
      <c r="Y345" s="547"/>
      <c r="Z345" s="548"/>
      <c r="AA345" s="623" t="s">
        <v>102</v>
      </c>
      <c r="AB345" s="624"/>
      <c r="AC345" s="625"/>
      <c r="AD345" s="415">
        <v>9</v>
      </c>
      <c r="AE345" s="415" t="s">
        <v>103</v>
      </c>
      <c r="AF345" s="646"/>
      <c r="AG345" s="647"/>
      <c r="AH345" s="549"/>
      <c r="AI345" s="550"/>
      <c r="AJ345" s="551"/>
      <c r="AK345" s="265"/>
      <c r="AL345" s="38"/>
      <c r="AM345" s="54"/>
      <c r="AN345" s="13" t="str">
        <f t="shared" si="12"/>
        <v>■</v>
      </c>
    </row>
    <row r="346" spans="1:40" s="13" customFormat="1" ht="13.4" customHeight="1">
      <c r="A346" s="20"/>
      <c r="B346" s="20"/>
      <c r="C346" s="541">
        <v>34</v>
      </c>
      <c r="D346" s="542"/>
      <c r="E346" s="543" t="s">
        <v>1594</v>
      </c>
      <c r="F346" s="544"/>
      <c r="G346" s="544"/>
      <c r="H346" s="544"/>
      <c r="I346" s="544"/>
      <c r="J346" s="544"/>
      <c r="K346" s="544"/>
      <c r="L346" s="544"/>
      <c r="M346" s="544"/>
      <c r="N346" s="544"/>
      <c r="O346" s="544"/>
      <c r="P346" s="544"/>
      <c r="Q346" s="544"/>
      <c r="R346" s="544"/>
      <c r="S346" s="544"/>
      <c r="T346" s="545"/>
      <c r="U346" s="229" t="s">
        <v>1595</v>
      </c>
      <c r="V346" s="546" t="s">
        <v>107</v>
      </c>
      <c r="W346" s="547"/>
      <c r="X346" s="547"/>
      <c r="Y346" s="547"/>
      <c r="Z346" s="548"/>
      <c r="AA346" s="623" t="s">
        <v>108</v>
      </c>
      <c r="AB346" s="624"/>
      <c r="AC346" s="625"/>
      <c r="AD346" s="415">
        <v>3</v>
      </c>
      <c r="AE346" s="415">
        <v>0</v>
      </c>
      <c r="AF346" s="646"/>
      <c r="AG346" s="647"/>
      <c r="AH346" s="549"/>
      <c r="AI346" s="550"/>
      <c r="AJ346" s="551"/>
      <c r="AK346" s="265"/>
      <c r="AL346" s="38"/>
      <c r="AM346" s="54"/>
      <c r="AN346" s="13" t="str">
        <f t="shared" si="12"/>
        <v>■</v>
      </c>
    </row>
    <row r="347" spans="1:40" s="13" customFormat="1" ht="13.4" customHeight="1">
      <c r="A347" s="20"/>
      <c r="B347" s="20"/>
      <c r="C347" s="541">
        <v>35</v>
      </c>
      <c r="D347" s="542"/>
      <c r="E347" s="543" t="s">
        <v>1596</v>
      </c>
      <c r="F347" s="544"/>
      <c r="G347" s="544"/>
      <c r="H347" s="544"/>
      <c r="I347" s="544"/>
      <c r="J347" s="544"/>
      <c r="K347" s="544"/>
      <c r="L347" s="544"/>
      <c r="M347" s="544"/>
      <c r="N347" s="544"/>
      <c r="O347" s="544"/>
      <c r="P347" s="544"/>
      <c r="Q347" s="544"/>
      <c r="R347" s="544"/>
      <c r="S347" s="544"/>
      <c r="T347" s="545"/>
      <c r="U347" s="229" t="s">
        <v>1597</v>
      </c>
      <c r="V347" s="546" t="s">
        <v>107</v>
      </c>
      <c r="W347" s="547"/>
      <c r="X347" s="547"/>
      <c r="Y347" s="547"/>
      <c r="Z347" s="548"/>
      <c r="AA347" s="623" t="s">
        <v>108</v>
      </c>
      <c r="AB347" s="624"/>
      <c r="AC347" s="625"/>
      <c r="AD347" s="415">
        <v>4</v>
      </c>
      <c r="AE347" s="415">
        <v>0</v>
      </c>
      <c r="AF347" s="646"/>
      <c r="AG347" s="647"/>
      <c r="AH347" s="549"/>
      <c r="AI347" s="550"/>
      <c r="AJ347" s="551"/>
      <c r="AK347" s="265"/>
      <c r="AL347" s="38"/>
      <c r="AM347" s="54"/>
      <c r="AN347" s="13" t="str">
        <f t="shared" si="12"/>
        <v>■</v>
      </c>
    </row>
    <row r="348" spans="1:40" s="13" customFormat="1" ht="13.4" customHeight="1">
      <c r="A348" s="20"/>
      <c r="B348" s="20"/>
      <c r="C348" s="541">
        <v>36</v>
      </c>
      <c r="D348" s="542"/>
      <c r="E348" s="543" t="s">
        <v>1598</v>
      </c>
      <c r="F348" s="544"/>
      <c r="G348" s="544"/>
      <c r="H348" s="544"/>
      <c r="I348" s="544"/>
      <c r="J348" s="544"/>
      <c r="K348" s="544"/>
      <c r="L348" s="544"/>
      <c r="M348" s="544"/>
      <c r="N348" s="544"/>
      <c r="O348" s="544"/>
      <c r="P348" s="544"/>
      <c r="Q348" s="544"/>
      <c r="R348" s="544"/>
      <c r="S348" s="544"/>
      <c r="T348" s="545"/>
      <c r="U348" s="229" t="s">
        <v>1599</v>
      </c>
      <c r="V348" s="546" t="s">
        <v>101</v>
      </c>
      <c r="W348" s="547"/>
      <c r="X348" s="547"/>
      <c r="Y348" s="547"/>
      <c r="Z348" s="548"/>
      <c r="AA348" s="623" t="s">
        <v>102</v>
      </c>
      <c r="AB348" s="624"/>
      <c r="AC348" s="625"/>
      <c r="AD348" s="415">
        <v>1</v>
      </c>
      <c r="AE348" s="415" t="s">
        <v>103</v>
      </c>
      <c r="AF348" s="646"/>
      <c r="AG348" s="647"/>
      <c r="AH348" s="549"/>
      <c r="AI348" s="550"/>
      <c r="AJ348" s="551"/>
      <c r="AK348" s="265"/>
      <c r="AL348" s="38"/>
      <c r="AM348" s="54"/>
      <c r="AN348" s="13" t="str">
        <f t="shared" si="12"/>
        <v>■</v>
      </c>
    </row>
    <row r="349" spans="1:40" s="13" customFormat="1" ht="13.4" customHeight="1">
      <c r="A349" s="20"/>
      <c r="B349" s="20"/>
      <c r="C349" s="541">
        <v>37</v>
      </c>
      <c r="D349" s="542"/>
      <c r="E349" s="543" t="s">
        <v>1600</v>
      </c>
      <c r="F349" s="544"/>
      <c r="G349" s="544"/>
      <c r="H349" s="544"/>
      <c r="I349" s="544"/>
      <c r="J349" s="544"/>
      <c r="K349" s="544"/>
      <c r="L349" s="544"/>
      <c r="M349" s="544"/>
      <c r="N349" s="544"/>
      <c r="O349" s="544"/>
      <c r="P349" s="544"/>
      <c r="Q349" s="544"/>
      <c r="R349" s="544"/>
      <c r="S349" s="544"/>
      <c r="T349" s="545"/>
      <c r="U349" s="229" t="s">
        <v>1601</v>
      </c>
      <c r="V349" s="546" t="s">
        <v>107</v>
      </c>
      <c r="W349" s="547"/>
      <c r="X349" s="547"/>
      <c r="Y349" s="547"/>
      <c r="Z349" s="548"/>
      <c r="AA349" s="623" t="s">
        <v>102</v>
      </c>
      <c r="AB349" s="624"/>
      <c r="AC349" s="625"/>
      <c r="AD349" s="415">
        <v>9</v>
      </c>
      <c r="AE349" s="415" t="s">
        <v>103</v>
      </c>
      <c r="AF349" s="646"/>
      <c r="AG349" s="647"/>
      <c r="AH349" s="549"/>
      <c r="AI349" s="550"/>
      <c r="AJ349" s="551"/>
      <c r="AK349" s="265"/>
      <c r="AL349" s="38"/>
      <c r="AM349" s="54"/>
      <c r="AN349" s="13" t="str">
        <f t="shared" si="12"/>
        <v>■</v>
      </c>
    </row>
    <row r="350" spans="1:40" s="13" customFormat="1" ht="13.4" customHeight="1">
      <c r="A350" s="20"/>
      <c r="B350" s="20"/>
      <c r="C350" s="541">
        <v>38</v>
      </c>
      <c r="D350" s="542"/>
      <c r="E350" s="543" t="s">
        <v>1602</v>
      </c>
      <c r="F350" s="544"/>
      <c r="G350" s="544"/>
      <c r="H350" s="544"/>
      <c r="I350" s="544"/>
      <c r="J350" s="544"/>
      <c r="K350" s="544"/>
      <c r="L350" s="544"/>
      <c r="M350" s="544"/>
      <c r="N350" s="544"/>
      <c r="O350" s="544"/>
      <c r="P350" s="544"/>
      <c r="Q350" s="544"/>
      <c r="R350" s="544"/>
      <c r="S350" s="544"/>
      <c r="T350" s="545"/>
      <c r="U350" s="229" t="s">
        <v>1603</v>
      </c>
      <c r="V350" s="546" t="s">
        <v>107</v>
      </c>
      <c r="W350" s="547"/>
      <c r="X350" s="547"/>
      <c r="Y350" s="547"/>
      <c r="Z350" s="548"/>
      <c r="AA350" s="623" t="s">
        <v>108</v>
      </c>
      <c r="AB350" s="624"/>
      <c r="AC350" s="625"/>
      <c r="AD350" s="415">
        <v>3</v>
      </c>
      <c r="AE350" s="415">
        <v>0</v>
      </c>
      <c r="AF350" s="646"/>
      <c r="AG350" s="647"/>
      <c r="AH350" s="549"/>
      <c r="AI350" s="550"/>
      <c r="AJ350" s="551"/>
      <c r="AK350" s="265"/>
      <c r="AL350" s="38"/>
      <c r="AM350" s="54"/>
      <c r="AN350" s="13" t="str">
        <f t="shared" si="12"/>
        <v>■</v>
      </c>
    </row>
    <row r="351" spans="1:40" s="13" customFormat="1" ht="13.4" customHeight="1">
      <c r="A351" s="20"/>
      <c r="B351" s="20"/>
      <c r="C351" s="541">
        <v>39</v>
      </c>
      <c r="D351" s="542"/>
      <c r="E351" s="543" t="s">
        <v>1604</v>
      </c>
      <c r="F351" s="544"/>
      <c r="G351" s="544"/>
      <c r="H351" s="544"/>
      <c r="I351" s="544"/>
      <c r="J351" s="544"/>
      <c r="K351" s="544"/>
      <c r="L351" s="544"/>
      <c r="M351" s="544"/>
      <c r="N351" s="544"/>
      <c r="O351" s="544"/>
      <c r="P351" s="544"/>
      <c r="Q351" s="544"/>
      <c r="R351" s="544"/>
      <c r="S351" s="544"/>
      <c r="T351" s="545"/>
      <c r="U351" s="229" t="s">
        <v>1605</v>
      </c>
      <c r="V351" s="546" t="s">
        <v>107</v>
      </c>
      <c r="W351" s="547"/>
      <c r="X351" s="547"/>
      <c r="Y351" s="547"/>
      <c r="Z351" s="548"/>
      <c r="AA351" s="623" t="s">
        <v>108</v>
      </c>
      <c r="AB351" s="624"/>
      <c r="AC351" s="625"/>
      <c r="AD351" s="415">
        <v>4</v>
      </c>
      <c r="AE351" s="415">
        <v>0</v>
      </c>
      <c r="AF351" s="646"/>
      <c r="AG351" s="647"/>
      <c r="AH351" s="549"/>
      <c r="AI351" s="550"/>
      <c r="AJ351" s="551"/>
      <c r="AK351" s="265"/>
      <c r="AL351" s="38"/>
      <c r="AM351" s="54"/>
      <c r="AN351" s="13" t="str">
        <f t="shared" si="12"/>
        <v>■</v>
      </c>
    </row>
    <row r="352" spans="1:40" s="13" customFormat="1" ht="13.4" customHeight="1">
      <c r="A352" s="20"/>
      <c r="B352" s="20"/>
      <c r="C352" s="541">
        <v>40</v>
      </c>
      <c r="D352" s="542"/>
      <c r="E352" s="543" t="s">
        <v>1606</v>
      </c>
      <c r="F352" s="544"/>
      <c r="G352" s="544"/>
      <c r="H352" s="544"/>
      <c r="I352" s="544"/>
      <c r="J352" s="544"/>
      <c r="K352" s="544"/>
      <c r="L352" s="544"/>
      <c r="M352" s="544"/>
      <c r="N352" s="544"/>
      <c r="O352" s="544"/>
      <c r="P352" s="544"/>
      <c r="Q352" s="544"/>
      <c r="R352" s="544"/>
      <c r="S352" s="544"/>
      <c r="T352" s="545"/>
      <c r="U352" s="229" t="s">
        <v>1607</v>
      </c>
      <c r="V352" s="546" t="s">
        <v>101</v>
      </c>
      <c r="W352" s="547"/>
      <c r="X352" s="547"/>
      <c r="Y352" s="547"/>
      <c r="Z352" s="548"/>
      <c r="AA352" s="623" t="s">
        <v>102</v>
      </c>
      <c r="AB352" s="624"/>
      <c r="AC352" s="625"/>
      <c r="AD352" s="415">
        <v>1</v>
      </c>
      <c r="AE352" s="415" t="s">
        <v>103</v>
      </c>
      <c r="AF352" s="646"/>
      <c r="AG352" s="647"/>
      <c r="AH352" s="549"/>
      <c r="AI352" s="550"/>
      <c r="AJ352" s="551"/>
      <c r="AK352" s="265"/>
      <c r="AL352" s="38"/>
      <c r="AM352" s="54"/>
      <c r="AN352" s="13" t="str">
        <f t="shared" si="12"/>
        <v>■</v>
      </c>
    </row>
    <row r="353" spans="1:40" s="13" customFormat="1" ht="13.4" customHeight="1">
      <c r="A353" s="20"/>
      <c r="B353" s="20"/>
      <c r="C353" s="541">
        <v>41</v>
      </c>
      <c r="D353" s="542"/>
      <c r="E353" s="543" t="s">
        <v>1608</v>
      </c>
      <c r="F353" s="544"/>
      <c r="G353" s="544"/>
      <c r="H353" s="544"/>
      <c r="I353" s="544"/>
      <c r="J353" s="544"/>
      <c r="K353" s="544"/>
      <c r="L353" s="544"/>
      <c r="M353" s="544"/>
      <c r="N353" s="544"/>
      <c r="O353" s="544"/>
      <c r="P353" s="544"/>
      <c r="Q353" s="544"/>
      <c r="R353" s="544"/>
      <c r="S353" s="544"/>
      <c r="T353" s="545"/>
      <c r="U353" s="229" t="s">
        <v>1609</v>
      </c>
      <c r="V353" s="546" t="s">
        <v>107</v>
      </c>
      <c r="W353" s="547"/>
      <c r="X353" s="547"/>
      <c r="Y353" s="547"/>
      <c r="Z353" s="548"/>
      <c r="AA353" s="623" t="s">
        <v>102</v>
      </c>
      <c r="AB353" s="624"/>
      <c r="AC353" s="625"/>
      <c r="AD353" s="415">
        <v>9</v>
      </c>
      <c r="AE353" s="415" t="s">
        <v>103</v>
      </c>
      <c r="AF353" s="646"/>
      <c r="AG353" s="647"/>
      <c r="AH353" s="549"/>
      <c r="AI353" s="550"/>
      <c r="AJ353" s="551"/>
      <c r="AK353" s="265"/>
      <c r="AL353" s="38"/>
      <c r="AM353" s="54"/>
      <c r="AN353" s="13" t="str">
        <f t="shared" si="12"/>
        <v>■</v>
      </c>
    </row>
    <row r="354" spans="1:40" s="13" customFormat="1" ht="13.4" customHeight="1">
      <c r="A354" s="20"/>
      <c r="B354" s="20"/>
      <c r="C354" s="541">
        <v>42</v>
      </c>
      <c r="D354" s="542"/>
      <c r="E354" s="543" t="s">
        <v>1610</v>
      </c>
      <c r="F354" s="544"/>
      <c r="G354" s="544"/>
      <c r="H354" s="544"/>
      <c r="I354" s="544"/>
      <c r="J354" s="544"/>
      <c r="K354" s="544"/>
      <c r="L354" s="544"/>
      <c r="M354" s="544"/>
      <c r="N354" s="544"/>
      <c r="O354" s="544"/>
      <c r="P354" s="544"/>
      <c r="Q354" s="544"/>
      <c r="R354" s="544"/>
      <c r="S354" s="544"/>
      <c r="T354" s="545"/>
      <c r="U354" s="229" t="s">
        <v>1611</v>
      </c>
      <c r="V354" s="546" t="s">
        <v>107</v>
      </c>
      <c r="W354" s="547"/>
      <c r="X354" s="547"/>
      <c r="Y354" s="547"/>
      <c r="Z354" s="548"/>
      <c r="AA354" s="623" t="s">
        <v>108</v>
      </c>
      <c r="AB354" s="624"/>
      <c r="AC354" s="625"/>
      <c r="AD354" s="415">
        <v>3</v>
      </c>
      <c r="AE354" s="415">
        <v>0</v>
      </c>
      <c r="AF354" s="646"/>
      <c r="AG354" s="647"/>
      <c r="AH354" s="549"/>
      <c r="AI354" s="550"/>
      <c r="AJ354" s="551"/>
      <c r="AK354" s="265"/>
      <c r="AL354" s="38"/>
      <c r="AM354" s="54"/>
      <c r="AN354" s="13" t="str">
        <f t="shared" si="12"/>
        <v>■</v>
      </c>
    </row>
    <row r="355" spans="1:40" s="13" customFormat="1" ht="13.4" customHeight="1">
      <c r="A355" s="20"/>
      <c r="B355" s="20"/>
      <c r="C355" s="541">
        <v>43</v>
      </c>
      <c r="D355" s="542"/>
      <c r="E355" s="543" t="s">
        <v>1612</v>
      </c>
      <c r="F355" s="544"/>
      <c r="G355" s="544"/>
      <c r="H355" s="544"/>
      <c r="I355" s="544"/>
      <c r="J355" s="544"/>
      <c r="K355" s="544"/>
      <c r="L355" s="544"/>
      <c r="M355" s="544"/>
      <c r="N355" s="544"/>
      <c r="O355" s="544"/>
      <c r="P355" s="544"/>
      <c r="Q355" s="544"/>
      <c r="R355" s="544"/>
      <c r="S355" s="544"/>
      <c r="T355" s="545"/>
      <c r="U355" s="229" t="s">
        <v>1613</v>
      </c>
      <c r="V355" s="546" t="s">
        <v>107</v>
      </c>
      <c r="W355" s="547"/>
      <c r="X355" s="547"/>
      <c r="Y355" s="547"/>
      <c r="Z355" s="548"/>
      <c r="AA355" s="623" t="s">
        <v>108</v>
      </c>
      <c r="AB355" s="624"/>
      <c r="AC355" s="625"/>
      <c r="AD355" s="415">
        <v>4</v>
      </c>
      <c r="AE355" s="415">
        <v>0</v>
      </c>
      <c r="AF355" s="646"/>
      <c r="AG355" s="647"/>
      <c r="AH355" s="549"/>
      <c r="AI355" s="550"/>
      <c r="AJ355" s="551"/>
      <c r="AK355" s="265"/>
      <c r="AL355" s="38"/>
      <c r="AM355" s="54"/>
      <c r="AN355" s="13" t="str">
        <f t="shared" si="12"/>
        <v>■</v>
      </c>
    </row>
    <row r="356" spans="1:40" s="13" customFormat="1" ht="13.4" customHeight="1">
      <c r="A356" s="20"/>
      <c r="B356" s="20"/>
      <c r="C356" s="541">
        <v>44</v>
      </c>
      <c r="D356" s="542"/>
      <c r="E356" s="543" t="s">
        <v>1614</v>
      </c>
      <c r="F356" s="544"/>
      <c r="G356" s="544"/>
      <c r="H356" s="544"/>
      <c r="I356" s="544"/>
      <c r="J356" s="544"/>
      <c r="K356" s="544"/>
      <c r="L356" s="544"/>
      <c r="M356" s="544"/>
      <c r="N356" s="544"/>
      <c r="O356" s="544"/>
      <c r="P356" s="544"/>
      <c r="Q356" s="544"/>
      <c r="R356" s="544"/>
      <c r="S356" s="544"/>
      <c r="T356" s="545"/>
      <c r="U356" s="229" t="s">
        <v>1615</v>
      </c>
      <c r="V356" s="546" t="s">
        <v>101</v>
      </c>
      <c r="W356" s="547"/>
      <c r="X356" s="547"/>
      <c r="Y356" s="547"/>
      <c r="Z356" s="548"/>
      <c r="AA356" s="623" t="s">
        <v>102</v>
      </c>
      <c r="AB356" s="624"/>
      <c r="AC356" s="625"/>
      <c r="AD356" s="415">
        <v>1</v>
      </c>
      <c r="AE356" s="415" t="s">
        <v>103</v>
      </c>
      <c r="AF356" s="646"/>
      <c r="AG356" s="647"/>
      <c r="AH356" s="549"/>
      <c r="AI356" s="550"/>
      <c r="AJ356" s="551"/>
      <c r="AK356" s="265"/>
      <c r="AL356" s="38"/>
      <c r="AM356" s="54"/>
      <c r="AN356" s="13" t="str">
        <f t="shared" si="12"/>
        <v>■</v>
      </c>
    </row>
    <row r="357" spans="1:40" s="13" customFormat="1" ht="13.4" customHeight="1">
      <c r="A357" s="20"/>
      <c r="B357" s="20"/>
      <c r="C357" s="541">
        <v>45</v>
      </c>
      <c r="D357" s="542"/>
      <c r="E357" s="543" t="s">
        <v>1616</v>
      </c>
      <c r="F357" s="544"/>
      <c r="G357" s="544"/>
      <c r="H357" s="544"/>
      <c r="I357" s="544"/>
      <c r="J357" s="544"/>
      <c r="K357" s="544"/>
      <c r="L357" s="544"/>
      <c r="M357" s="544"/>
      <c r="N357" s="544"/>
      <c r="O357" s="544"/>
      <c r="P357" s="544"/>
      <c r="Q357" s="544"/>
      <c r="R357" s="544"/>
      <c r="S357" s="544"/>
      <c r="T357" s="545"/>
      <c r="U357" s="229" t="s">
        <v>1617</v>
      </c>
      <c r="V357" s="546" t="s">
        <v>107</v>
      </c>
      <c r="W357" s="547"/>
      <c r="X357" s="547"/>
      <c r="Y357" s="547"/>
      <c r="Z357" s="548"/>
      <c r="AA357" s="623" t="s">
        <v>102</v>
      </c>
      <c r="AB357" s="624"/>
      <c r="AC357" s="625"/>
      <c r="AD357" s="415">
        <v>9</v>
      </c>
      <c r="AE357" s="415" t="s">
        <v>103</v>
      </c>
      <c r="AF357" s="646"/>
      <c r="AG357" s="647"/>
      <c r="AH357" s="549"/>
      <c r="AI357" s="550"/>
      <c r="AJ357" s="551"/>
      <c r="AK357" s="265"/>
      <c r="AL357" s="38"/>
      <c r="AM357" s="54"/>
      <c r="AN357" s="13" t="str">
        <f t="shared" si="12"/>
        <v>■</v>
      </c>
    </row>
    <row r="358" spans="1:40" s="13" customFormat="1" ht="13.4" customHeight="1">
      <c r="A358" s="20"/>
      <c r="B358" s="20"/>
      <c r="C358" s="541">
        <v>46</v>
      </c>
      <c r="D358" s="542"/>
      <c r="E358" s="543" t="s">
        <v>1618</v>
      </c>
      <c r="F358" s="544"/>
      <c r="G358" s="544"/>
      <c r="H358" s="544"/>
      <c r="I358" s="544"/>
      <c r="J358" s="544"/>
      <c r="K358" s="544"/>
      <c r="L358" s="544"/>
      <c r="M358" s="544"/>
      <c r="N358" s="544"/>
      <c r="O358" s="544"/>
      <c r="P358" s="544"/>
      <c r="Q358" s="544"/>
      <c r="R358" s="544"/>
      <c r="S358" s="544"/>
      <c r="T358" s="545"/>
      <c r="U358" s="229" t="s">
        <v>1619</v>
      </c>
      <c r="V358" s="546" t="s">
        <v>107</v>
      </c>
      <c r="W358" s="547"/>
      <c r="X358" s="547"/>
      <c r="Y358" s="547"/>
      <c r="Z358" s="548"/>
      <c r="AA358" s="623" t="s">
        <v>108</v>
      </c>
      <c r="AB358" s="624"/>
      <c r="AC358" s="625"/>
      <c r="AD358" s="415">
        <v>3</v>
      </c>
      <c r="AE358" s="415">
        <v>0</v>
      </c>
      <c r="AF358" s="646"/>
      <c r="AG358" s="647"/>
      <c r="AH358" s="549"/>
      <c r="AI358" s="550"/>
      <c r="AJ358" s="551"/>
      <c r="AK358" s="265"/>
      <c r="AL358" s="38"/>
      <c r="AM358" s="54"/>
      <c r="AN358" s="13" t="str">
        <f t="shared" si="12"/>
        <v>■</v>
      </c>
    </row>
    <row r="359" spans="1:40" s="13" customFormat="1" ht="13.4" customHeight="1">
      <c r="A359" s="20"/>
      <c r="B359" s="20"/>
      <c r="C359" s="541">
        <v>47</v>
      </c>
      <c r="D359" s="542"/>
      <c r="E359" s="543" t="s">
        <v>1620</v>
      </c>
      <c r="F359" s="544"/>
      <c r="G359" s="544"/>
      <c r="H359" s="544"/>
      <c r="I359" s="544"/>
      <c r="J359" s="544"/>
      <c r="K359" s="544"/>
      <c r="L359" s="544"/>
      <c r="M359" s="544"/>
      <c r="N359" s="544"/>
      <c r="O359" s="544"/>
      <c r="P359" s="544"/>
      <c r="Q359" s="544"/>
      <c r="R359" s="544"/>
      <c r="S359" s="544"/>
      <c r="T359" s="545"/>
      <c r="U359" s="229" t="s">
        <v>1621</v>
      </c>
      <c r="V359" s="546" t="s">
        <v>107</v>
      </c>
      <c r="W359" s="547"/>
      <c r="X359" s="547"/>
      <c r="Y359" s="547"/>
      <c r="Z359" s="548"/>
      <c r="AA359" s="623" t="s">
        <v>108</v>
      </c>
      <c r="AB359" s="624"/>
      <c r="AC359" s="625"/>
      <c r="AD359" s="415">
        <v>4</v>
      </c>
      <c r="AE359" s="415">
        <v>0</v>
      </c>
      <c r="AF359" s="646"/>
      <c r="AG359" s="647"/>
      <c r="AH359" s="549"/>
      <c r="AI359" s="550"/>
      <c r="AJ359" s="551"/>
      <c r="AK359" s="265"/>
      <c r="AL359" s="38"/>
      <c r="AM359" s="54"/>
      <c r="AN359" s="13" t="str">
        <f t="shared" si="12"/>
        <v>■</v>
      </c>
    </row>
    <row r="360" spans="1:40" s="13" customFormat="1" ht="13.4" customHeight="1">
      <c r="A360" s="20"/>
      <c r="B360" s="20"/>
      <c r="C360" s="541">
        <v>48</v>
      </c>
      <c r="D360" s="542"/>
      <c r="E360" s="543" t="s">
        <v>1622</v>
      </c>
      <c r="F360" s="544"/>
      <c r="G360" s="544"/>
      <c r="H360" s="544"/>
      <c r="I360" s="544"/>
      <c r="J360" s="544"/>
      <c r="K360" s="544"/>
      <c r="L360" s="544"/>
      <c r="M360" s="544"/>
      <c r="N360" s="544"/>
      <c r="O360" s="544"/>
      <c r="P360" s="544"/>
      <c r="Q360" s="544"/>
      <c r="R360" s="544"/>
      <c r="S360" s="544"/>
      <c r="T360" s="545"/>
      <c r="U360" s="229" t="s">
        <v>1623</v>
      </c>
      <c r="V360" s="546" t="s">
        <v>101</v>
      </c>
      <c r="W360" s="547"/>
      <c r="X360" s="547"/>
      <c r="Y360" s="547"/>
      <c r="Z360" s="548"/>
      <c r="AA360" s="623" t="s">
        <v>102</v>
      </c>
      <c r="AB360" s="624"/>
      <c r="AC360" s="625"/>
      <c r="AD360" s="415">
        <v>1</v>
      </c>
      <c r="AE360" s="415" t="s">
        <v>103</v>
      </c>
      <c r="AF360" s="646"/>
      <c r="AG360" s="647"/>
      <c r="AH360" s="549"/>
      <c r="AI360" s="550"/>
      <c r="AJ360" s="551"/>
      <c r="AK360" s="265"/>
      <c r="AL360" s="38"/>
      <c r="AM360" s="54"/>
      <c r="AN360" s="13" t="str">
        <f t="shared" si="12"/>
        <v>■</v>
      </c>
    </row>
    <row r="361" spans="1:40" s="13" customFormat="1" ht="13.4" customHeight="1">
      <c r="A361" s="20"/>
      <c r="B361" s="20"/>
      <c r="C361" s="541">
        <v>49</v>
      </c>
      <c r="D361" s="542"/>
      <c r="E361" s="543" t="s">
        <v>1624</v>
      </c>
      <c r="F361" s="544"/>
      <c r="G361" s="544"/>
      <c r="H361" s="544"/>
      <c r="I361" s="544"/>
      <c r="J361" s="544"/>
      <c r="K361" s="544"/>
      <c r="L361" s="544"/>
      <c r="M361" s="544"/>
      <c r="N361" s="544"/>
      <c r="O361" s="544"/>
      <c r="P361" s="544"/>
      <c r="Q361" s="544"/>
      <c r="R361" s="544"/>
      <c r="S361" s="544"/>
      <c r="T361" s="545"/>
      <c r="U361" s="229" t="s">
        <v>1625</v>
      </c>
      <c r="V361" s="546" t="s">
        <v>107</v>
      </c>
      <c r="W361" s="547"/>
      <c r="X361" s="547"/>
      <c r="Y361" s="547"/>
      <c r="Z361" s="548"/>
      <c r="AA361" s="623" t="s">
        <v>102</v>
      </c>
      <c r="AB361" s="624"/>
      <c r="AC361" s="625"/>
      <c r="AD361" s="415">
        <v>9</v>
      </c>
      <c r="AE361" s="415" t="s">
        <v>103</v>
      </c>
      <c r="AF361" s="646"/>
      <c r="AG361" s="647"/>
      <c r="AH361" s="549"/>
      <c r="AI361" s="550"/>
      <c r="AJ361" s="551"/>
      <c r="AK361" s="265"/>
      <c r="AL361" s="38"/>
      <c r="AM361" s="54"/>
      <c r="AN361" s="13" t="str">
        <f t="shared" si="12"/>
        <v>■</v>
      </c>
    </row>
    <row r="362" spans="1:40" s="13" customFormat="1" ht="13.4" customHeight="1">
      <c r="A362" s="20"/>
      <c r="B362" s="20"/>
      <c r="C362" s="541">
        <v>50</v>
      </c>
      <c r="D362" s="542"/>
      <c r="E362" s="543" t="s">
        <v>1626</v>
      </c>
      <c r="F362" s="544"/>
      <c r="G362" s="544"/>
      <c r="H362" s="544"/>
      <c r="I362" s="544"/>
      <c r="J362" s="544"/>
      <c r="K362" s="544"/>
      <c r="L362" s="544"/>
      <c r="M362" s="544"/>
      <c r="N362" s="544"/>
      <c r="O362" s="544"/>
      <c r="P362" s="544"/>
      <c r="Q362" s="544"/>
      <c r="R362" s="544"/>
      <c r="S362" s="544"/>
      <c r="T362" s="545"/>
      <c r="U362" s="229" t="s">
        <v>1627</v>
      </c>
      <c r="V362" s="546" t="s">
        <v>107</v>
      </c>
      <c r="W362" s="547"/>
      <c r="X362" s="547"/>
      <c r="Y362" s="547"/>
      <c r="Z362" s="548"/>
      <c r="AA362" s="623" t="s">
        <v>108</v>
      </c>
      <c r="AB362" s="624"/>
      <c r="AC362" s="625"/>
      <c r="AD362" s="415">
        <v>3</v>
      </c>
      <c r="AE362" s="415">
        <v>0</v>
      </c>
      <c r="AF362" s="646"/>
      <c r="AG362" s="647"/>
      <c r="AH362" s="549"/>
      <c r="AI362" s="550"/>
      <c r="AJ362" s="551"/>
      <c r="AK362" s="265"/>
      <c r="AL362" s="38"/>
      <c r="AM362" s="54"/>
      <c r="AN362" s="13" t="str">
        <f t="shared" si="12"/>
        <v>■</v>
      </c>
    </row>
    <row r="363" spans="1:40" s="13" customFormat="1" ht="13.4" customHeight="1">
      <c r="A363" s="20"/>
      <c r="B363" s="20"/>
      <c r="C363" s="541">
        <v>51</v>
      </c>
      <c r="D363" s="542"/>
      <c r="E363" s="543" t="s">
        <v>1628</v>
      </c>
      <c r="F363" s="544"/>
      <c r="G363" s="544"/>
      <c r="H363" s="544"/>
      <c r="I363" s="544"/>
      <c r="J363" s="544"/>
      <c r="K363" s="544"/>
      <c r="L363" s="544"/>
      <c r="M363" s="544"/>
      <c r="N363" s="544"/>
      <c r="O363" s="544"/>
      <c r="P363" s="544"/>
      <c r="Q363" s="544"/>
      <c r="R363" s="544"/>
      <c r="S363" s="544"/>
      <c r="T363" s="545"/>
      <c r="U363" s="229" t="s">
        <v>1629</v>
      </c>
      <c r="V363" s="546" t="s">
        <v>107</v>
      </c>
      <c r="W363" s="547"/>
      <c r="X363" s="547"/>
      <c r="Y363" s="547"/>
      <c r="Z363" s="548"/>
      <c r="AA363" s="623" t="s">
        <v>108</v>
      </c>
      <c r="AB363" s="624"/>
      <c r="AC363" s="625"/>
      <c r="AD363" s="415">
        <v>4</v>
      </c>
      <c r="AE363" s="415">
        <v>0</v>
      </c>
      <c r="AF363" s="646"/>
      <c r="AG363" s="647"/>
      <c r="AH363" s="549"/>
      <c r="AI363" s="550"/>
      <c r="AJ363" s="551"/>
      <c r="AK363" s="265"/>
      <c r="AL363" s="38"/>
      <c r="AM363" s="54"/>
      <c r="AN363" s="13" t="str">
        <f t="shared" si="12"/>
        <v>■</v>
      </c>
    </row>
    <row r="364" spans="1:40" s="13" customFormat="1" ht="13.4" customHeight="1">
      <c r="A364" s="20"/>
      <c r="B364" s="20"/>
      <c r="C364" s="541">
        <v>52</v>
      </c>
      <c r="D364" s="542"/>
      <c r="E364" s="543" t="s">
        <v>1630</v>
      </c>
      <c r="F364" s="544"/>
      <c r="G364" s="544"/>
      <c r="H364" s="544"/>
      <c r="I364" s="544"/>
      <c r="J364" s="544"/>
      <c r="K364" s="544"/>
      <c r="L364" s="544"/>
      <c r="M364" s="544"/>
      <c r="N364" s="544"/>
      <c r="O364" s="544"/>
      <c r="P364" s="544"/>
      <c r="Q364" s="544"/>
      <c r="R364" s="544"/>
      <c r="S364" s="544"/>
      <c r="T364" s="545"/>
      <c r="U364" s="229" t="s">
        <v>1631</v>
      </c>
      <c r="V364" s="546" t="s">
        <v>101</v>
      </c>
      <c r="W364" s="547"/>
      <c r="X364" s="547"/>
      <c r="Y364" s="547"/>
      <c r="Z364" s="548"/>
      <c r="AA364" s="623" t="s">
        <v>102</v>
      </c>
      <c r="AB364" s="624"/>
      <c r="AC364" s="625"/>
      <c r="AD364" s="415">
        <v>1</v>
      </c>
      <c r="AE364" s="415" t="s">
        <v>103</v>
      </c>
      <c r="AF364" s="646"/>
      <c r="AG364" s="647"/>
      <c r="AH364" s="549"/>
      <c r="AI364" s="550"/>
      <c r="AJ364" s="551"/>
      <c r="AK364" s="265"/>
      <c r="AL364" s="38"/>
      <c r="AM364" s="54"/>
      <c r="AN364" s="13" t="str">
        <f t="shared" si="12"/>
        <v>■</v>
      </c>
    </row>
    <row r="365" spans="1:40" s="13" customFormat="1" ht="13.4" customHeight="1">
      <c r="A365" s="20"/>
      <c r="B365" s="20"/>
      <c r="C365" s="541">
        <v>53</v>
      </c>
      <c r="D365" s="542"/>
      <c r="E365" s="543" t="s">
        <v>1632</v>
      </c>
      <c r="F365" s="544"/>
      <c r="G365" s="544"/>
      <c r="H365" s="544"/>
      <c r="I365" s="544"/>
      <c r="J365" s="544"/>
      <c r="K365" s="544"/>
      <c r="L365" s="544"/>
      <c r="M365" s="544"/>
      <c r="N365" s="544"/>
      <c r="O365" s="544"/>
      <c r="P365" s="544"/>
      <c r="Q365" s="544"/>
      <c r="R365" s="544"/>
      <c r="S365" s="544"/>
      <c r="T365" s="545"/>
      <c r="U365" s="229" t="s">
        <v>1633</v>
      </c>
      <c r="V365" s="546" t="s">
        <v>107</v>
      </c>
      <c r="W365" s="547"/>
      <c r="X365" s="547"/>
      <c r="Y365" s="547"/>
      <c r="Z365" s="548"/>
      <c r="AA365" s="623" t="s">
        <v>102</v>
      </c>
      <c r="AB365" s="624"/>
      <c r="AC365" s="625"/>
      <c r="AD365" s="415">
        <v>9</v>
      </c>
      <c r="AE365" s="415" t="s">
        <v>103</v>
      </c>
      <c r="AF365" s="646"/>
      <c r="AG365" s="647"/>
      <c r="AH365" s="549"/>
      <c r="AI365" s="550"/>
      <c r="AJ365" s="551"/>
      <c r="AK365" s="265"/>
      <c r="AL365" s="38"/>
      <c r="AM365" s="54"/>
      <c r="AN365" s="13" t="str">
        <f t="shared" si="12"/>
        <v>■</v>
      </c>
    </row>
    <row r="366" spans="1:40" s="13" customFormat="1" ht="13.4" customHeight="1">
      <c r="A366" s="20"/>
      <c r="B366" s="20"/>
      <c r="C366" s="541">
        <v>54</v>
      </c>
      <c r="D366" s="542"/>
      <c r="E366" s="543" t="s">
        <v>1634</v>
      </c>
      <c r="F366" s="544"/>
      <c r="G366" s="544"/>
      <c r="H366" s="544"/>
      <c r="I366" s="544"/>
      <c r="J366" s="544"/>
      <c r="K366" s="544"/>
      <c r="L366" s="544"/>
      <c r="M366" s="544"/>
      <c r="N366" s="544"/>
      <c r="O366" s="544"/>
      <c r="P366" s="544"/>
      <c r="Q366" s="544"/>
      <c r="R366" s="544"/>
      <c r="S366" s="544"/>
      <c r="T366" s="545"/>
      <c r="U366" s="229" t="s">
        <v>1635</v>
      </c>
      <c r="V366" s="546" t="s">
        <v>107</v>
      </c>
      <c r="W366" s="547"/>
      <c r="X366" s="547"/>
      <c r="Y366" s="547"/>
      <c r="Z366" s="548"/>
      <c r="AA366" s="623" t="s">
        <v>108</v>
      </c>
      <c r="AB366" s="624"/>
      <c r="AC366" s="625"/>
      <c r="AD366" s="415">
        <v>3</v>
      </c>
      <c r="AE366" s="415">
        <v>0</v>
      </c>
      <c r="AF366" s="646"/>
      <c r="AG366" s="647"/>
      <c r="AH366" s="549"/>
      <c r="AI366" s="550"/>
      <c r="AJ366" s="551"/>
      <c r="AK366" s="265"/>
      <c r="AL366" s="38"/>
      <c r="AM366" s="54"/>
      <c r="AN366" s="13" t="str">
        <f t="shared" si="12"/>
        <v>■</v>
      </c>
    </row>
    <row r="367" spans="1:40" s="13" customFormat="1" ht="13.4" customHeight="1">
      <c r="A367" s="20"/>
      <c r="B367" s="20"/>
      <c r="C367" s="541">
        <v>55</v>
      </c>
      <c r="D367" s="542"/>
      <c r="E367" s="543" t="s">
        <v>1636</v>
      </c>
      <c r="F367" s="544"/>
      <c r="G367" s="544"/>
      <c r="H367" s="544"/>
      <c r="I367" s="544"/>
      <c r="J367" s="544"/>
      <c r="K367" s="544"/>
      <c r="L367" s="544"/>
      <c r="M367" s="544"/>
      <c r="N367" s="544"/>
      <c r="O367" s="544"/>
      <c r="P367" s="544"/>
      <c r="Q367" s="544"/>
      <c r="R367" s="544"/>
      <c r="S367" s="544"/>
      <c r="T367" s="545"/>
      <c r="U367" s="229" t="s">
        <v>1637</v>
      </c>
      <c r="V367" s="546" t="s">
        <v>107</v>
      </c>
      <c r="W367" s="547"/>
      <c r="X367" s="547"/>
      <c r="Y367" s="547"/>
      <c r="Z367" s="548"/>
      <c r="AA367" s="623" t="s">
        <v>108</v>
      </c>
      <c r="AB367" s="624"/>
      <c r="AC367" s="625"/>
      <c r="AD367" s="415">
        <v>4</v>
      </c>
      <c r="AE367" s="415">
        <v>0</v>
      </c>
      <c r="AF367" s="646"/>
      <c r="AG367" s="647"/>
      <c r="AH367" s="549"/>
      <c r="AI367" s="550"/>
      <c r="AJ367" s="551"/>
      <c r="AK367" s="265"/>
      <c r="AL367" s="38"/>
      <c r="AM367" s="54"/>
      <c r="AN367" s="13" t="str">
        <f t="shared" si="12"/>
        <v>■</v>
      </c>
    </row>
    <row r="368" spans="1:40" s="13" customFormat="1" ht="13.4" customHeight="1">
      <c r="A368" s="20"/>
      <c r="B368" s="20"/>
      <c r="C368" s="541">
        <v>56</v>
      </c>
      <c r="D368" s="542"/>
      <c r="E368" s="543" t="s">
        <v>1638</v>
      </c>
      <c r="F368" s="544"/>
      <c r="G368" s="544"/>
      <c r="H368" s="544"/>
      <c r="I368" s="544"/>
      <c r="J368" s="544"/>
      <c r="K368" s="544"/>
      <c r="L368" s="544"/>
      <c r="M368" s="544"/>
      <c r="N368" s="544"/>
      <c r="O368" s="544"/>
      <c r="P368" s="544"/>
      <c r="Q368" s="544"/>
      <c r="R368" s="544"/>
      <c r="S368" s="544"/>
      <c r="T368" s="545"/>
      <c r="U368" s="229" t="s">
        <v>1639</v>
      </c>
      <c r="V368" s="546" t="s">
        <v>101</v>
      </c>
      <c r="W368" s="547"/>
      <c r="X368" s="547"/>
      <c r="Y368" s="547"/>
      <c r="Z368" s="548"/>
      <c r="AA368" s="623" t="s">
        <v>102</v>
      </c>
      <c r="AB368" s="624"/>
      <c r="AC368" s="625"/>
      <c r="AD368" s="415">
        <v>1</v>
      </c>
      <c r="AE368" s="415" t="s">
        <v>103</v>
      </c>
      <c r="AF368" s="646"/>
      <c r="AG368" s="647"/>
      <c r="AH368" s="549"/>
      <c r="AI368" s="550"/>
      <c r="AJ368" s="551"/>
      <c r="AK368" s="265"/>
      <c r="AL368" s="38"/>
      <c r="AM368" s="54"/>
      <c r="AN368" s="13" t="str">
        <f t="shared" si="12"/>
        <v>■</v>
      </c>
    </row>
    <row r="369" spans="1:40" s="13" customFormat="1" ht="13.4" customHeight="1">
      <c r="A369" s="20"/>
      <c r="B369" s="20"/>
      <c r="C369" s="541">
        <v>57</v>
      </c>
      <c r="D369" s="542"/>
      <c r="E369" s="543" t="s">
        <v>1640</v>
      </c>
      <c r="F369" s="544"/>
      <c r="G369" s="544"/>
      <c r="H369" s="544"/>
      <c r="I369" s="544"/>
      <c r="J369" s="544"/>
      <c r="K369" s="544"/>
      <c r="L369" s="544"/>
      <c r="M369" s="544"/>
      <c r="N369" s="544"/>
      <c r="O369" s="544"/>
      <c r="P369" s="544"/>
      <c r="Q369" s="544"/>
      <c r="R369" s="544"/>
      <c r="S369" s="544"/>
      <c r="T369" s="545"/>
      <c r="U369" s="229" t="s">
        <v>1641</v>
      </c>
      <c r="V369" s="546" t="s">
        <v>107</v>
      </c>
      <c r="W369" s="547"/>
      <c r="X369" s="547"/>
      <c r="Y369" s="547"/>
      <c r="Z369" s="548"/>
      <c r="AA369" s="623" t="s">
        <v>102</v>
      </c>
      <c r="AB369" s="624"/>
      <c r="AC369" s="625"/>
      <c r="AD369" s="415">
        <v>9</v>
      </c>
      <c r="AE369" s="415" t="s">
        <v>103</v>
      </c>
      <c r="AF369" s="646"/>
      <c r="AG369" s="647"/>
      <c r="AH369" s="549"/>
      <c r="AI369" s="550"/>
      <c r="AJ369" s="551"/>
      <c r="AK369" s="265"/>
      <c r="AL369" s="38"/>
      <c r="AM369" s="54"/>
      <c r="AN369" s="13" t="str">
        <f t="shared" si="12"/>
        <v>■</v>
      </c>
    </row>
    <row r="370" spans="1:40" s="13" customFormat="1" ht="13.4" customHeight="1">
      <c r="A370" s="20"/>
      <c r="B370" s="20"/>
      <c r="C370" s="541">
        <v>58</v>
      </c>
      <c r="D370" s="542"/>
      <c r="E370" s="543" t="s">
        <v>1642</v>
      </c>
      <c r="F370" s="544"/>
      <c r="G370" s="544"/>
      <c r="H370" s="544"/>
      <c r="I370" s="544"/>
      <c r="J370" s="544"/>
      <c r="K370" s="544"/>
      <c r="L370" s="544"/>
      <c r="M370" s="544"/>
      <c r="N370" s="544"/>
      <c r="O370" s="544"/>
      <c r="P370" s="544"/>
      <c r="Q370" s="544"/>
      <c r="R370" s="544"/>
      <c r="S370" s="544"/>
      <c r="T370" s="545"/>
      <c r="U370" s="229" t="s">
        <v>1643</v>
      </c>
      <c r="V370" s="546" t="s">
        <v>107</v>
      </c>
      <c r="W370" s="547"/>
      <c r="X370" s="547"/>
      <c r="Y370" s="547"/>
      <c r="Z370" s="548"/>
      <c r="AA370" s="623" t="s">
        <v>108</v>
      </c>
      <c r="AB370" s="624"/>
      <c r="AC370" s="625"/>
      <c r="AD370" s="415">
        <v>3</v>
      </c>
      <c r="AE370" s="415">
        <v>0</v>
      </c>
      <c r="AF370" s="646"/>
      <c r="AG370" s="647"/>
      <c r="AH370" s="549"/>
      <c r="AI370" s="550"/>
      <c r="AJ370" s="551"/>
      <c r="AK370" s="265"/>
      <c r="AL370" s="38"/>
      <c r="AM370" s="54"/>
      <c r="AN370" s="13" t="str">
        <f t="shared" si="12"/>
        <v>■</v>
      </c>
    </row>
    <row r="371" spans="1:40" s="13" customFormat="1" ht="13.4" customHeight="1">
      <c r="A371" s="20"/>
      <c r="B371" s="20"/>
      <c r="C371" s="541">
        <v>59</v>
      </c>
      <c r="D371" s="542"/>
      <c r="E371" s="543" t="s">
        <v>1644</v>
      </c>
      <c r="F371" s="544"/>
      <c r="G371" s="544"/>
      <c r="H371" s="544"/>
      <c r="I371" s="544"/>
      <c r="J371" s="544"/>
      <c r="K371" s="544"/>
      <c r="L371" s="544"/>
      <c r="M371" s="544"/>
      <c r="N371" s="544"/>
      <c r="O371" s="544"/>
      <c r="P371" s="544"/>
      <c r="Q371" s="544"/>
      <c r="R371" s="544"/>
      <c r="S371" s="544"/>
      <c r="T371" s="545"/>
      <c r="U371" s="229" t="s">
        <v>1645</v>
      </c>
      <c r="V371" s="546" t="s">
        <v>107</v>
      </c>
      <c r="W371" s="547"/>
      <c r="X371" s="547"/>
      <c r="Y371" s="547"/>
      <c r="Z371" s="548"/>
      <c r="AA371" s="623" t="s">
        <v>108</v>
      </c>
      <c r="AB371" s="624"/>
      <c r="AC371" s="625"/>
      <c r="AD371" s="415">
        <v>4</v>
      </c>
      <c r="AE371" s="415">
        <v>0</v>
      </c>
      <c r="AF371" s="646"/>
      <c r="AG371" s="647"/>
      <c r="AH371" s="549"/>
      <c r="AI371" s="550"/>
      <c r="AJ371" s="551"/>
      <c r="AK371" s="265"/>
      <c r="AL371" s="38"/>
      <c r="AM371" s="54"/>
      <c r="AN371" s="13" t="str">
        <f t="shared" si="12"/>
        <v>■</v>
      </c>
    </row>
    <row r="372" spans="1:40" s="13" customFormat="1" ht="13.4" customHeight="1">
      <c r="A372" s="20"/>
      <c r="B372" s="20"/>
      <c r="C372" s="541">
        <v>60</v>
      </c>
      <c r="D372" s="542"/>
      <c r="E372" s="543" t="s">
        <v>1646</v>
      </c>
      <c r="F372" s="544"/>
      <c r="G372" s="544"/>
      <c r="H372" s="544"/>
      <c r="I372" s="544"/>
      <c r="J372" s="544"/>
      <c r="K372" s="544"/>
      <c r="L372" s="544"/>
      <c r="M372" s="544"/>
      <c r="N372" s="544"/>
      <c r="O372" s="544"/>
      <c r="P372" s="544"/>
      <c r="Q372" s="544"/>
      <c r="R372" s="544"/>
      <c r="S372" s="544"/>
      <c r="T372" s="545"/>
      <c r="U372" s="229" t="s">
        <v>1647</v>
      </c>
      <c r="V372" s="546" t="s">
        <v>101</v>
      </c>
      <c r="W372" s="547"/>
      <c r="X372" s="547"/>
      <c r="Y372" s="547"/>
      <c r="Z372" s="548"/>
      <c r="AA372" s="623" t="s">
        <v>102</v>
      </c>
      <c r="AB372" s="624"/>
      <c r="AC372" s="625"/>
      <c r="AD372" s="415">
        <v>1</v>
      </c>
      <c r="AE372" s="415" t="s">
        <v>103</v>
      </c>
      <c r="AF372" s="646"/>
      <c r="AG372" s="647"/>
      <c r="AH372" s="549"/>
      <c r="AI372" s="550"/>
      <c r="AJ372" s="551"/>
      <c r="AK372" s="265"/>
      <c r="AL372" s="38"/>
      <c r="AM372" s="54"/>
      <c r="AN372" s="13" t="str">
        <f t="shared" si="12"/>
        <v>■</v>
      </c>
    </row>
    <row r="373" spans="1:40" s="13" customFormat="1" ht="13.4" customHeight="1">
      <c r="A373" s="20"/>
      <c r="B373" s="20"/>
      <c r="C373" s="541">
        <v>61</v>
      </c>
      <c r="D373" s="542"/>
      <c r="E373" s="543" t="s">
        <v>1648</v>
      </c>
      <c r="F373" s="544"/>
      <c r="G373" s="544"/>
      <c r="H373" s="544"/>
      <c r="I373" s="544"/>
      <c r="J373" s="544"/>
      <c r="K373" s="544"/>
      <c r="L373" s="544"/>
      <c r="M373" s="544"/>
      <c r="N373" s="544"/>
      <c r="O373" s="544"/>
      <c r="P373" s="544"/>
      <c r="Q373" s="544"/>
      <c r="R373" s="544"/>
      <c r="S373" s="544"/>
      <c r="T373" s="545"/>
      <c r="U373" s="229" t="s">
        <v>1649</v>
      </c>
      <c r="V373" s="546" t="s">
        <v>107</v>
      </c>
      <c r="W373" s="547"/>
      <c r="X373" s="547"/>
      <c r="Y373" s="547"/>
      <c r="Z373" s="548"/>
      <c r="AA373" s="623" t="s">
        <v>102</v>
      </c>
      <c r="AB373" s="624"/>
      <c r="AC373" s="625"/>
      <c r="AD373" s="415">
        <v>9</v>
      </c>
      <c r="AE373" s="415" t="s">
        <v>103</v>
      </c>
      <c r="AF373" s="646"/>
      <c r="AG373" s="647"/>
      <c r="AH373" s="549"/>
      <c r="AI373" s="550"/>
      <c r="AJ373" s="551"/>
      <c r="AK373" s="265"/>
      <c r="AL373" s="38"/>
      <c r="AM373" s="54"/>
      <c r="AN373" s="13" t="str">
        <f t="shared" si="12"/>
        <v>■</v>
      </c>
    </row>
    <row r="374" spans="1:40" s="13" customFormat="1" ht="13.4" customHeight="1">
      <c r="A374" s="20"/>
      <c r="B374" s="20"/>
      <c r="C374" s="541">
        <v>62</v>
      </c>
      <c r="D374" s="542"/>
      <c r="E374" s="543" t="s">
        <v>1650</v>
      </c>
      <c r="F374" s="544"/>
      <c r="G374" s="544"/>
      <c r="H374" s="544"/>
      <c r="I374" s="544"/>
      <c r="J374" s="544"/>
      <c r="K374" s="544"/>
      <c r="L374" s="544"/>
      <c r="M374" s="544"/>
      <c r="N374" s="544"/>
      <c r="O374" s="544"/>
      <c r="P374" s="544"/>
      <c r="Q374" s="544"/>
      <c r="R374" s="544"/>
      <c r="S374" s="544"/>
      <c r="T374" s="545"/>
      <c r="U374" s="229" t="s">
        <v>1651</v>
      </c>
      <c r="V374" s="546" t="s">
        <v>107</v>
      </c>
      <c r="W374" s="547"/>
      <c r="X374" s="547"/>
      <c r="Y374" s="547"/>
      <c r="Z374" s="548"/>
      <c r="AA374" s="623" t="s">
        <v>108</v>
      </c>
      <c r="AB374" s="624"/>
      <c r="AC374" s="625"/>
      <c r="AD374" s="415">
        <v>3</v>
      </c>
      <c r="AE374" s="415">
        <v>0</v>
      </c>
      <c r="AF374" s="646"/>
      <c r="AG374" s="647"/>
      <c r="AH374" s="549"/>
      <c r="AI374" s="550"/>
      <c r="AJ374" s="551"/>
      <c r="AK374" s="265"/>
      <c r="AL374" s="38"/>
      <c r="AM374" s="54"/>
      <c r="AN374" s="13" t="str">
        <f t="shared" si="12"/>
        <v>■</v>
      </c>
    </row>
    <row r="375" spans="1:40" s="13" customFormat="1" ht="13.4" customHeight="1">
      <c r="A375" s="20"/>
      <c r="B375" s="20"/>
      <c r="C375" s="541">
        <v>63</v>
      </c>
      <c r="D375" s="542"/>
      <c r="E375" s="543" t="s">
        <v>1652</v>
      </c>
      <c r="F375" s="544"/>
      <c r="G375" s="544"/>
      <c r="H375" s="544"/>
      <c r="I375" s="544"/>
      <c r="J375" s="544"/>
      <c r="K375" s="544"/>
      <c r="L375" s="544"/>
      <c r="M375" s="544"/>
      <c r="N375" s="544"/>
      <c r="O375" s="544"/>
      <c r="P375" s="544"/>
      <c r="Q375" s="544"/>
      <c r="R375" s="544"/>
      <c r="S375" s="544"/>
      <c r="T375" s="545"/>
      <c r="U375" s="229" t="s">
        <v>1653</v>
      </c>
      <c r="V375" s="546" t="s">
        <v>107</v>
      </c>
      <c r="W375" s="547"/>
      <c r="X375" s="547"/>
      <c r="Y375" s="547"/>
      <c r="Z375" s="548"/>
      <c r="AA375" s="623" t="s">
        <v>108</v>
      </c>
      <c r="AB375" s="624"/>
      <c r="AC375" s="625"/>
      <c r="AD375" s="415">
        <v>4</v>
      </c>
      <c r="AE375" s="415">
        <v>0</v>
      </c>
      <c r="AF375" s="646"/>
      <c r="AG375" s="647"/>
      <c r="AH375" s="549"/>
      <c r="AI375" s="550"/>
      <c r="AJ375" s="551"/>
      <c r="AK375" s="265"/>
      <c r="AL375" s="38"/>
      <c r="AM375" s="54"/>
      <c r="AN375" s="13" t="str">
        <f t="shared" si="12"/>
        <v>■</v>
      </c>
    </row>
    <row r="376" spans="1:40" s="13" customFormat="1" ht="13.4" customHeight="1">
      <c r="A376" s="20"/>
      <c r="B376" s="20"/>
      <c r="C376" s="541">
        <v>64</v>
      </c>
      <c r="D376" s="542"/>
      <c r="E376" s="543" t="s">
        <v>1654</v>
      </c>
      <c r="F376" s="544"/>
      <c r="G376" s="544"/>
      <c r="H376" s="544"/>
      <c r="I376" s="544"/>
      <c r="J376" s="544"/>
      <c r="K376" s="544"/>
      <c r="L376" s="544"/>
      <c r="M376" s="544"/>
      <c r="N376" s="544"/>
      <c r="O376" s="544"/>
      <c r="P376" s="544"/>
      <c r="Q376" s="544"/>
      <c r="R376" s="544"/>
      <c r="S376" s="544"/>
      <c r="T376" s="545"/>
      <c r="U376" s="229" t="s">
        <v>1655</v>
      </c>
      <c r="V376" s="546" t="s">
        <v>101</v>
      </c>
      <c r="W376" s="547"/>
      <c r="X376" s="547"/>
      <c r="Y376" s="547"/>
      <c r="Z376" s="548"/>
      <c r="AA376" s="623" t="s">
        <v>102</v>
      </c>
      <c r="AB376" s="624"/>
      <c r="AC376" s="625"/>
      <c r="AD376" s="415">
        <v>1</v>
      </c>
      <c r="AE376" s="415" t="s">
        <v>103</v>
      </c>
      <c r="AF376" s="646"/>
      <c r="AG376" s="647"/>
      <c r="AH376" s="549"/>
      <c r="AI376" s="550"/>
      <c r="AJ376" s="551"/>
      <c r="AK376" s="265"/>
      <c r="AL376" s="38"/>
      <c r="AM376" s="54"/>
      <c r="AN376" s="13" t="str">
        <f t="shared" si="12"/>
        <v>■</v>
      </c>
    </row>
    <row r="377" spans="1:40" s="13" customFormat="1" ht="13.4" customHeight="1">
      <c r="A377" s="20"/>
      <c r="B377" s="20"/>
      <c r="C377" s="541">
        <v>65</v>
      </c>
      <c r="D377" s="542"/>
      <c r="E377" s="543" t="s">
        <v>1656</v>
      </c>
      <c r="F377" s="544"/>
      <c r="G377" s="544"/>
      <c r="H377" s="544"/>
      <c r="I377" s="544"/>
      <c r="J377" s="544"/>
      <c r="K377" s="544"/>
      <c r="L377" s="544"/>
      <c r="M377" s="544"/>
      <c r="N377" s="544"/>
      <c r="O377" s="544"/>
      <c r="P377" s="544"/>
      <c r="Q377" s="544"/>
      <c r="R377" s="544"/>
      <c r="S377" s="544"/>
      <c r="T377" s="545"/>
      <c r="U377" s="229" t="s">
        <v>1657</v>
      </c>
      <c r="V377" s="546" t="s">
        <v>107</v>
      </c>
      <c r="W377" s="547"/>
      <c r="X377" s="547"/>
      <c r="Y377" s="547"/>
      <c r="Z377" s="548"/>
      <c r="AA377" s="623" t="s">
        <v>102</v>
      </c>
      <c r="AB377" s="624"/>
      <c r="AC377" s="625"/>
      <c r="AD377" s="415">
        <v>9</v>
      </c>
      <c r="AE377" s="415" t="s">
        <v>103</v>
      </c>
      <c r="AF377" s="646"/>
      <c r="AG377" s="647"/>
      <c r="AH377" s="549"/>
      <c r="AI377" s="550"/>
      <c r="AJ377" s="551"/>
      <c r="AK377" s="265"/>
      <c r="AL377" s="38"/>
      <c r="AM377" s="54"/>
      <c r="AN377" s="13" t="str">
        <f t="shared" si="12"/>
        <v>■</v>
      </c>
    </row>
    <row r="378" spans="1:40" s="13" customFormat="1" ht="13.4" customHeight="1">
      <c r="A378" s="20"/>
      <c r="B378" s="20"/>
      <c r="C378" s="541">
        <v>66</v>
      </c>
      <c r="D378" s="542"/>
      <c r="E378" s="543" t="s">
        <v>1658</v>
      </c>
      <c r="F378" s="544"/>
      <c r="G378" s="544"/>
      <c r="H378" s="544"/>
      <c r="I378" s="544"/>
      <c r="J378" s="544"/>
      <c r="K378" s="544"/>
      <c r="L378" s="544"/>
      <c r="M378" s="544"/>
      <c r="N378" s="544"/>
      <c r="O378" s="544"/>
      <c r="P378" s="544"/>
      <c r="Q378" s="544"/>
      <c r="R378" s="544"/>
      <c r="S378" s="544"/>
      <c r="T378" s="545"/>
      <c r="U378" s="229" t="s">
        <v>1659</v>
      </c>
      <c r="V378" s="546" t="s">
        <v>107</v>
      </c>
      <c r="W378" s="547"/>
      <c r="X378" s="547"/>
      <c r="Y378" s="547"/>
      <c r="Z378" s="548"/>
      <c r="AA378" s="623" t="s">
        <v>108</v>
      </c>
      <c r="AB378" s="624"/>
      <c r="AC378" s="625"/>
      <c r="AD378" s="415">
        <v>3</v>
      </c>
      <c r="AE378" s="415">
        <v>0</v>
      </c>
      <c r="AF378" s="646"/>
      <c r="AG378" s="647"/>
      <c r="AH378" s="549"/>
      <c r="AI378" s="550"/>
      <c r="AJ378" s="551"/>
      <c r="AK378" s="265"/>
      <c r="AL378" s="38"/>
      <c r="AM378" s="54"/>
      <c r="AN378" s="13" t="str">
        <f t="shared" ref="AN378:AN432" si="13">$G$21</f>
        <v>■</v>
      </c>
    </row>
    <row r="379" spans="1:40" s="13" customFormat="1" ht="13.4" customHeight="1">
      <c r="A379" s="20"/>
      <c r="B379" s="20"/>
      <c r="C379" s="541">
        <v>67</v>
      </c>
      <c r="D379" s="542"/>
      <c r="E379" s="543" t="s">
        <v>1660</v>
      </c>
      <c r="F379" s="544"/>
      <c r="G379" s="544"/>
      <c r="H379" s="544"/>
      <c r="I379" s="544"/>
      <c r="J379" s="544"/>
      <c r="K379" s="544"/>
      <c r="L379" s="544"/>
      <c r="M379" s="544"/>
      <c r="N379" s="544"/>
      <c r="O379" s="544"/>
      <c r="P379" s="544"/>
      <c r="Q379" s="544"/>
      <c r="R379" s="544"/>
      <c r="S379" s="544"/>
      <c r="T379" s="545"/>
      <c r="U379" s="229" t="s">
        <v>1661</v>
      </c>
      <c r="V379" s="546" t="s">
        <v>107</v>
      </c>
      <c r="W379" s="547"/>
      <c r="X379" s="547"/>
      <c r="Y379" s="547"/>
      <c r="Z379" s="548"/>
      <c r="AA379" s="623" t="s">
        <v>108</v>
      </c>
      <c r="AB379" s="624"/>
      <c r="AC379" s="625"/>
      <c r="AD379" s="415">
        <v>4</v>
      </c>
      <c r="AE379" s="415">
        <v>0</v>
      </c>
      <c r="AF379" s="646"/>
      <c r="AG379" s="647"/>
      <c r="AH379" s="549"/>
      <c r="AI379" s="550"/>
      <c r="AJ379" s="551"/>
      <c r="AK379" s="265"/>
      <c r="AL379" s="38"/>
      <c r="AM379" s="54"/>
      <c r="AN379" s="13" t="str">
        <f t="shared" si="13"/>
        <v>■</v>
      </c>
    </row>
    <row r="380" spans="1:40" s="13" customFormat="1" ht="13.4" customHeight="1">
      <c r="A380" s="20"/>
      <c r="B380" s="20"/>
      <c r="C380" s="541">
        <v>68</v>
      </c>
      <c r="D380" s="542"/>
      <c r="E380" s="543" t="s">
        <v>1662</v>
      </c>
      <c r="F380" s="544"/>
      <c r="G380" s="544"/>
      <c r="H380" s="544"/>
      <c r="I380" s="544"/>
      <c r="J380" s="544"/>
      <c r="K380" s="544"/>
      <c r="L380" s="544"/>
      <c r="M380" s="544"/>
      <c r="N380" s="544"/>
      <c r="O380" s="544"/>
      <c r="P380" s="544"/>
      <c r="Q380" s="544"/>
      <c r="R380" s="544"/>
      <c r="S380" s="544"/>
      <c r="T380" s="545"/>
      <c r="U380" s="229" t="s">
        <v>1663</v>
      </c>
      <c r="V380" s="546" t="s">
        <v>101</v>
      </c>
      <c r="W380" s="547"/>
      <c r="X380" s="547"/>
      <c r="Y380" s="547"/>
      <c r="Z380" s="548"/>
      <c r="AA380" s="623" t="s">
        <v>102</v>
      </c>
      <c r="AB380" s="624"/>
      <c r="AC380" s="625"/>
      <c r="AD380" s="415">
        <v>1</v>
      </c>
      <c r="AE380" s="415" t="s">
        <v>103</v>
      </c>
      <c r="AF380" s="646"/>
      <c r="AG380" s="647"/>
      <c r="AH380" s="549"/>
      <c r="AI380" s="550"/>
      <c r="AJ380" s="551"/>
      <c r="AK380" s="265"/>
      <c r="AL380" s="38"/>
      <c r="AM380" s="54"/>
      <c r="AN380" s="13" t="str">
        <f t="shared" si="13"/>
        <v>■</v>
      </c>
    </row>
    <row r="381" spans="1:40" s="13" customFormat="1" ht="13.4" customHeight="1">
      <c r="A381" s="20"/>
      <c r="B381" s="20"/>
      <c r="C381" s="541">
        <v>69</v>
      </c>
      <c r="D381" s="542"/>
      <c r="E381" s="543" t="s">
        <v>1664</v>
      </c>
      <c r="F381" s="544"/>
      <c r="G381" s="544"/>
      <c r="H381" s="544"/>
      <c r="I381" s="544"/>
      <c r="J381" s="544"/>
      <c r="K381" s="544"/>
      <c r="L381" s="544"/>
      <c r="M381" s="544"/>
      <c r="N381" s="544"/>
      <c r="O381" s="544"/>
      <c r="P381" s="544"/>
      <c r="Q381" s="544"/>
      <c r="R381" s="544"/>
      <c r="S381" s="544"/>
      <c r="T381" s="545"/>
      <c r="U381" s="229" t="s">
        <v>1665</v>
      </c>
      <c r="V381" s="546" t="s">
        <v>107</v>
      </c>
      <c r="W381" s="547"/>
      <c r="X381" s="547"/>
      <c r="Y381" s="547"/>
      <c r="Z381" s="548"/>
      <c r="AA381" s="623" t="s">
        <v>102</v>
      </c>
      <c r="AB381" s="624"/>
      <c r="AC381" s="625"/>
      <c r="AD381" s="415">
        <v>9</v>
      </c>
      <c r="AE381" s="415" t="s">
        <v>103</v>
      </c>
      <c r="AF381" s="646"/>
      <c r="AG381" s="647"/>
      <c r="AH381" s="549"/>
      <c r="AI381" s="550"/>
      <c r="AJ381" s="551"/>
      <c r="AK381" s="265"/>
      <c r="AL381" s="38"/>
      <c r="AM381" s="54"/>
      <c r="AN381" s="13" t="str">
        <f t="shared" si="13"/>
        <v>■</v>
      </c>
    </row>
    <row r="382" spans="1:40" s="13" customFormat="1" ht="13.4" customHeight="1">
      <c r="A382" s="20"/>
      <c r="B382" s="20"/>
      <c r="C382" s="541">
        <v>70</v>
      </c>
      <c r="D382" s="542"/>
      <c r="E382" s="543" t="s">
        <v>1666</v>
      </c>
      <c r="F382" s="544"/>
      <c r="G382" s="544"/>
      <c r="H382" s="544"/>
      <c r="I382" s="544"/>
      <c r="J382" s="544"/>
      <c r="K382" s="544"/>
      <c r="L382" s="544"/>
      <c r="M382" s="544"/>
      <c r="N382" s="544"/>
      <c r="O382" s="544"/>
      <c r="P382" s="544"/>
      <c r="Q382" s="544"/>
      <c r="R382" s="544"/>
      <c r="S382" s="544"/>
      <c r="T382" s="545"/>
      <c r="U382" s="229" t="s">
        <v>1667</v>
      </c>
      <c r="V382" s="546" t="s">
        <v>107</v>
      </c>
      <c r="W382" s="547"/>
      <c r="X382" s="547"/>
      <c r="Y382" s="547"/>
      <c r="Z382" s="548"/>
      <c r="AA382" s="623" t="s">
        <v>108</v>
      </c>
      <c r="AB382" s="624"/>
      <c r="AC382" s="625"/>
      <c r="AD382" s="415">
        <v>3</v>
      </c>
      <c r="AE382" s="415">
        <v>0</v>
      </c>
      <c r="AF382" s="646"/>
      <c r="AG382" s="647"/>
      <c r="AH382" s="549"/>
      <c r="AI382" s="550"/>
      <c r="AJ382" s="551"/>
      <c r="AK382" s="265"/>
      <c r="AL382" s="38"/>
      <c r="AM382" s="54"/>
      <c r="AN382" s="13" t="str">
        <f t="shared" si="13"/>
        <v>■</v>
      </c>
    </row>
    <row r="383" spans="1:40" s="13" customFormat="1" ht="13.4" customHeight="1">
      <c r="A383" s="20"/>
      <c r="B383" s="20"/>
      <c r="C383" s="541">
        <v>71</v>
      </c>
      <c r="D383" s="542"/>
      <c r="E383" s="543" t="s">
        <v>1668</v>
      </c>
      <c r="F383" s="544"/>
      <c r="G383" s="544"/>
      <c r="H383" s="544"/>
      <c r="I383" s="544"/>
      <c r="J383" s="544"/>
      <c r="K383" s="544"/>
      <c r="L383" s="544"/>
      <c r="M383" s="544"/>
      <c r="N383" s="544"/>
      <c r="O383" s="544"/>
      <c r="P383" s="544"/>
      <c r="Q383" s="544"/>
      <c r="R383" s="544"/>
      <c r="S383" s="544"/>
      <c r="T383" s="545"/>
      <c r="U383" s="229" t="s">
        <v>1669</v>
      </c>
      <c r="V383" s="546" t="s">
        <v>107</v>
      </c>
      <c r="W383" s="547"/>
      <c r="X383" s="547"/>
      <c r="Y383" s="547"/>
      <c r="Z383" s="548"/>
      <c r="AA383" s="623" t="s">
        <v>108</v>
      </c>
      <c r="AB383" s="624"/>
      <c r="AC383" s="625"/>
      <c r="AD383" s="415">
        <v>4</v>
      </c>
      <c r="AE383" s="415">
        <v>0</v>
      </c>
      <c r="AF383" s="646"/>
      <c r="AG383" s="647"/>
      <c r="AH383" s="549"/>
      <c r="AI383" s="550"/>
      <c r="AJ383" s="551"/>
      <c r="AK383" s="265"/>
      <c r="AL383" s="38"/>
      <c r="AM383" s="54"/>
      <c r="AN383" s="13" t="str">
        <f t="shared" si="13"/>
        <v>■</v>
      </c>
    </row>
    <row r="384" spans="1:40" s="13" customFormat="1" ht="13.4" customHeight="1">
      <c r="A384" s="20"/>
      <c r="B384" s="20"/>
      <c r="C384" s="541">
        <v>72</v>
      </c>
      <c r="D384" s="542"/>
      <c r="E384" s="543" t="s">
        <v>1670</v>
      </c>
      <c r="F384" s="544"/>
      <c r="G384" s="544"/>
      <c r="H384" s="544"/>
      <c r="I384" s="544"/>
      <c r="J384" s="544"/>
      <c r="K384" s="544"/>
      <c r="L384" s="544"/>
      <c r="M384" s="544"/>
      <c r="N384" s="544"/>
      <c r="O384" s="544"/>
      <c r="P384" s="544"/>
      <c r="Q384" s="544"/>
      <c r="R384" s="544"/>
      <c r="S384" s="544"/>
      <c r="T384" s="545"/>
      <c r="U384" s="229" t="s">
        <v>1671</v>
      </c>
      <c r="V384" s="546" t="s">
        <v>107</v>
      </c>
      <c r="W384" s="547"/>
      <c r="X384" s="547"/>
      <c r="Y384" s="547"/>
      <c r="Z384" s="548"/>
      <c r="AA384" s="623" t="s">
        <v>102</v>
      </c>
      <c r="AB384" s="624"/>
      <c r="AC384" s="625"/>
      <c r="AD384" s="415">
        <v>8</v>
      </c>
      <c r="AE384" s="415" t="s">
        <v>103</v>
      </c>
      <c r="AF384" s="646"/>
      <c r="AG384" s="647"/>
      <c r="AH384" s="549"/>
      <c r="AI384" s="550"/>
      <c r="AJ384" s="551"/>
      <c r="AK384" s="265"/>
      <c r="AL384" s="38"/>
      <c r="AM384" s="54"/>
      <c r="AN384" s="13" t="str">
        <f t="shared" si="13"/>
        <v>■</v>
      </c>
    </row>
    <row r="385" spans="1:40" s="13" customFormat="1" ht="13.4" customHeight="1">
      <c r="A385" s="20"/>
      <c r="B385" s="20"/>
      <c r="C385" s="541">
        <v>73</v>
      </c>
      <c r="D385" s="542"/>
      <c r="E385" s="543" t="s">
        <v>1672</v>
      </c>
      <c r="F385" s="544"/>
      <c r="G385" s="544"/>
      <c r="H385" s="544"/>
      <c r="I385" s="544"/>
      <c r="J385" s="544"/>
      <c r="K385" s="544"/>
      <c r="L385" s="544"/>
      <c r="M385" s="544"/>
      <c r="N385" s="544"/>
      <c r="O385" s="544"/>
      <c r="P385" s="544"/>
      <c r="Q385" s="544"/>
      <c r="R385" s="544"/>
      <c r="S385" s="544"/>
      <c r="T385" s="545"/>
      <c r="U385" s="229" t="s">
        <v>1673</v>
      </c>
      <c r="V385" s="546" t="s">
        <v>107</v>
      </c>
      <c r="W385" s="547"/>
      <c r="X385" s="547"/>
      <c r="Y385" s="547"/>
      <c r="Z385" s="548"/>
      <c r="AA385" s="623" t="s">
        <v>108</v>
      </c>
      <c r="AB385" s="624"/>
      <c r="AC385" s="625"/>
      <c r="AD385" s="415">
        <v>3</v>
      </c>
      <c r="AE385" s="415">
        <v>0</v>
      </c>
      <c r="AF385" s="646"/>
      <c r="AG385" s="647"/>
      <c r="AH385" s="549"/>
      <c r="AI385" s="550"/>
      <c r="AJ385" s="551"/>
      <c r="AK385" s="265"/>
      <c r="AL385" s="38"/>
      <c r="AM385" s="54"/>
      <c r="AN385" s="13" t="str">
        <f t="shared" si="13"/>
        <v>■</v>
      </c>
    </row>
    <row r="386" spans="1:40" s="13" customFormat="1" ht="13.4" customHeight="1">
      <c r="A386" s="20"/>
      <c r="B386" s="20"/>
      <c r="C386" s="541">
        <v>74</v>
      </c>
      <c r="D386" s="542"/>
      <c r="E386" s="543" t="s">
        <v>1674</v>
      </c>
      <c r="F386" s="544"/>
      <c r="G386" s="544"/>
      <c r="H386" s="544"/>
      <c r="I386" s="544"/>
      <c r="J386" s="544"/>
      <c r="K386" s="544"/>
      <c r="L386" s="544"/>
      <c r="M386" s="544"/>
      <c r="N386" s="544"/>
      <c r="O386" s="544"/>
      <c r="P386" s="544"/>
      <c r="Q386" s="544"/>
      <c r="R386" s="544"/>
      <c r="S386" s="544"/>
      <c r="T386" s="545"/>
      <c r="U386" s="229" t="s">
        <v>1675</v>
      </c>
      <c r="V386" s="546" t="s">
        <v>101</v>
      </c>
      <c r="W386" s="547"/>
      <c r="X386" s="547"/>
      <c r="Y386" s="547"/>
      <c r="Z386" s="548"/>
      <c r="AA386" s="623" t="s">
        <v>102</v>
      </c>
      <c r="AB386" s="624"/>
      <c r="AC386" s="625"/>
      <c r="AD386" s="415">
        <v>1</v>
      </c>
      <c r="AE386" s="415" t="s">
        <v>103</v>
      </c>
      <c r="AF386" s="646"/>
      <c r="AG386" s="647"/>
      <c r="AH386" s="549"/>
      <c r="AI386" s="550"/>
      <c r="AJ386" s="551"/>
      <c r="AK386" s="265"/>
      <c r="AL386" s="38"/>
      <c r="AM386" s="54"/>
      <c r="AN386" s="13" t="str">
        <f t="shared" si="13"/>
        <v>■</v>
      </c>
    </row>
    <row r="387" spans="1:40" s="13" customFormat="1" ht="13.4" customHeight="1">
      <c r="A387" s="20"/>
      <c r="B387" s="20"/>
      <c r="C387" s="541">
        <v>75</v>
      </c>
      <c r="D387" s="542"/>
      <c r="E387" s="543" t="s">
        <v>1676</v>
      </c>
      <c r="F387" s="544"/>
      <c r="G387" s="544"/>
      <c r="H387" s="544"/>
      <c r="I387" s="544"/>
      <c r="J387" s="544"/>
      <c r="K387" s="544"/>
      <c r="L387" s="544"/>
      <c r="M387" s="544"/>
      <c r="N387" s="544"/>
      <c r="O387" s="544"/>
      <c r="P387" s="544"/>
      <c r="Q387" s="544"/>
      <c r="R387" s="544"/>
      <c r="S387" s="544"/>
      <c r="T387" s="545"/>
      <c r="U387" s="229" t="s">
        <v>1677</v>
      </c>
      <c r="V387" s="546" t="s">
        <v>107</v>
      </c>
      <c r="W387" s="547"/>
      <c r="X387" s="547"/>
      <c r="Y387" s="547"/>
      <c r="Z387" s="548"/>
      <c r="AA387" s="623" t="s">
        <v>102</v>
      </c>
      <c r="AB387" s="624"/>
      <c r="AC387" s="625"/>
      <c r="AD387" s="415">
        <v>9</v>
      </c>
      <c r="AE387" s="415" t="s">
        <v>103</v>
      </c>
      <c r="AF387" s="646"/>
      <c r="AG387" s="647"/>
      <c r="AH387" s="549"/>
      <c r="AI387" s="550"/>
      <c r="AJ387" s="551"/>
      <c r="AK387" s="265"/>
      <c r="AL387" s="38"/>
      <c r="AM387" s="54"/>
      <c r="AN387" s="13" t="str">
        <f t="shared" si="13"/>
        <v>■</v>
      </c>
    </row>
    <row r="388" spans="1:40" s="13" customFormat="1" ht="13.4" customHeight="1">
      <c r="A388" s="20"/>
      <c r="B388" s="20"/>
      <c r="C388" s="541">
        <v>76</v>
      </c>
      <c r="D388" s="542"/>
      <c r="E388" s="543" t="s">
        <v>1678</v>
      </c>
      <c r="F388" s="544"/>
      <c r="G388" s="544"/>
      <c r="H388" s="544"/>
      <c r="I388" s="544"/>
      <c r="J388" s="544"/>
      <c r="K388" s="544"/>
      <c r="L388" s="544"/>
      <c r="M388" s="544"/>
      <c r="N388" s="544"/>
      <c r="O388" s="544"/>
      <c r="P388" s="544"/>
      <c r="Q388" s="544"/>
      <c r="R388" s="544"/>
      <c r="S388" s="544"/>
      <c r="T388" s="545"/>
      <c r="U388" s="229" t="s">
        <v>1679</v>
      </c>
      <c r="V388" s="546" t="s">
        <v>107</v>
      </c>
      <c r="W388" s="547"/>
      <c r="X388" s="547"/>
      <c r="Y388" s="547"/>
      <c r="Z388" s="548"/>
      <c r="AA388" s="623" t="s">
        <v>108</v>
      </c>
      <c r="AB388" s="624"/>
      <c r="AC388" s="625"/>
      <c r="AD388" s="415">
        <v>3</v>
      </c>
      <c r="AE388" s="415">
        <v>0</v>
      </c>
      <c r="AF388" s="646"/>
      <c r="AG388" s="647"/>
      <c r="AH388" s="549"/>
      <c r="AI388" s="550"/>
      <c r="AJ388" s="551"/>
      <c r="AK388" s="265"/>
      <c r="AL388" s="38"/>
      <c r="AM388" s="54"/>
      <c r="AN388" s="13" t="str">
        <f t="shared" si="13"/>
        <v>■</v>
      </c>
    </row>
    <row r="389" spans="1:40" s="13" customFormat="1" ht="13.4" customHeight="1">
      <c r="A389" s="20"/>
      <c r="B389" s="20"/>
      <c r="C389" s="541">
        <v>77</v>
      </c>
      <c r="D389" s="542"/>
      <c r="E389" s="543" t="s">
        <v>1680</v>
      </c>
      <c r="F389" s="544"/>
      <c r="G389" s="544"/>
      <c r="H389" s="544"/>
      <c r="I389" s="544"/>
      <c r="J389" s="544"/>
      <c r="K389" s="544"/>
      <c r="L389" s="544"/>
      <c r="M389" s="544"/>
      <c r="N389" s="544"/>
      <c r="O389" s="544"/>
      <c r="P389" s="544"/>
      <c r="Q389" s="544"/>
      <c r="R389" s="544"/>
      <c r="S389" s="544"/>
      <c r="T389" s="545"/>
      <c r="U389" s="229" t="s">
        <v>1681</v>
      </c>
      <c r="V389" s="546" t="s">
        <v>107</v>
      </c>
      <c r="W389" s="547"/>
      <c r="X389" s="547"/>
      <c r="Y389" s="547"/>
      <c r="Z389" s="548"/>
      <c r="AA389" s="623" t="s">
        <v>108</v>
      </c>
      <c r="AB389" s="624"/>
      <c r="AC389" s="625"/>
      <c r="AD389" s="415">
        <v>4</v>
      </c>
      <c r="AE389" s="415">
        <v>0</v>
      </c>
      <c r="AF389" s="646"/>
      <c r="AG389" s="647"/>
      <c r="AH389" s="549"/>
      <c r="AI389" s="550"/>
      <c r="AJ389" s="551"/>
      <c r="AK389" s="265"/>
      <c r="AL389" s="38"/>
      <c r="AM389" s="54"/>
      <c r="AN389" s="13" t="str">
        <f t="shared" si="13"/>
        <v>■</v>
      </c>
    </row>
    <row r="390" spans="1:40" s="13" customFormat="1" ht="13.4" customHeight="1">
      <c r="A390" s="20"/>
      <c r="B390" s="20"/>
      <c r="C390" s="541">
        <v>78</v>
      </c>
      <c r="D390" s="542"/>
      <c r="E390" s="543" t="s">
        <v>1682</v>
      </c>
      <c r="F390" s="544"/>
      <c r="G390" s="544"/>
      <c r="H390" s="544"/>
      <c r="I390" s="544"/>
      <c r="J390" s="544"/>
      <c r="K390" s="544"/>
      <c r="L390" s="544"/>
      <c r="M390" s="544"/>
      <c r="N390" s="544"/>
      <c r="O390" s="544"/>
      <c r="P390" s="544"/>
      <c r="Q390" s="544"/>
      <c r="R390" s="544"/>
      <c r="S390" s="544"/>
      <c r="T390" s="545"/>
      <c r="U390" s="229" t="s">
        <v>1683</v>
      </c>
      <c r="V390" s="546" t="s">
        <v>101</v>
      </c>
      <c r="W390" s="547"/>
      <c r="X390" s="547"/>
      <c r="Y390" s="547"/>
      <c r="Z390" s="548"/>
      <c r="AA390" s="623" t="s">
        <v>102</v>
      </c>
      <c r="AB390" s="624"/>
      <c r="AC390" s="625"/>
      <c r="AD390" s="415">
        <v>1</v>
      </c>
      <c r="AE390" s="415" t="s">
        <v>103</v>
      </c>
      <c r="AF390" s="646"/>
      <c r="AG390" s="647"/>
      <c r="AH390" s="549"/>
      <c r="AI390" s="550"/>
      <c r="AJ390" s="551"/>
      <c r="AK390" s="265"/>
      <c r="AL390" s="38"/>
      <c r="AM390" s="54"/>
      <c r="AN390" s="13" t="str">
        <f t="shared" si="13"/>
        <v>■</v>
      </c>
    </row>
    <row r="391" spans="1:40" s="13" customFormat="1" ht="13.4" customHeight="1">
      <c r="A391" s="20"/>
      <c r="B391" s="20"/>
      <c r="C391" s="541">
        <v>79</v>
      </c>
      <c r="D391" s="542"/>
      <c r="E391" s="543" t="s">
        <v>1684</v>
      </c>
      <c r="F391" s="544"/>
      <c r="G391" s="544"/>
      <c r="H391" s="544"/>
      <c r="I391" s="544"/>
      <c r="J391" s="544"/>
      <c r="K391" s="544"/>
      <c r="L391" s="544"/>
      <c r="M391" s="544"/>
      <c r="N391" s="544"/>
      <c r="O391" s="544"/>
      <c r="P391" s="544"/>
      <c r="Q391" s="544"/>
      <c r="R391" s="544"/>
      <c r="S391" s="544"/>
      <c r="T391" s="545"/>
      <c r="U391" s="229" t="s">
        <v>1685</v>
      </c>
      <c r="V391" s="546" t="s">
        <v>107</v>
      </c>
      <c r="W391" s="547"/>
      <c r="X391" s="547"/>
      <c r="Y391" s="547"/>
      <c r="Z391" s="548"/>
      <c r="AA391" s="623" t="s">
        <v>102</v>
      </c>
      <c r="AB391" s="624"/>
      <c r="AC391" s="625"/>
      <c r="AD391" s="415">
        <v>9</v>
      </c>
      <c r="AE391" s="415" t="s">
        <v>103</v>
      </c>
      <c r="AF391" s="646"/>
      <c r="AG391" s="647"/>
      <c r="AH391" s="549"/>
      <c r="AI391" s="550"/>
      <c r="AJ391" s="551"/>
      <c r="AK391" s="265"/>
      <c r="AL391" s="38"/>
      <c r="AM391" s="54"/>
      <c r="AN391" s="13" t="str">
        <f t="shared" si="13"/>
        <v>■</v>
      </c>
    </row>
    <row r="392" spans="1:40" s="13" customFormat="1" ht="13.4" customHeight="1">
      <c r="A392" s="20"/>
      <c r="B392" s="20"/>
      <c r="C392" s="541">
        <v>80</v>
      </c>
      <c r="D392" s="542"/>
      <c r="E392" s="543" t="s">
        <v>1686</v>
      </c>
      <c r="F392" s="544"/>
      <c r="G392" s="544"/>
      <c r="H392" s="544"/>
      <c r="I392" s="544"/>
      <c r="J392" s="544"/>
      <c r="K392" s="544"/>
      <c r="L392" s="544"/>
      <c r="M392" s="544"/>
      <c r="N392" s="544"/>
      <c r="O392" s="544"/>
      <c r="P392" s="544"/>
      <c r="Q392" s="544"/>
      <c r="R392" s="544"/>
      <c r="S392" s="544"/>
      <c r="T392" s="545"/>
      <c r="U392" s="229" t="s">
        <v>1687</v>
      </c>
      <c r="V392" s="546" t="s">
        <v>107</v>
      </c>
      <c r="W392" s="547"/>
      <c r="X392" s="547"/>
      <c r="Y392" s="547"/>
      <c r="Z392" s="548"/>
      <c r="AA392" s="623" t="s">
        <v>108</v>
      </c>
      <c r="AB392" s="624"/>
      <c r="AC392" s="625"/>
      <c r="AD392" s="415">
        <v>3</v>
      </c>
      <c r="AE392" s="415">
        <v>0</v>
      </c>
      <c r="AF392" s="646"/>
      <c r="AG392" s="647"/>
      <c r="AH392" s="549"/>
      <c r="AI392" s="550"/>
      <c r="AJ392" s="551"/>
      <c r="AK392" s="265"/>
      <c r="AL392" s="38"/>
      <c r="AM392" s="54"/>
      <c r="AN392" s="13" t="str">
        <f t="shared" si="13"/>
        <v>■</v>
      </c>
    </row>
    <row r="393" spans="1:40" s="13" customFormat="1" ht="13.4" customHeight="1">
      <c r="A393" s="20"/>
      <c r="B393" s="20"/>
      <c r="C393" s="541">
        <v>81</v>
      </c>
      <c r="D393" s="542"/>
      <c r="E393" s="543" t="s">
        <v>1688</v>
      </c>
      <c r="F393" s="544"/>
      <c r="G393" s="544"/>
      <c r="H393" s="544"/>
      <c r="I393" s="544"/>
      <c r="J393" s="544"/>
      <c r="K393" s="544"/>
      <c r="L393" s="544"/>
      <c r="M393" s="544"/>
      <c r="N393" s="544"/>
      <c r="O393" s="544"/>
      <c r="P393" s="544"/>
      <c r="Q393" s="544"/>
      <c r="R393" s="544"/>
      <c r="S393" s="544"/>
      <c r="T393" s="545"/>
      <c r="U393" s="229" t="s">
        <v>1689</v>
      </c>
      <c r="V393" s="546" t="s">
        <v>107</v>
      </c>
      <c r="W393" s="547"/>
      <c r="X393" s="547"/>
      <c r="Y393" s="547"/>
      <c r="Z393" s="548"/>
      <c r="AA393" s="623" t="s">
        <v>108</v>
      </c>
      <c r="AB393" s="624"/>
      <c r="AC393" s="625"/>
      <c r="AD393" s="415">
        <v>4</v>
      </c>
      <c r="AE393" s="415">
        <v>0</v>
      </c>
      <c r="AF393" s="646"/>
      <c r="AG393" s="647"/>
      <c r="AH393" s="549"/>
      <c r="AI393" s="550"/>
      <c r="AJ393" s="551"/>
      <c r="AK393" s="265"/>
      <c r="AL393" s="38"/>
      <c r="AM393" s="54"/>
      <c r="AN393" s="13" t="str">
        <f t="shared" si="13"/>
        <v>■</v>
      </c>
    </row>
    <row r="394" spans="1:40" s="13" customFormat="1" ht="13.4" customHeight="1">
      <c r="A394" s="20"/>
      <c r="B394" s="20"/>
      <c r="C394" s="541">
        <v>82</v>
      </c>
      <c r="D394" s="542"/>
      <c r="E394" s="543" t="s">
        <v>1690</v>
      </c>
      <c r="F394" s="544"/>
      <c r="G394" s="544"/>
      <c r="H394" s="544"/>
      <c r="I394" s="544"/>
      <c r="J394" s="544"/>
      <c r="K394" s="544"/>
      <c r="L394" s="544"/>
      <c r="M394" s="544"/>
      <c r="N394" s="544"/>
      <c r="O394" s="544"/>
      <c r="P394" s="544"/>
      <c r="Q394" s="544"/>
      <c r="R394" s="544"/>
      <c r="S394" s="544"/>
      <c r="T394" s="545"/>
      <c r="U394" s="229" t="s">
        <v>1691</v>
      </c>
      <c r="V394" s="546" t="s">
        <v>101</v>
      </c>
      <c r="W394" s="547"/>
      <c r="X394" s="547"/>
      <c r="Y394" s="547"/>
      <c r="Z394" s="548"/>
      <c r="AA394" s="623" t="s">
        <v>102</v>
      </c>
      <c r="AB394" s="624"/>
      <c r="AC394" s="625"/>
      <c r="AD394" s="415">
        <v>1</v>
      </c>
      <c r="AE394" s="415" t="s">
        <v>103</v>
      </c>
      <c r="AF394" s="646"/>
      <c r="AG394" s="647"/>
      <c r="AH394" s="549"/>
      <c r="AI394" s="550"/>
      <c r="AJ394" s="551"/>
      <c r="AK394" s="265"/>
      <c r="AL394" s="38"/>
      <c r="AM394" s="54"/>
      <c r="AN394" s="13" t="str">
        <f t="shared" si="13"/>
        <v>■</v>
      </c>
    </row>
    <row r="395" spans="1:40" s="13" customFormat="1" ht="13.4" customHeight="1">
      <c r="A395" s="20"/>
      <c r="B395" s="20"/>
      <c r="C395" s="541">
        <v>83</v>
      </c>
      <c r="D395" s="542"/>
      <c r="E395" s="543" t="s">
        <v>1692</v>
      </c>
      <c r="F395" s="544"/>
      <c r="G395" s="544"/>
      <c r="H395" s="544"/>
      <c r="I395" s="544"/>
      <c r="J395" s="544"/>
      <c r="K395" s="544"/>
      <c r="L395" s="544"/>
      <c r="M395" s="544"/>
      <c r="N395" s="544"/>
      <c r="O395" s="544"/>
      <c r="P395" s="544"/>
      <c r="Q395" s="544"/>
      <c r="R395" s="544"/>
      <c r="S395" s="544"/>
      <c r="T395" s="545"/>
      <c r="U395" s="229" t="s">
        <v>1693</v>
      </c>
      <c r="V395" s="546" t="s">
        <v>107</v>
      </c>
      <c r="W395" s="547"/>
      <c r="X395" s="547"/>
      <c r="Y395" s="547"/>
      <c r="Z395" s="548"/>
      <c r="AA395" s="623" t="s">
        <v>102</v>
      </c>
      <c r="AB395" s="624"/>
      <c r="AC395" s="625"/>
      <c r="AD395" s="415">
        <v>9</v>
      </c>
      <c r="AE395" s="415" t="s">
        <v>103</v>
      </c>
      <c r="AF395" s="646"/>
      <c r="AG395" s="647"/>
      <c r="AH395" s="549"/>
      <c r="AI395" s="550"/>
      <c r="AJ395" s="551"/>
      <c r="AK395" s="265"/>
      <c r="AL395" s="38"/>
      <c r="AM395" s="54"/>
      <c r="AN395" s="13" t="str">
        <f t="shared" si="13"/>
        <v>■</v>
      </c>
    </row>
    <row r="396" spans="1:40" s="13" customFormat="1" ht="13.4" customHeight="1">
      <c r="A396" s="20"/>
      <c r="B396" s="20"/>
      <c r="C396" s="541">
        <v>84</v>
      </c>
      <c r="D396" s="542"/>
      <c r="E396" s="543" t="s">
        <v>1694</v>
      </c>
      <c r="F396" s="544"/>
      <c r="G396" s="544"/>
      <c r="H396" s="544"/>
      <c r="I396" s="544"/>
      <c r="J396" s="544"/>
      <c r="K396" s="544"/>
      <c r="L396" s="544"/>
      <c r="M396" s="544"/>
      <c r="N396" s="544"/>
      <c r="O396" s="544"/>
      <c r="P396" s="544"/>
      <c r="Q396" s="544"/>
      <c r="R396" s="544"/>
      <c r="S396" s="544"/>
      <c r="T396" s="545"/>
      <c r="U396" s="229" t="s">
        <v>1695</v>
      </c>
      <c r="V396" s="546" t="s">
        <v>107</v>
      </c>
      <c r="W396" s="547"/>
      <c r="X396" s="547"/>
      <c r="Y396" s="547"/>
      <c r="Z396" s="548"/>
      <c r="AA396" s="623" t="s">
        <v>108</v>
      </c>
      <c r="AB396" s="624"/>
      <c r="AC396" s="625"/>
      <c r="AD396" s="415">
        <v>3</v>
      </c>
      <c r="AE396" s="415">
        <v>0</v>
      </c>
      <c r="AF396" s="646"/>
      <c r="AG396" s="647"/>
      <c r="AH396" s="549"/>
      <c r="AI396" s="550"/>
      <c r="AJ396" s="551"/>
      <c r="AK396" s="265"/>
      <c r="AL396" s="38"/>
      <c r="AM396" s="54"/>
      <c r="AN396" s="13" t="str">
        <f t="shared" si="13"/>
        <v>■</v>
      </c>
    </row>
    <row r="397" spans="1:40" s="13" customFormat="1" ht="13.4" customHeight="1">
      <c r="A397" s="20"/>
      <c r="B397" s="20"/>
      <c r="C397" s="541">
        <v>85</v>
      </c>
      <c r="D397" s="542"/>
      <c r="E397" s="543" t="s">
        <v>1696</v>
      </c>
      <c r="F397" s="544"/>
      <c r="G397" s="544"/>
      <c r="H397" s="544"/>
      <c r="I397" s="544"/>
      <c r="J397" s="544"/>
      <c r="K397" s="544"/>
      <c r="L397" s="544"/>
      <c r="M397" s="544"/>
      <c r="N397" s="544"/>
      <c r="O397" s="544"/>
      <c r="P397" s="544"/>
      <c r="Q397" s="544"/>
      <c r="R397" s="544"/>
      <c r="S397" s="544"/>
      <c r="T397" s="545"/>
      <c r="U397" s="229" t="s">
        <v>1697</v>
      </c>
      <c r="V397" s="546" t="s">
        <v>107</v>
      </c>
      <c r="W397" s="547"/>
      <c r="X397" s="547"/>
      <c r="Y397" s="547"/>
      <c r="Z397" s="548"/>
      <c r="AA397" s="623" t="s">
        <v>108</v>
      </c>
      <c r="AB397" s="624"/>
      <c r="AC397" s="625"/>
      <c r="AD397" s="415">
        <v>4</v>
      </c>
      <c r="AE397" s="415">
        <v>0</v>
      </c>
      <c r="AF397" s="646"/>
      <c r="AG397" s="647"/>
      <c r="AH397" s="549"/>
      <c r="AI397" s="550"/>
      <c r="AJ397" s="551"/>
      <c r="AK397" s="265"/>
      <c r="AL397" s="38"/>
      <c r="AM397" s="54"/>
      <c r="AN397" s="13" t="str">
        <f t="shared" si="13"/>
        <v>■</v>
      </c>
    </row>
    <row r="398" spans="1:40" s="13" customFormat="1" ht="13.4" customHeight="1">
      <c r="A398" s="20"/>
      <c r="B398" s="20"/>
      <c r="C398" s="541">
        <v>86</v>
      </c>
      <c r="D398" s="542"/>
      <c r="E398" s="543" t="s">
        <v>1698</v>
      </c>
      <c r="F398" s="544"/>
      <c r="G398" s="544"/>
      <c r="H398" s="544"/>
      <c r="I398" s="544"/>
      <c r="J398" s="544"/>
      <c r="K398" s="544"/>
      <c r="L398" s="544"/>
      <c r="M398" s="544"/>
      <c r="N398" s="544"/>
      <c r="O398" s="544"/>
      <c r="P398" s="544"/>
      <c r="Q398" s="544"/>
      <c r="R398" s="544"/>
      <c r="S398" s="544"/>
      <c r="T398" s="545"/>
      <c r="U398" s="229" t="s">
        <v>1699</v>
      </c>
      <c r="V398" s="546" t="s">
        <v>101</v>
      </c>
      <c r="W398" s="547"/>
      <c r="X398" s="547"/>
      <c r="Y398" s="547"/>
      <c r="Z398" s="548"/>
      <c r="AA398" s="623" t="s">
        <v>102</v>
      </c>
      <c r="AB398" s="624"/>
      <c r="AC398" s="625"/>
      <c r="AD398" s="415">
        <v>1</v>
      </c>
      <c r="AE398" s="415" t="s">
        <v>103</v>
      </c>
      <c r="AF398" s="646"/>
      <c r="AG398" s="647"/>
      <c r="AH398" s="549"/>
      <c r="AI398" s="550"/>
      <c r="AJ398" s="551"/>
      <c r="AK398" s="265"/>
      <c r="AL398" s="38"/>
      <c r="AM398" s="54"/>
      <c r="AN398" s="13" t="str">
        <f t="shared" si="13"/>
        <v>■</v>
      </c>
    </row>
    <row r="399" spans="1:40" s="13" customFormat="1" ht="13.4" customHeight="1">
      <c r="A399" s="20"/>
      <c r="B399" s="20"/>
      <c r="C399" s="541">
        <v>87</v>
      </c>
      <c r="D399" s="542"/>
      <c r="E399" s="543" t="s">
        <v>1700</v>
      </c>
      <c r="F399" s="544"/>
      <c r="G399" s="544"/>
      <c r="H399" s="544"/>
      <c r="I399" s="544"/>
      <c r="J399" s="544"/>
      <c r="K399" s="544"/>
      <c r="L399" s="544"/>
      <c r="M399" s="544"/>
      <c r="N399" s="544"/>
      <c r="O399" s="544"/>
      <c r="P399" s="544"/>
      <c r="Q399" s="544"/>
      <c r="R399" s="544"/>
      <c r="S399" s="544"/>
      <c r="T399" s="545"/>
      <c r="U399" s="229" t="s">
        <v>1701</v>
      </c>
      <c r="V399" s="546" t="s">
        <v>107</v>
      </c>
      <c r="W399" s="547"/>
      <c r="X399" s="547"/>
      <c r="Y399" s="547"/>
      <c r="Z399" s="548"/>
      <c r="AA399" s="623" t="s">
        <v>102</v>
      </c>
      <c r="AB399" s="624"/>
      <c r="AC399" s="625"/>
      <c r="AD399" s="415">
        <v>9</v>
      </c>
      <c r="AE399" s="415" t="s">
        <v>103</v>
      </c>
      <c r="AF399" s="646"/>
      <c r="AG399" s="647"/>
      <c r="AH399" s="549"/>
      <c r="AI399" s="550"/>
      <c r="AJ399" s="551"/>
      <c r="AK399" s="265"/>
      <c r="AL399" s="38"/>
      <c r="AM399" s="54"/>
      <c r="AN399" s="13" t="str">
        <f t="shared" si="13"/>
        <v>■</v>
      </c>
    </row>
    <row r="400" spans="1:40" s="13" customFormat="1" ht="13.4" customHeight="1">
      <c r="A400" s="20"/>
      <c r="B400" s="20"/>
      <c r="C400" s="541">
        <v>88</v>
      </c>
      <c r="D400" s="542"/>
      <c r="E400" s="543" t="s">
        <v>1702</v>
      </c>
      <c r="F400" s="544"/>
      <c r="G400" s="544"/>
      <c r="H400" s="544"/>
      <c r="I400" s="544"/>
      <c r="J400" s="544"/>
      <c r="K400" s="544"/>
      <c r="L400" s="544"/>
      <c r="M400" s="544"/>
      <c r="N400" s="544"/>
      <c r="O400" s="544"/>
      <c r="P400" s="544"/>
      <c r="Q400" s="544"/>
      <c r="R400" s="544"/>
      <c r="S400" s="544"/>
      <c r="T400" s="545"/>
      <c r="U400" s="229" t="s">
        <v>1703</v>
      </c>
      <c r="V400" s="546" t="s">
        <v>107</v>
      </c>
      <c r="W400" s="547"/>
      <c r="X400" s="547"/>
      <c r="Y400" s="547"/>
      <c r="Z400" s="548"/>
      <c r="AA400" s="623" t="s">
        <v>108</v>
      </c>
      <c r="AB400" s="624"/>
      <c r="AC400" s="625"/>
      <c r="AD400" s="415">
        <v>3</v>
      </c>
      <c r="AE400" s="415">
        <v>0</v>
      </c>
      <c r="AF400" s="646"/>
      <c r="AG400" s="647"/>
      <c r="AH400" s="549"/>
      <c r="AI400" s="550"/>
      <c r="AJ400" s="551"/>
      <c r="AK400" s="265"/>
      <c r="AL400" s="38"/>
      <c r="AM400" s="54"/>
      <c r="AN400" s="13" t="str">
        <f t="shared" si="13"/>
        <v>■</v>
      </c>
    </row>
    <row r="401" spans="1:40" s="13" customFormat="1" ht="13.4" customHeight="1">
      <c r="A401" s="20"/>
      <c r="B401" s="20"/>
      <c r="C401" s="541">
        <v>89</v>
      </c>
      <c r="D401" s="542"/>
      <c r="E401" s="543" t="s">
        <v>1704</v>
      </c>
      <c r="F401" s="544"/>
      <c r="G401" s="544"/>
      <c r="H401" s="544"/>
      <c r="I401" s="544"/>
      <c r="J401" s="544"/>
      <c r="K401" s="544"/>
      <c r="L401" s="544"/>
      <c r="M401" s="544"/>
      <c r="N401" s="544"/>
      <c r="O401" s="544"/>
      <c r="P401" s="544"/>
      <c r="Q401" s="544"/>
      <c r="R401" s="544"/>
      <c r="S401" s="544"/>
      <c r="T401" s="545"/>
      <c r="U401" s="229" t="s">
        <v>1705</v>
      </c>
      <c r="V401" s="546" t="s">
        <v>107</v>
      </c>
      <c r="W401" s="547"/>
      <c r="X401" s="547"/>
      <c r="Y401" s="547"/>
      <c r="Z401" s="548"/>
      <c r="AA401" s="623" t="s">
        <v>108</v>
      </c>
      <c r="AB401" s="624"/>
      <c r="AC401" s="625"/>
      <c r="AD401" s="415">
        <v>4</v>
      </c>
      <c r="AE401" s="415">
        <v>0</v>
      </c>
      <c r="AF401" s="646"/>
      <c r="AG401" s="647"/>
      <c r="AH401" s="549"/>
      <c r="AI401" s="550"/>
      <c r="AJ401" s="551"/>
      <c r="AK401" s="265"/>
      <c r="AL401" s="38"/>
      <c r="AM401" s="54"/>
      <c r="AN401" s="13" t="str">
        <f t="shared" si="13"/>
        <v>■</v>
      </c>
    </row>
    <row r="402" spans="1:40" s="13" customFormat="1" ht="13.4" customHeight="1">
      <c r="A402" s="20"/>
      <c r="B402" s="25"/>
      <c r="C402" s="541">
        <v>90</v>
      </c>
      <c r="D402" s="542"/>
      <c r="E402" s="543" t="s">
        <v>1706</v>
      </c>
      <c r="F402" s="544"/>
      <c r="G402" s="544"/>
      <c r="H402" s="544"/>
      <c r="I402" s="544"/>
      <c r="J402" s="544"/>
      <c r="K402" s="544"/>
      <c r="L402" s="544"/>
      <c r="M402" s="544"/>
      <c r="N402" s="544"/>
      <c r="O402" s="544"/>
      <c r="P402" s="544"/>
      <c r="Q402" s="544"/>
      <c r="R402" s="544"/>
      <c r="S402" s="544"/>
      <c r="T402" s="545"/>
      <c r="U402" s="231" t="s">
        <v>1707</v>
      </c>
      <c r="V402" s="546" t="s">
        <v>101</v>
      </c>
      <c r="W402" s="547"/>
      <c r="X402" s="547"/>
      <c r="Y402" s="547"/>
      <c r="Z402" s="548"/>
      <c r="AA402" s="623" t="s">
        <v>102</v>
      </c>
      <c r="AB402" s="624"/>
      <c r="AC402" s="625"/>
      <c r="AD402" s="415">
        <v>1</v>
      </c>
      <c r="AE402" s="415" t="s">
        <v>103</v>
      </c>
      <c r="AF402" s="646"/>
      <c r="AG402" s="647"/>
      <c r="AH402" s="549"/>
      <c r="AI402" s="550"/>
      <c r="AJ402" s="551"/>
      <c r="AK402" s="265"/>
      <c r="AL402" s="38"/>
      <c r="AM402" s="54"/>
      <c r="AN402" s="13" t="str">
        <f t="shared" si="13"/>
        <v>■</v>
      </c>
    </row>
    <row r="403" spans="1:40" s="13" customFormat="1" ht="13.4" customHeight="1">
      <c r="A403" s="20"/>
      <c r="B403" s="25"/>
      <c r="C403" s="541">
        <v>91</v>
      </c>
      <c r="D403" s="542"/>
      <c r="E403" s="543" t="s">
        <v>1708</v>
      </c>
      <c r="F403" s="544"/>
      <c r="G403" s="544"/>
      <c r="H403" s="544"/>
      <c r="I403" s="544"/>
      <c r="J403" s="544"/>
      <c r="K403" s="544"/>
      <c r="L403" s="544"/>
      <c r="M403" s="544"/>
      <c r="N403" s="544"/>
      <c r="O403" s="544"/>
      <c r="P403" s="544"/>
      <c r="Q403" s="544"/>
      <c r="R403" s="544"/>
      <c r="S403" s="544"/>
      <c r="T403" s="545"/>
      <c r="U403" s="231" t="s">
        <v>1709</v>
      </c>
      <c r="V403" s="546" t="s">
        <v>107</v>
      </c>
      <c r="W403" s="547"/>
      <c r="X403" s="547"/>
      <c r="Y403" s="547"/>
      <c r="Z403" s="548"/>
      <c r="AA403" s="623" t="s">
        <v>102</v>
      </c>
      <c r="AB403" s="624"/>
      <c r="AC403" s="625"/>
      <c r="AD403" s="415">
        <v>9</v>
      </c>
      <c r="AE403" s="415" t="s">
        <v>103</v>
      </c>
      <c r="AF403" s="646"/>
      <c r="AG403" s="647"/>
      <c r="AH403" s="549"/>
      <c r="AI403" s="550"/>
      <c r="AJ403" s="551"/>
      <c r="AK403" s="265"/>
      <c r="AL403" s="38"/>
      <c r="AM403" s="54"/>
      <c r="AN403" s="13" t="str">
        <f t="shared" si="13"/>
        <v>■</v>
      </c>
    </row>
    <row r="404" spans="1:40" s="13" customFormat="1" ht="13.4" customHeight="1">
      <c r="A404" s="20"/>
      <c r="B404" s="25"/>
      <c r="C404" s="541">
        <v>92</v>
      </c>
      <c r="D404" s="542"/>
      <c r="E404" s="543" t="s">
        <v>1710</v>
      </c>
      <c r="F404" s="544"/>
      <c r="G404" s="544"/>
      <c r="H404" s="544"/>
      <c r="I404" s="544"/>
      <c r="J404" s="544"/>
      <c r="K404" s="544"/>
      <c r="L404" s="544"/>
      <c r="M404" s="544"/>
      <c r="N404" s="544"/>
      <c r="O404" s="544"/>
      <c r="P404" s="544"/>
      <c r="Q404" s="544"/>
      <c r="R404" s="544"/>
      <c r="S404" s="544"/>
      <c r="T404" s="545"/>
      <c r="U404" s="231" t="s">
        <v>1711</v>
      </c>
      <c r="V404" s="546" t="s">
        <v>107</v>
      </c>
      <c r="W404" s="547"/>
      <c r="X404" s="547"/>
      <c r="Y404" s="547"/>
      <c r="Z404" s="548"/>
      <c r="AA404" s="623" t="s">
        <v>108</v>
      </c>
      <c r="AB404" s="624"/>
      <c r="AC404" s="625"/>
      <c r="AD404" s="415">
        <v>3</v>
      </c>
      <c r="AE404" s="415">
        <v>0</v>
      </c>
      <c r="AF404" s="646"/>
      <c r="AG404" s="647"/>
      <c r="AH404" s="549"/>
      <c r="AI404" s="550"/>
      <c r="AJ404" s="551"/>
      <c r="AK404" s="265"/>
      <c r="AL404" s="38"/>
      <c r="AM404" s="54"/>
      <c r="AN404" s="13" t="str">
        <f t="shared" si="13"/>
        <v>■</v>
      </c>
    </row>
    <row r="405" spans="1:40" s="13" customFormat="1" ht="13.4" customHeight="1">
      <c r="A405" s="20"/>
      <c r="B405" s="25"/>
      <c r="C405" s="541">
        <v>93</v>
      </c>
      <c r="D405" s="542"/>
      <c r="E405" s="543" t="s">
        <v>1712</v>
      </c>
      <c r="F405" s="544"/>
      <c r="G405" s="544"/>
      <c r="H405" s="544"/>
      <c r="I405" s="544"/>
      <c r="J405" s="544"/>
      <c r="K405" s="544"/>
      <c r="L405" s="544"/>
      <c r="M405" s="544"/>
      <c r="N405" s="544"/>
      <c r="O405" s="544"/>
      <c r="P405" s="544"/>
      <c r="Q405" s="544"/>
      <c r="R405" s="544"/>
      <c r="S405" s="544"/>
      <c r="T405" s="545"/>
      <c r="U405" s="231" t="s">
        <v>1713</v>
      </c>
      <c r="V405" s="546" t="s">
        <v>107</v>
      </c>
      <c r="W405" s="547"/>
      <c r="X405" s="547"/>
      <c r="Y405" s="547"/>
      <c r="Z405" s="548"/>
      <c r="AA405" s="623" t="s">
        <v>108</v>
      </c>
      <c r="AB405" s="624"/>
      <c r="AC405" s="625"/>
      <c r="AD405" s="415">
        <v>4</v>
      </c>
      <c r="AE405" s="415">
        <v>0</v>
      </c>
      <c r="AF405" s="646"/>
      <c r="AG405" s="647"/>
      <c r="AH405" s="549"/>
      <c r="AI405" s="550"/>
      <c r="AJ405" s="551"/>
      <c r="AK405" s="265"/>
      <c r="AL405" s="38"/>
      <c r="AM405" s="54"/>
      <c r="AN405" s="13" t="str">
        <f t="shared" si="13"/>
        <v>■</v>
      </c>
    </row>
    <row r="406" spans="1:40" s="13" customFormat="1" ht="13.4" customHeight="1">
      <c r="A406" s="20"/>
      <c r="B406" s="25"/>
      <c r="C406" s="541">
        <v>94</v>
      </c>
      <c r="D406" s="542"/>
      <c r="E406" s="543" t="s">
        <v>1714</v>
      </c>
      <c r="F406" s="544"/>
      <c r="G406" s="544"/>
      <c r="H406" s="544"/>
      <c r="I406" s="544"/>
      <c r="J406" s="544"/>
      <c r="K406" s="544"/>
      <c r="L406" s="544"/>
      <c r="M406" s="544"/>
      <c r="N406" s="544"/>
      <c r="O406" s="544"/>
      <c r="P406" s="544"/>
      <c r="Q406" s="544"/>
      <c r="R406" s="544"/>
      <c r="S406" s="544"/>
      <c r="T406" s="545"/>
      <c r="U406" s="231" t="s">
        <v>1715</v>
      </c>
      <c r="V406" s="546" t="s">
        <v>101</v>
      </c>
      <c r="W406" s="547"/>
      <c r="X406" s="547"/>
      <c r="Y406" s="547"/>
      <c r="Z406" s="548"/>
      <c r="AA406" s="623" t="s">
        <v>102</v>
      </c>
      <c r="AB406" s="624"/>
      <c r="AC406" s="625"/>
      <c r="AD406" s="415">
        <v>1</v>
      </c>
      <c r="AE406" s="415" t="s">
        <v>103</v>
      </c>
      <c r="AF406" s="646"/>
      <c r="AG406" s="647"/>
      <c r="AH406" s="549"/>
      <c r="AI406" s="550"/>
      <c r="AJ406" s="551"/>
      <c r="AK406" s="265"/>
      <c r="AL406" s="38"/>
      <c r="AM406" s="54"/>
      <c r="AN406" s="13" t="str">
        <f t="shared" si="13"/>
        <v>■</v>
      </c>
    </row>
    <row r="407" spans="1:40" s="13" customFormat="1" ht="13.4" customHeight="1">
      <c r="A407" s="20"/>
      <c r="B407" s="25"/>
      <c r="C407" s="541">
        <v>95</v>
      </c>
      <c r="D407" s="542"/>
      <c r="E407" s="543" t="s">
        <v>1716</v>
      </c>
      <c r="F407" s="544"/>
      <c r="G407" s="544"/>
      <c r="H407" s="544"/>
      <c r="I407" s="544"/>
      <c r="J407" s="544"/>
      <c r="K407" s="544"/>
      <c r="L407" s="544"/>
      <c r="M407" s="544"/>
      <c r="N407" s="544"/>
      <c r="O407" s="544"/>
      <c r="P407" s="544"/>
      <c r="Q407" s="544"/>
      <c r="R407" s="544"/>
      <c r="S407" s="544"/>
      <c r="T407" s="545"/>
      <c r="U407" s="231" t="s">
        <v>1717</v>
      </c>
      <c r="V407" s="546" t="s">
        <v>107</v>
      </c>
      <c r="W407" s="547"/>
      <c r="X407" s="547"/>
      <c r="Y407" s="547"/>
      <c r="Z407" s="548"/>
      <c r="AA407" s="623" t="s">
        <v>102</v>
      </c>
      <c r="AB407" s="624"/>
      <c r="AC407" s="625"/>
      <c r="AD407" s="415">
        <v>9</v>
      </c>
      <c r="AE407" s="415" t="s">
        <v>103</v>
      </c>
      <c r="AF407" s="646"/>
      <c r="AG407" s="647"/>
      <c r="AH407" s="549"/>
      <c r="AI407" s="550"/>
      <c r="AJ407" s="551"/>
      <c r="AK407" s="265"/>
      <c r="AL407" s="38"/>
      <c r="AM407" s="54"/>
      <c r="AN407" s="13" t="str">
        <f t="shared" si="13"/>
        <v>■</v>
      </c>
    </row>
    <row r="408" spans="1:40" s="13" customFormat="1" ht="13.4" customHeight="1">
      <c r="A408" s="20"/>
      <c r="B408" s="25"/>
      <c r="C408" s="541">
        <v>96</v>
      </c>
      <c r="D408" s="542"/>
      <c r="E408" s="543" t="s">
        <v>1718</v>
      </c>
      <c r="F408" s="544"/>
      <c r="G408" s="544"/>
      <c r="H408" s="544"/>
      <c r="I408" s="544"/>
      <c r="J408" s="544"/>
      <c r="K408" s="544"/>
      <c r="L408" s="544"/>
      <c r="M408" s="544"/>
      <c r="N408" s="544"/>
      <c r="O408" s="544"/>
      <c r="P408" s="544"/>
      <c r="Q408" s="544"/>
      <c r="R408" s="544"/>
      <c r="S408" s="544"/>
      <c r="T408" s="545"/>
      <c r="U408" s="231" t="s">
        <v>1719</v>
      </c>
      <c r="V408" s="546" t="s">
        <v>107</v>
      </c>
      <c r="W408" s="547"/>
      <c r="X408" s="547"/>
      <c r="Y408" s="547"/>
      <c r="Z408" s="548"/>
      <c r="AA408" s="623" t="s">
        <v>108</v>
      </c>
      <c r="AB408" s="624"/>
      <c r="AC408" s="625"/>
      <c r="AD408" s="415">
        <v>3</v>
      </c>
      <c r="AE408" s="415">
        <v>0</v>
      </c>
      <c r="AF408" s="646"/>
      <c r="AG408" s="647"/>
      <c r="AH408" s="549"/>
      <c r="AI408" s="550"/>
      <c r="AJ408" s="551"/>
      <c r="AK408" s="265"/>
      <c r="AL408" s="38"/>
      <c r="AM408" s="54"/>
      <c r="AN408" s="13" t="str">
        <f t="shared" si="13"/>
        <v>■</v>
      </c>
    </row>
    <row r="409" spans="1:40" s="13" customFormat="1" ht="13.4" customHeight="1">
      <c r="A409" s="20"/>
      <c r="B409" s="25"/>
      <c r="C409" s="541">
        <v>97</v>
      </c>
      <c r="D409" s="542"/>
      <c r="E409" s="543" t="s">
        <v>1720</v>
      </c>
      <c r="F409" s="544"/>
      <c r="G409" s="544"/>
      <c r="H409" s="544"/>
      <c r="I409" s="544"/>
      <c r="J409" s="544"/>
      <c r="K409" s="544"/>
      <c r="L409" s="544"/>
      <c r="M409" s="544"/>
      <c r="N409" s="544"/>
      <c r="O409" s="544"/>
      <c r="P409" s="544"/>
      <c r="Q409" s="544"/>
      <c r="R409" s="544"/>
      <c r="S409" s="544"/>
      <c r="T409" s="545"/>
      <c r="U409" s="231" t="s">
        <v>1721</v>
      </c>
      <c r="V409" s="546" t="s">
        <v>107</v>
      </c>
      <c r="W409" s="547"/>
      <c r="X409" s="547"/>
      <c r="Y409" s="547"/>
      <c r="Z409" s="548"/>
      <c r="AA409" s="623" t="s">
        <v>108</v>
      </c>
      <c r="AB409" s="624"/>
      <c r="AC409" s="625"/>
      <c r="AD409" s="415">
        <v>4</v>
      </c>
      <c r="AE409" s="415">
        <v>0</v>
      </c>
      <c r="AF409" s="646"/>
      <c r="AG409" s="647"/>
      <c r="AH409" s="549"/>
      <c r="AI409" s="550"/>
      <c r="AJ409" s="551"/>
      <c r="AK409" s="265"/>
      <c r="AL409" s="352"/>
      <c r="AM409" s="54"/>
      <c r="AN409" s="13" t="str">
        <f t="shared" si="13"/>
        <v>■</v>
      </c>
    </row>
    <row r="410" spans="1:40" s="13" customFormat="1" ht="13.4" customHeight="1">
      <c r="A410" s="20"/>
      <c r="B410" s="25"/>
      <c r="C410" s="541">
        <v>98</v>
      </c>
      <c r="D410" s="542"/>
      <c r="E410" s="543" t="s">
        <v>1722</v>
      </c>
      <c r="F410" s="544"/>
      <c r="G410" s="544"/>
      <c r="H410" s="544"/>
      <c r="I410" s="544"/>
      <c r="J410" s="544"/>
      <c r="K410" s="544"/>
      <c r="L410" s="544"/>
      <c r="M410" s="544"/>
      <c r="N410" s="544"/>
      <c r="O410" s="544"/>
      <c r="P410" s="544"/>
      <c r="Q410" s="544"/>
      <c r="R410" s="544"/>
      <c r="S410" s="544"/>
      <c r="T410" s="545"/>
      <c r="U410" s="231" t="s">
        <v>1723</v>
      </c>
      <c r="V410" s="546" t="s">
        <v>101</v>
      </c>
      <c r="W410" s="547"/>
      <c r="X410" s="547"/>
      <c r="Y410" s="547"/>
      <c r="Z410" s="548"/>
      <c r="AA410" s="623" t="s">
        <v>102</v>
      </c>
      <c r="AB410" s="624"/>
      <c r="AC410" s="625"/>
      <c r="AD410" s="415">
        <v>1</v>
      </c>
      <c r="AE410" s="415" t="s">
        <v>103</v>
      </c>
      <c r="AF410" s="646"/>
      <c r="AG410" s="647"/>
      <c r="AH410" s="549"/>
      <c r="AI410" s="550"/>
      <c r="AJ410" s="551"/>
      <c r="AK410" s="265"/>
      <c r="AL410" s="353"/>
      <c r="AM410" s="54"/>
      <c r="AN410" s="13" t="str">
        <f t="shared" si="13"/>
        <v>■</v>
      </c>
    </row>
    <row r="411" spans="1:40" s="13" customFormat="1" ht="13.4" customHeight="1">
      <c r="A411" s="20"/>
      <c r="B411" s="25"/>
      <c r="C411" s="541">
        <v>99</v>
      </c>
      <c r="D411" s="542"/>
      <c r="E411" s="543" t="s">
        <v>1724</v>
      </c>
      <c r="F411" s="544"/>
      <c r="G411" s="544"/>
      <c r="H411" s="544"/>
      <c r="I411" s="544"/>
      <c r="J411" s="544"/>
      <c r="K411" s="544"/>
      <c r="L411" s="544"/>
      <c r="M411" s="544"/>
      <c r="N411" s="544"/>
      <c r="O411" s="544"/>
      <c r="P411" s="544"/>
      <c r="Q411" s="544"/>
      <c r="R411" s="544"/>
      <c r="S411" s="544"/>
      <c r="T411" s="545"/>
      <c r="U411" s="231" t="s">
        <v>1725</v>
      </c>
      <c r="V411" s="546" t="s">
        <v>107</v>
      </c>
      <c r="W411" s="547"/>
      <c r="X411" s="547"/>
      <c r="Y411" s="547"/>
      <c r="Z411" s="548"/>
      <c r="AA411" s="623" t="s">
        <v>102</v>
      </c>
      <c r="AB411" s="624"/>
      <c r="AC411" s="625"/>
      <c r="AD411" s="415">
        <v>9</v>
      </c>
      <c r="AE411" s="415" t="s">
        <v>103</v>
      </c>
      <c r="AF411" s="646"/>
      <c r="AG411" s="647"/>
      <c r="AH411" s="549"/>
      <c r="AI411" s="550"/>
      <c r="AJ411" s="551"/>
      <c r="AK411" s="265"/>
      <c r="AL411" s="29"/>
      <c r="AM411" s="54"/>
      <c r="AN411" s="13" t="str">
        <f t="shared" si="13"/>
        <v>■</v>
      </c>
    </row>
    <row r="412" spans="1:40" s="13" customFormat="1" ht="13.4" customHeight="1">
      <c r="A412" s="20"/>
      <c r="B412" s="25"/>
      <c r="C412" s="541">
        <v>100</v>
      </c>
      <c r="D412" s="542"/>
      <c r="E412" s="543" t="s">
        <v>1726</v>
      </c>
      <c r="F412" s="544"/>
      <c r="G412" s="544"/>
      <c r="H412" s="544"/>
      <c r="I412" s="544"/>
      <c r="J412" s="544"/>
      <c r="K412" s="544"/>
      <c r="L412" s="544"/>
      <c r="M412" s="544"/>
      <c r="N412" s="544"/>
      <c r="O412" s="544"/>
      <c r="P412" s="544"/>
      <c r="Q412" s="544"/>
      <c r="R412" s="544"/>
      <c r="S412" s="544"/>
      <c r="T412" s="545"/>
      <c r="U412" s="231" t="s">
        <v>1727</v>
      </c>
      <c r="V412" s="546" t="s">
        <v>107</v>
      </c>
      <c r="W412" s="547"/>
      <c r="X412" s="547"/>
      <c r="Y412" s="547"/>
      <c r="Z412" s="548"/>
      <c r="AA412" s="623" t="s">
        <v>108</v>
      </c>
      <c r="AB412" s="624"/>
      <c r="AC412" s="625"/>
      <c r="AD412" s="415">
        <v>3</v>
      </c>
      <c r="AE412" s="415">
        <v>0</v>
      </c>
      <c r="AF412" s="646"/>
      <c r="AG412" s="647"/>
      <c r="AH412" s="549"/>
      <c r="AI412" s="550"/>
      <c r="AJ412" s="551"/>
      <c r="AK412" s="265"/>
      <c r="AL412" s="29"/>
      <c r="AM412" s="54"/>
      <c r="AN412" s="13" t="str">
        <f t="shared" si="13"/>
        <v>■</v>
      </c>
    </row>
    <row r="413" spans="1:40" ht="13.4" customHeight="1">
      <c r="A413" s="20"/>
      <c r="B413" s="25"/>
      <c r="C413" s="541">
        <v>101</v>
      </c>
      <c r="D413" s="542"/>
      <c r="E413" s="543" t="s">
        <v>1728</v>
      </c>
      <c r="F413" s="544"/>
      <c r="G413" s="544"/>
      <c r="H413" s="544"/>
      <c r="I413" s="544"/>
      <c r="J413" s="544"/>
      <c r="K413" s="544"/>
      <c r="L413" s="544"/>
      <c r="M413" s="544"/>
      <c r="N413" s="544"/>
      <c r="O413" s="544"/>
      <c r="P413" s="544"/>
      <c r="Q413" s="544"/>
      <c r="R413" s="544"/>
      <c r="S413" s="544"/>
      <c r="T413" s="545"/>
      <c r="U413" s="232" t="s">
        <v>1729</v>
      </c>
      <c r="V413" s="546" t="s">
        <v>107</v>
      </c>
      <c r="W413" s="547"/>
      <c r="X413" s="547"/>
      <c r="Y413" s="547"/>
      <c r="Z413" s="548"/>
      <c r="AA413" s="623" t="s">
        <v>108</v>
      </c>
      <c r="AB413" s="624"/>
      <c r="AC413" s="625"/>
      <c r="AD413" s="415">
        <v>4</v>
      </c>
      <c r="AE413" s="415">
        <v>0</v>
      </c>
      <c r="AF413" s="646"/>
      <c r="AG413" s="647"/>
      <c r="AH413" s="549"/>
      <c r="AI413" s="550"/>
      <c r="AJ413" s="551"/>
      <c r="AK413" s="265"/>
      <c r="AL413" s="29"/>
      <c r="AM413" s="16"/>
      <c r="AN413" s="13" t="str">
        <f t="shared" si="13"/>
        <v>■</v>
      </c>
    </row>
    <row r="414" spans="1:40" ht="13.4" customHeight="1">
      <c r="A414" s="20"/>
      <c r="B414" s="25"/>
      <c r="C414" s="541">
        <v>102</v>
      </c>
      <c r="D414" s="542"/>
      <c r="E414" s="543" t="s">
        <v>1730</v>
      </c>
      <c r="F414" s="544"/>
      <c r="G414" s="544"/>
      <c r="H414" s="544"/>
      <c r="I414" s="544"/>
      <c r="J414" s="544"/>
      <c r="K414" s="544"/>
      <c r="L414" s="544"/>
      <c r="M414" s="544"/>
      <c r="N414" s="544"/>
      <c r="O414" s="544"/>
      <c r="P414" s="544"/>
      <c r="Q414" s="544"/>
      <c r="R414" s="544"/>
      <c r="S414" s="544"/>
      <c r="T414" s="545"/>
      <c r="U414" s="232" t="s">
        <v>1731</v>
      </c>
      <c r="V414" s="546" t="s">
        <v>101</v>
      </c>
      <c r="W414" s="547"/>
      <c r="X414" s="547"/>
      <c r="Y414" s="547"/>
      <c r="Z414" s="548"/>
      <c r="AA414" s="623" t="s">
        <v>102</v>
      </c>
      <c r="AB414" s="624"/>
      <c r="AC414" s="625"/>
      <c r="AD414" s="415">
        <v>1</v>
      </c>
      <c r="AE414" s="415" t="s">
        <v>103</v>
      </c>
      <c r="AF414" s="646"/>
      <c r="AG414" s="647"/>
      <c r="AH414" s="549"/>
      <c r="AI414" s="550"/>
      <c r="AJ414" s="551"/>
      <c r="AK414" s="265"/>
      <c r="AL414" s="29"/>
      <c r="AM414" s="16"/>
      <c r="AN414" s="13" t="str">
        <f t="shared" si="13"/>
        <v>■</v>
      </c>
    </row>
    <row r="415" spans="1:40" ht="13.4" customHeight="1">
      <c r="A415" s="20"/>
      <c r="B415" s="25"/>
      <c r="C415" s="541">
        <v>103</v>
      </c>
      <c r="D415" s="542"/>
      <c r="E415" s="543" t="s">
        <v>1732</v>
      </c>
      <c r="F415" s="544"/>
      <c r="G415" s="544"/>
      <c r="H415" s="544"/>
      <c r="I415" s="544"/>
      <c r="J415" s="544"/>
      <c r="K415" s="544"/>
      <c r="L415" s="544"/>
      <c r="M415" s="544"/>
      <c r="N415" s="544"/>
      <c r="O415" s="544"/>
      <c r="P415" s="544"/>
      <c r="Q415" s="544"/>
      <c r="R415" s="544"/>
      <c r="S415" s="544"/>
      <c r="T415" s="545"/>
      <c r="U415" s="232" t="s">
        <v>1733</v>
      </c>
      <c r="V415" s="546" t="s">
        <v>107</v>
      </c>
      <c r="W415" s="547"/>
      <c r="X415" s="547"/>
      <c r="Y415" s="547"/>
      <c r="Z415" s="548"/>
      <c r="AA415" s="623" t="s">
        <v>102</v>
      </c>
      <c r="AB415" s="624"/>
      <c r="AC415" s="625"/>
      <c r="AD415" s="415">
        <v>9</v>
      </c>
      <c r="AE415" s="415" t="s">
        <v>103</v>
      </c>
      <c r="AF415" s="646"/>
      <c r="AG415" s="647"/>
      <c r="AH415" s="549"/>
      <c r="AI415" s="550"/>
      <c r="AJ415" s="551"/>
      <c r="AK415" s="265"/>
      <c r="AL415" s="29"/>
      <c r="AM415" s="16"/>
      <c r="AN415" s="13" t="str">
        <f t="shared" si="13"/>
        <v>■</v>
      </c>
    </row>
    <row r="416" spans="1:40" ht="13.4" customHeight="1">
      <c r="A416" s="20"/>
      <c r="B416" s="25"/>
      <c r="C416" s="541">
        <v>104</v>
      </c>
      <c r="D416" s="542"/>
      <c r="E416" s="543" t="s">
        <v>1734</v>
      </c>
      <c r="F416" s="544"/>
      <c r="G416" s="544"/>
      <c r="H416" s="544"/>
      <c r="I416" s="544"/>
      <c r="J416" s="544"/>
      <c r="K416" s="544"/>
      <c r="L416" s="544"/>
      <c r="M416" s="544"/>
      <c r="N416" s="544"/>
      <c r="O416" s="544"/>
      <c r="P416" s="544"/>
      <c r="Q416" s="544"/>
      <c r="R416" s="544"/>
      <c r="S416" s="544"/>
      <c r="T416" s="545"/>
      <c r="U416" s="232" t="s">
        <v>1735</v>
      </c>
      <c r="V416" s="546" t="s">
        <v>107</v>
      </c>
      <c r="W416" s="547"/>
      <c r="X416" s="547"/>
      <c r="Y416" s="547"/>
      <c r="Z416" s="548"/>
      <c r="AA416" s="623" t="s">
        <v>108</v>
      </c>
      <c r="AB416" s="624"/>
      <c r="AC416" s="625"/>
      <c r="AD416" s="415">
        <v>3</v>
      </c>
      <c r="AE416" s="415">
        <v>0</v>
      </c>
      <c r="AF416" s="646"/>
      <c r="AG416" s="647"/>
      <c r="AH416" s="549"/>
      <c r="AI416" s="550"/>
      <c r="AJ416" s="551"/>
      <c r="AK416" s="265"/>
      <c r="AL416" s="29"/>
      <c r="AM416" s="16"/>
      <c r="AN416" s="13" t="str">
        <f t="shared" si="13"/>
        <v>■</v>
      </c>
    </row>
    <row r="417" spans="1:40" ht="13.4" customHeight="1">
      <c r="A417" s="20"/>
      <c r="B417" s="25"/>
      <c r="C417" s="541">
        <v>105</v>
      </c>
      <c r="D417" s="542"/>
      <c r="E417" s="543" t="s">
        <v>1736</v>
      </c>
      <c r="F417" s="544"/>
      <c r="G417" s="544"/>
      <c r="H417" s="544"/>
      <c r="I417" s="544"/>
      <c r="J417" s="544"/>
      <c r="K417" s="544"/>
      <c r="L417" s="544"/>
      <c r="M417" s="544"/>
      <c r="N417" s="544"/>
      <c r="O417" s="544"/>
      <c r="P417" s="544"/>
      <c r="Q417" s="544"/>
      <c r="R417" s="544"/>
      <c r="S417" s="544"/>
      <c r="T417" s="545"/>
      <c r="U417" s="232" t="s">
        <v>1737</v>
      </c>
      <c r="V417" s="546" t="s">
        <v>107</v>
      </c>
      <c r="W417" s="547"/>
      <c r="X417" s="547"/>
      <c r="Y417" s="547"/>
      <c r="Z417" s="548"/>
      <c r="AA417" s="623" t="s">
        <v>108</v>
      </c>
      <c r="AB417" s="624"/>
      <c r="AC417" s="625"/>
      <c r="AD417" s="415">
        <v>4</v>
      </c>
      <c r="AE417" s="415">
        <v>0</v>
      </c>
      <c r="AF417" s="646"/>
      <c r="AG417" s="647"/>
      <c r="AH417" s="549"/>
      <c r="AI417" s="550"/>
      <c r="AJ417" s="551"/>
      <c r="AK417" s="265"/>
      <c r="AL417" s="29"/>
      <c r="AM417" s="16"/>
      <c r="AN417" s="13" t="str">
        <f t="shared" si="13"/>
        <v>■</v>
      </c>
    </row>
    <row r="418" spans="1:40" ht="13.4" customHeight="1">
      <c r="A418" s="20"/>
      <c r="B418" s="25"/>
      <c r="C418" s="541">
        <v>106</v>
      </c>
      <c r="D418" s="542"/>
      <c r="E418" s="543" t="s">
        <v>1738</v>
      </c>
      <c r="F418" s="544"/>
      <c r="G418" s="544"/>
      <c r="H418" s="544"/>
      <c r="I418" s="544"/>
      <c r="J418" s="544"/>
      <c r="K418" s="544"/>
      <c r="L418" s="544"/>
      <c r="M418" s="544"/>
      <c r="N418" s="544"/>
      <c r="O418" s="544"/>
      <c r="P418" s="544"/>
      <c r="Q418" s="544"/>
      <c r="R418" s="544"/>
      <c r="S418" s="544"/>
      <c r="T418" s="545"/>
      <c r="U418" s="232" t="s">
        <v>1739</v>
      </c>
      <c r="V418" s="546" t="s">
        <v>101</v>
      </c>
      <c r="W418" s="547"/>
      <c r="X418" s="547"/>
      <c r="Y418" s="547"/>
      <c r="Z418" s="548"/>
      <c r="AA418" s="623" t="s">
        <v>102</v>
      </c>
      <c r="AB418" s="624"/>
      <c r="AC418" s="625"/>
      <c r="AD418" s="415">
        <v>1</v>
      </c>
      <c r="AE418" s="415" t="s">
        <v>103</v>
      </c>
      <c r="AF418" s="646"/>
      <c r="AG418" s="647"/>
      <c r="AH418" s="549"/>
      <c r="AI418" s="550"/>
      <c r="AJ418" s="551"/>
      <c r="AK418" s="265"/>
      <c r="AL418" s="29"/>
      <c r="AM418" s="16"/>
      <c r="AN418" s="13" t="str">
        <f t="shared" si="13"/>
        <v>■</v>
      </c>
    </row>
    <row r="419" spans="1:40" ht="13.4" customHeight="1">
      <c r="A419" s="20"/>
      <c r="B419" s="25"/>
      <c r="C419" s="541">
        <v>107</v>
      </c>
      <c r="D419" s="542"/>
      <c r="E419" s="543" t="s">
        <v>1740</v>
      </c>
      <c r="F419" s="544"/>
      <c r="G419" s="544"/>
      <c r="H419" s="544"/>
      <c r="I419" s="544"/>
      <c r="J419" s="544"/>
      <c r="K419" s="544"/>
      <c r="L419" s="544"/>
      <c r="M419" s="544"/>
      <c r="N419" s="544"/>
      <c r="O419" s="544"/>
      <c r="P419" s="544"/>
      <c r="Q419" s="544"/>
      <c r="R419" s="544"/>
      <c r="S419" s="544"/>
      <c r="T419" s="545"/>
      <c r="U419" s="232" t="s">
        <v>1741</v>
      </c>
      <c r="V419" s="546" t="s">
        <v>107</v>
      </c>
      <c r="W419" s="547"/>
      <c r="X419" s="547"/>
      <c r="Y419" s="547"/>
      <c r="Z419" s="548"/>
      <c r="AA419" s="623" t="s">
        <v>102</v>
      </c>
      <c r="AB419" s="624"/>
      <c r="AC419" s="625"/>
      <c r="AD419" s="415">
        <v>9</v>
      </c>
      <c r="AE419" s="415" t="s">
        <v>103</v>
      </c>
      <c r="AF419" s="646"/>
      <c r="AG419" s="647"/>
      <c r="AH419" s="549"/>
      <c r="AI419" s="550"/>
      <c r="AJ419" s="551"/>
      <c r="AK419" s="265"/>
      <c r="AL419" s="29"/>
      <c r="AM419" s="16"/>
      <c r="AN419" s="13" t="str">
        <f t="shared" si="13"/>
        <v>■</v>
      </c>
    </row>
    <row r="420" spans="1:40" ht="13.4" customHeight="1">
      <c r="A420" s="20"/>
      <c r="B420" s="25"/>
      <c r="C420" s="541">
        <v>108</v>
      </c>
      <c r="D420" s="542"/>
      <c r="E420" s="543" t="s">
        <v>1742</v>
      </c>
      <c r="F420" s="544"/>
      <c r="G420" s="544"/>
      <c r="H420" s="544"/>
      <c r="I420" s="544"/>
      <c r="J420" s="544"/>
      <c r="K420" s="544"/>
      <c r="L420" s="544"/>
      <c r="M420" s="544"/>
      <c r="N420" s="544"/>
      <c r="O420" s="544"/>
      <c r="P420" s="544"/>
      <c r="Q420" s="544"/>
      <c r="R420" s="544"/>
      <c r="S420" s="544"/>
      <c r="T420" s="545"/>
      <c r="U420" s="232" t="s">
        <v>1743</v>
      </c>
      <c r="V420" s="546" t="s">
        <v>107</v>
      </c>
      <c r="W420" s="547"/>
      <c r="X420" s="547"/>
      <c r="Y420" s="547"/>
      <c r="Z420" s="548"/>
      <c r="AA420" s="623" t="s">
        <v>108</v>
      </c>
      <c r="AB420" s="624"/>
      <c r="AC420" s="625"/>
      <c r="AD420" s="415">
        <v>3</v>
      </c>
      <c r="AE420" s="415">
        <v>0</v>
      </c>
      <c r="AF420" s="646"/>
      <c r="AG420" s="647"/>
      <c r="AH420" s="549"/>
      <c r="AI420" s="550"/>
      <c r="AJ420" s="551"/>
      <c r="AK420" s="265"/>
      <c r="AL420" s="29"/>
      <c r="AM420" s="16"/>
      <c r="AN420" s="13" t="str">
        <f t="shared" si="13"/>
        <v>■</v>
      </c>
    </row>
    <row r="421" spans="1:40" ht="13.4" customHeight="1">
      <c r="A421" s="20"/>
      <c r="B421" s="25"/>
      <c r="C421" s="541">
        <v>109</v>
      </c>
      <c r="D421" s="542"/>
      <c r="E421" s="543" t="s">
        <v>1744</v>
      </c>
      <c r="F421" s="544"/>
      <c r="G421" s="544"/>
      <c r="H421" s="544"/>
      <c r="I421" s="544"/>
      <c r="J421" s="544"/>
      <c r="K421" s="544"/>
      <c r="L421" s="544"/>
      <c r="M421" s="544"/>
      <c r="N421" s="544"/>
      <c r="O421" s="544"/>
      <c r="P421" s="544"/>
      <c r="Q421" s="544"/>
      <c r="R421" s="544"/>
      <c r="S421" s="544"/>
      <c r="T421" s="545"/>
      <c r="U421" s="232" t="s">
        <v>1745</v>
      </c>
      <c r="V421" s="546" t="s">
        <v>107</v>
      </c>
      <c r="W421" s="547"/>
      <c r="X421" s="547"/>
      <c r="Y421" s="547"/>
      <c r="Z421" s="548"/>
      <c r="AA421" s="623" t="s">
        <v>108</v>
      </c>
      <c r="AB421" s="624"/>
      <c r="AC421" s="625"/>
      <c r="AD421" s="415">
        <v>4</v>
      </c>
      <c r="AE421" s="415">
        <v>0</v>
      </c>
      <c r="AF421" s="646"/>
      <c r="AG421" s="647"/>
      <c r="AH421" s="549"/>
      <c r="AI421" s="550"/>
      <c r="AJ421" s="551"/>
      <c r="AK421" s="265"/>
      <c r="AL421" s="29"/>
      <c r="AM421" s="16"/>
      <c r="AN421" s="13" t="str">
        <f t="shared" si="13"/>
        <v>■</v>
      </c>
    </row>
    <row r="422" spans="1:40" ht="13.4" customHeight="1">
      <c r="A422" s="20"/>
      <c r="B422" s="25"/>
      <c r="C422" s="541">
        <v>110</v>
      </c>
      <c r="D422" s="542"/>
      <c r="E422" s="543" t="s">
        <v>1746</v>
      </c>
      <c r="F422" s="544"/>
      <c r="G422" s="544"/>
      <c r="H422" s="544"/>
      <c r="I422" s="544"/>
      <c r="J422" s="544"/>
      <c r="K422" s="544"/>
      <c r="L422" s="544"/>
      <c r="M422" s="544"/>
      <c r="N422" s="544"/>
      <c r="O422" s="544"/>
      <c r="P422" s="544"/>
      <c r="Q422" s="544"/>
      <c r="R422" s="544"/>
      <c r="S422" s="544"/>
      <c r="T422" s="545"/>
      <c r="U422" s="232" t="s">
        <v>1747</v>
      </c>
      <c r="V422" s="546" t="s">
        <v>101</v>
      </c>
      <c r="W422" s="547"/>
      <c r="X422" s="547"/>
      <c r="Y422" s="547"/>
      <c r="Z422" s="548"/>
      <c r="AA422" s="623" t="s">
        <v>102</v>
      </c>
      <c r="AB422" s="624"/>
      <c r="AC422" s="625"/>
      <c r="AD422" s="415">
        <v>1</v>
      </c>
      <c r="AE422" s="415" t="s">
        <v>103</v>
      </c>
      <c r="AF422" s="646"/>
      <c r="AG422" s="647"/>
      <c r="AH422" s="549"/>
      <c r="AI422" s="550"/>
      <c r="AJ422" s="551"/>
      <c r="AK422" s="265"/>
      <c r="AL422" s="29"/>
      <c r="AM422" s="16"/>
      <c r="AN422" s="13" t="str">
        <f t="shared" si="13"/>
        <v>■</v>
      </c>
    </row>
    <row r="423" spans="1:40" ht="13.4" customHeight="1">
      <c r="A423" s="20"/>
      <c r="B423" s="25"/>
      <c r="C423" s="541">
        <v>111</v>
      </c>
      <c r="D423" s="542"/>
      <c r="E423" s="543" t="s">
        <v>1748</v>
      </c>
      <c r="F423" s="544"/>
      <c r="G423" s="544"/>
      <c r="H423" s="544"/>
      <c r="I423" s="544"/>
      <c r="J423" s="544"/>
      <c r="K423" s="544"/>
      <c r="L423" s="544"/>
      <c r="M423" s="544"/>
      <c r="N423" s="544"/>
      <c r="O423" s="544"/>
      <c r="P423" s="544"/>
      <c r="Q423" s="544"/>
      <c r="R423" s="544"/>
      <c r="S423" s="544"/>
      <c r="T423" s="545"/>
      <c r="U423" s="232" t="s">
        <v>1749</v>
      </c>
      <c r="V423" s="546" t="s">
        <v>107</v>
      </c>
      <c r="W423" s="547"/>
      <c r="X423" s="547"/>
      <c r="Y423" s="547"/>
      <c r="Z423" s="548"/>
      <c r="AA423" s="623" t="s">
        <v>102</v>
      </c>
      <c r="AB423" s="624"/>
      <c r="AC423" s="625"/>
      <c r="AD423" s="415">
        <v>9</v>
      </c>
      <c r="AE423" s="415" t="s">
        <v>103</v>
      </c>
      <c r="AF423" s="646"/>
      <c r="AG423" s="647"/>
      <c r="AH423" s="549"/>
      <c r="AI423" s="550"/>
      <c r="AJ423" s="551"/>
      <c r="AK423" s="265"/>
      <c r="AL423" s="29"/>
      <c r="AM423" s="16"/>
      <c r="AN423" s="13" t="str">
        <f t="shared" si="13"/>
        <v>■</v>
      </c>
    </row>
    <row r="424" spans="1:40" ht="13.4" customHeight="1">
      <c r="A424" s="20"/>
      <c r="B424" s="25"/>
      <c r="C424" s="541">
        <v>112</v>
      </c>
      <c r="D424" s="542"/>
      <c r="E424" s="543" t="s">
        <v>1750</v>
      </c>
      <c r="F424" s="544"/>
      <c r="G424" s="544"/>
      <c r="H424" s="544"/>
      <c r="I424" s="544"/>
      <c r="J424" s="544"/>
      <c r="K424" s="544"/>
      <c r="L424" s="544"/>
      <c r="M424" s="544"/>
      <c r="N424" s="544"/>
      <c r="O424" s="544"/>
      <c r="P424" s="544"/>
      <c r="Q424" s="544"/>
      <c r="R424" s="544"/>
      <c r="S424" s="544"/>
      <c r="T424" s="545"/>
      <c r="U424" s="232" t="s">
        <v>1751</v>
      </c>
      <c r="V424" s="546" t="s">
        <v>107</v>
      </c>
      <c r="W424" s="547"/>
      <c r="X424" s="547"/>
      <c r="Y424" s="547"/>
      <c r="Z424" s="548"/>
      <c r="AA424" s="623" t="s">
        <v>108</v>
      </c>
      <c r="AB424" s="624"/>
      <c r="AC424" s="625"/>
      <c r="AD424" s="415">
        <v>3</v>
      </c>
      <c r="AE424" s="415">
        <v>0</v>
      </c>
      <c r="AF424" s="646"/>
      <c r="AG424" s="647"/>
      <c r="AH424" s="549"/>
      <c r="AI424" s="550"/>
      <c r="AJ424" s="551"/>
      <c r="AK424" s="265"/>
      <c r="AL424" s="29"/>
      <c r="AM424" s="16"/>
      <c r="AN424" s="13" t="str">
        <f t="shared" si="13"/>
        <v>■</v>
      </c>
    </row>
    <row r="425" spans="1:40" ht="13.4" customHeight="1">
      <c r="A425" s="20"/>
      <c r="B425" s="25"/>
      <c r="C425" s="541">
        <v>113</v>
      </c>
      <c r="D425" s="542"/>
      <c r="E425" s="543" t="s">
        <v>1752</v>
      </c>
      <c r="F425" s="544"/>
      <c r="G425" s="544"/>
      <c r="H425" s="544"/>
      <c r="I425" s="544"/>
      <c r="J425" s="544"/>
      <c r="K425" s="544"/>
      <c r="L425" s="544"/>
      <c r="M425" s="544"/>
      <c r="N425" s="544"/>
      <c r="O425" s="544"/>
      <c r="P425" s="544"/>
      <c r="Q425" s="544"/>
      <c r="R425" s="544"/>
      <c r="S425" s="544"/>
      <c r="T425" s="545"/>
      <c r="U425" s="232" t="s">
        <v>1753</v>
      </c>
      <c r="V425" s="546" t="s">
        <v>107</v>
      </c>
      <c r="W425" s="547"/>
      <c r="X425" s="547"/>
      <c r="Y425" s="547"/>
      <c r="Z425" s="548"/>
      <c r="AA425" s="623" t="s">
        <v>108</v>
      </c>
      <c r="AB425" s="624"/>
      <c r="AC425" s="625"/>
      <c r="AD425" s="415">
        <v>4</v>
      </c>
      <c r="AE425" s="415">
        <v>0</v>
      </c>
      <c r="AF425" s="646"/>
      <c r="AG425" s="647"/>
      <c r="AH425" s="549"/>
      <c r="AI425" s="550"/>
      <c r="AJ425" s="551"/>
      <c r="AK425" s="265"/>
      <c r="AL425" s="29"/>
      <c r="AM425" s="16"/>
      <c r="AN425" s="13" t="str">
        <f t="shared" si="13"/>
        <v>■</v>
      </c>
    </row>
    <row r="426" spans="1:40" ht="13.4" customHeight="1">
      <c r="A426" s="20"/>
      <c r="B426" s="25"/>
      <c r="C426" s="541">
        <v>114</v>
      </c>
      <c r="D426" s="542"/>
      <c r="E426" s="543" t="s">
        <v>1499</v>
      </c>
      <c r="F426" s="544"/>
      <c r="G426" s="544"/>
      <c r="H426" s="544"/>
      <c r="I426" s="544"/>
      <c r="J426" s="544"/>
      <c r="K426" s="544"/>
      <c r="L426" s="544"/>
      <c r="M426" s="544"/>
      <c r="N426" s="544"/>
      <c r="O426" s="544"/>
      <c r="P426" s="544"/>
      <c r="Q426" s="544"/>
      <c r="R426" s="544"/>
      <c r="S426" s="544"/>
      <c r="T426" s="545"/>
      <c r="U426" s="232" t="s">
        <v>1500</v>
      </c>
      <c r="V426" s="546" t="s">
        <v>107</v>
      </c>
      <c r="W426" s="547"/>
      <c r="X426" s="547"/>
      <c r="Y426" s="547"/>
      <c r="Z426" s="548"/>
      <c r="AA426" s="623" t="s">
        <v>102</v>
      </c>
      <c r="AB426" s="624"/>
      <c r="AC426" s="625"/>
      <c r="AD426" s="415">
        <v>2</v>
      </c>
      <c r="AE426" s="415" t="s">
        <v>103</v>
      </c>
      <c r="AF426" s="646"/>
      <c r="AG426" s="647"/>
      <c r="AH426" s="549"/>
      <c r="AI426" s="550"/>
      <c r="AJ426" s="551"/>
      <c r="AK426" s="265"/>
      <c r="AL426" s="29"/>
      <c r="AM426" s="16"/>
      <c r="AN426" s="13" t="str">
        <f t="shared" si="13"/>
        <v>■</v>
      </c>
    </row>
    <row r="427" spans="1:40" ht="13.4" customHeight="1">
      <c r="A427" s="20"/>
      <c r="B427" s="25"/>
      <c r="C427" s="541">
        <v>115</v>
      </c>
      <c r="D427" s="542"/>
      <c r="E427" s="543" t="s">
        <v>1501</v>
      </c>
      <c r="F427" s="544"/>
      <c r="G427" s="544"/>
      <c r="H427" s="544"/>
      <c r="I427" s="544"/>
      <c r="J427" s="544"/>
      <c r="K427" s="544"/>
      <c r="L427" s="544"/>
      <c r="M427" s="544"/>
      <c r="N427" s="544"/>
      <c r="O427" s="544"/>
      <c r="P427" s="544"/>
      <c r="Q427" s="544"/>
      <c r="R427" s="544"/>
      <c r="S427" s="544"/>
      <c r="T427" s="545"/>
      <c r="U427" s="232" t="s">
        <v>1502</v>
      </c>
      <c r="V427" s="546" t="s">
        <v>107</v>
      </c>
      <c r="W427" s="547"/>
      <c r="X427" s="547"/>
      <c r="Y427" s="547"/>
      <c r="Z427" s="548"/>
      <c r="AA427" s="623" t="s">
        <v>102</v>
      </c>
      <c r="AB427" s="624"/>
      <c r="AC427" s="625"/>
      <c r="AD427" s="415">
        <v>2</v>
      </c>
      <c r="AE427" s="415" t="s">
        <v>103</v>
      </c>
      <c r="AF427" s="646"/>
      <c r="AG427" s="647"/>
      <c r="AH427" s="549"/>
      <c r="AI427" s="550"/>
      <c r="AJ427" s="551"/>
      <c r="AK427" s="265"/>
      <c r="AL427" s="29"/>
      <c r="AM427" s="16"/>
      <c r="AN427" s="13" t="str">
        <f t="shared" si="13"/>
        <v>■</v>
      </c>
    </row>
    <row r="428" spans="1:40" ht="13.4" customHeight="1">
      <c r="A428" s="20"/>
      <c r="B428" s="25"/>
      <c r="C428" s="541">
        <v>116</v>
      </c>
      <c r="D428" s="542"/>
      <c r="E428" s="543" t="s">
        <v>1754</v>
      </c>
      <c r="F428" s="544"/>
      <c r="G428" s="544"/>
      <c r="H428" s="544"/>
      <c r="I428" s="544"/>
      <c r="J428" s="544"/>
      <c r="K428" s="544"/>
      <c r="L428" s="544"/>
      <c r="M428" s="544"/>
      <c r="N428" s="544"/>
      <c r="O428" s="544"/>
      <c r="P428" s="544"/>
      <c r="Q428" s="544"/>
      <c r="R428" s="544"/>
      <c r="S428" s="544"/>
      <c r="T428" s="545"/>
      <c r="U428" s="232" t="s">
        <v>1755</v>
      </c>
      <c r="V428" s="546" t="s">
        <v>107</v>
      </c>
      <c r="W428" s="547"/>
      <c r="X428" s="547"/>
      <c r="Y428" s="547"/>
      <c r="Z428" s="548"/>
      <c r="AA428" s="623" t="s">
        <v>102</v>
      </c>
      <c r="AB428" s="624"/>
      <c r="AC428" s="625"/>
      <c r="AD428" s="415">
        <v>9</v>
      </c>
      <c r="AE428" s="415" t="s">
        <v>103</v>
      </c>
      <c r="AF428" s="646"/>
      <c r="AG428" s="647"/>
      <c r="AH428" s="549"/>
      <c r="AI428" s="550"/>
      <c r="AJ428" s="551"/>
      <c r="AK428" s="265"/>
      <c r="AL428" s="29"/>
      <c r="AM428" s="16"/>
      <c r="AN428" s="13" t="str">
        <f t="shared" si="13"/>
        <v>■</v>
      </c>
    </row>
    <row r="429" spans="1:40" ht="13.4" customHeight="1">
      <c r="A429" s="20"/>
      <c r="B429" s="25"/>
      <c r="C429" s="541">
        <v>117</v>
      </c>
      <c r="D429" s="542"/>
      <c r="E429" s="543" t="s">
        <v>1756</v>
      </c>
      <c r="F429" s="544"/>
      <c r="G429" s="544"/>
      <c r="H429" s="544"/>
      <c r="I429" s="544"/>
      <c r="J429" s="544"/>
      <c r="K429" s="544"/>
      <c r="L429" s="544"/>
      <c r="M429" s="544"/>
      <c r="N429" s="544"/>
      <c r="O429" s="544"/>
      <c r="P429" s="544"/>
      <c r="Q429" s="544"/>
      <c r="R429" s="544"/>
      <c r="S429" s="544"/>
      <c r="T429" s="545"/>
      <c r="U429" s="232" t="s">
        <v>1757</v>
      </c>
      <c r="V429" s="546" t="s">
        <v>107</v>
      </c>
      <c r="W429" s="547"/>
      <c r="X429" s="547"/>
      <c r="Y429" s="547"/>
      <c r="Z429" s="548"/>
      <c r="AA429" s="623" t="s">
        <v>102</v>
      </c>
      <c r="AB429" s="624"/>
      <c r="AC429" s="625"/>
      <c r="AD429" s="415">
        <v>9</v>
      </c>
      <c r="AE429" s="415" t="s">
        <v>103</v>
      </c>
      <c r="AF429" s="646"/>
      <c r="AG429" s="647"/>
      <c r="AH429" s="549"/>
      <c r="AI429" s="550"/>
      <c r="AJ429" s="551"/>
      <c r="AK429" s="265"/>
      <c r="AL429" s="29"/>
      <c r="AM429" s="16"/>
      <c r="AN429" s="13" t="str">
        <f t="shared" si="13"/>
        <v>■</v>
      </c>
    </row>
    <row r="430" spans="1:40" ht="27.65" customHeight="1">
      <c r="A430" s="20"/>
      <c r="B430" s="25"/>
      <c r="C430" s="541">
        <v>118</v>
      </c>
      <c r="D430" s="542"/>
      <c r="E430" s="543" t="s">
        <v>1758</v>
      </c>
      <c r="F430" s="544"/>
      <c r="G430" s="544"/>
      <c r="H430" s="544"/>
      <c r="I430" s="544"/>
      <c r="J430" s="544"/>
      <c r="K430" s="544"/>
      <c r="L430" s="544"/>
      <c r="M430" s="544"/>
      <c r="N430" s="544"/>
      <c r="O430" s="544"/>
      <c r="P430" s="544"/>
      <c r="Q430" s="544"/>
      <c r="R430" s="544"/>
      <c r="S430" s="544"/>
      <c r="T430" s="545"/>
      <c r="U430" s="232" t="s">
        <v>1759</v>
      </c>
      <c r="V430" s="546" t="s">
        <v>107</v>
      </c>
      <c r="W430" s="547"/>
      <c r="X430" s="547"/>
      <c r="Y430" s="547"/>
      <c r="Z430" s="548"/>
      <c r="AA430" s="623" t="s">
        <v>102</v>
      </c>
      <c r="AB430" s="624"/>
      <c r="AC430" s="625"/>
      <c r="AD430" s="415">
        <v>9</v>
      </c>
      <c r="AE430" s="415" t="s">
        <v>103</v>
      </c>
      <c r="AF430" s="646"/>
      <c r="AG430" s="647"/>
      <c r="AH430" s="549"/>
      <c r="AI430" s="550"/>
      <c r="AJ430" s="551"/>
      <c r="AK430" s="265"/>
      <c r="AL430" s="29"/>
      <c r="AM430" s="16"/>
      <c r="AN430" s="13" t="str">
        <f t="shared" si="13"/>
        <v>■</v>
      </c>
    </row>
    <row r="431" spans="1:40" ht="13.4" customHeight="1">
      <c r="A431" s="20"/>
      <c r="B431" s="25"/>
      <c r="C431" s="541">
        <v>119</v>
      </c>
      <c r="D431" s="542"/>
      <c r="E431" s="543" t="s">
        <v>1351</v>
      </c>
      <c r="F431" s="544"/>
      <c r="G431" s="544"/>
      <c r="H431" s="544"/>
      <c r="I431" s="544"/>
      <c r="J431" s="544"/>
      <c r="K431" s="544"/>
      <c r="L431" s="544"/>
      <c r="M431" s="544"/>
      <c r="N431" s="544"/>
      <c r="O431" s="544"/>
      <c r="P431" s="544"/>
      <c r="Q431" s="544"/>
      <c r="R431" s="544"/>
      <c r="S431" s="544"/>
      <c r="T431" s="545"/>
      <c r="U431" s="232" t="s">
        <v>453</v>
      </c>
      <c r="V431" s="546" t="s">
        <v>107</v>
      </c>
      <c r="W431" s="547"/>
      <c r="X431" s="547"/>
      <c r="Y431" s="547"/>
      <c r="Z431" s="548"/>
      <c r="AA431" s="623" t="s">
        <v>102</v>
      </c>
      <c r="AB431" s="624"/>
      <c r="AC431" s="625"/>
      <c r="AD431" s="415">
        <v>6</v>
      </c>
      <c r="AE431" s="415" t="s">
        <v>103</v>
      </c>
      <c r="AF431" s="646"/>
      <c r="AG431" s="647"/>
      <c r="AH431" s="549"/>
      <c r="AI431" s="550"/>
      <c r="AJ431" s="551"/>
      <c r="AK431" s="265"/>
      <c r="AL431" s="29"/>
      <c r="AM431" s="16"/>
      <c r="AN431" s="13" t="str">
        <f t="shared" si="13"/>
        <v>■</v>
      </c>
    </row>
    <row r="432" spans="1:40" ht="13.4" customHeight="1">
      <c r="A432" s="20"/>
      <c r="B432" s="25"/>
      <c r="C432" s="541">
        <v>120</v>
      </c>
      <c r="D432" s="542"/>
      <c r="E432" s="543" t="s">
        <v>411</v>
      </c>
      <c r="F432" s="544"/>
      <c r="G432" s="544"/>
      <c r="H432" s="544"/>
      <c r="I432" s="544"/>
      <c r="J432" s="544"/>
      <c r="K432" s="544"/>
      <c r="L432" s="544"/>
      <c r="M432" s="544"/>
      <c r="N432" s="544"/>
      <c r="O432" s="544"/>
      <c r="P432" s="544"/>
      <c r="Q432" s="544"/>
      <c r="R432" s="544"/>
      <c r="S432" s="544"/>
      <c r="T432" s="545"/>
      <c r="U432" s="232" t="s">
        <v>516</v>
      </c>
      <c r="V432" s="546" t="s">
        <v>107</v>
      </c>
      <c r="W432" s="547"/>
      <c r="X432" s="547"/>
      <c r="Y432" s="547"/>
      <c r="Z432" s="548"/>
      <c r="AA432" s="623" t="s">
        <v>102</v>
      </c>
      <c r="AB432" s="624"/>
      <c r="AC432" s="625"/>
      <c r="AD432" s="415">
        <v>6</v>
      </c>
      <c r="AE432" s="415" t="s">
        <v>103</v>
      </c>
      <c r="AF432" s="646"/>
      <c r="AG432" s="647"/>
      <c r="AH432" s="549"/>
      <c r="AI432" s="550"/>
      <c r="AJ432" s="551"/>
      <c r="AK432" s="265"/>
      <c r="AL432" s="29"/>
      <c r="AM432" s="16"/>
      <c r="AN432" s="13" t="str">
        <f t="shared" si="13"/>
        <v>■</v>
      </c>
    </row>
    <row r="433" spans="1:40" ht="13.4" customHeight="1">
      <c r="A433" s="20"/>
      <c r="B433" s="25"/>
      <c r="V433" s="238"/>
      <c r="W433" s="238"/>
      <c r="X433" s="238"/>
      <c r="Y433" s="238"/>
      <c r="Z433" s="238"/>
      <c r="AA433" s="629"/>
      <c r="AB433" s="629"/>
      <c r="AC433" s="629"/>
      <c r="AD433" s="238"/>
      <c r="AE433" s="238"/>
      <c r="AF433" s="238"/>
      <c r="AG433" s="238"/>
      <c r="AH433" s="238"/>
      <c r="AI433" s="238"/>
      <c r="AJ433" s="238"/>
      <c r="AK433" s="55"/>
      <c r="AL433" s="29"/>
      <c r="AM433" s="16"/>
    </row>
    <row r="434" spans="1:40" ht="13.4" customHeight="1">
      <c r="A434" s="20"/>
      <c r="B434" s="20"/>
      <c r="C434" s="52" t="s">
        <v>380</v>
      </c>
      <c r="D434" s="53"/>
      <c r="E434" s="26"/>
      <c r="F434" s="26"/>
      <c r="G434" s="26"/>
      <c r="H434" s="26"/>
      <c r="I434" s="26"/>
      <c r="J434" s="26" t="s">
        <v>1760</v>
      </c>
      <c r="K434" s="71"/>
      <c r="L434" s="26"/>
      <c r="M434" s="71"/>
      <c r="N434" s="26"/>
      <c r="O434" s="26"/>
      <c r="P434" s="26"/>
      <c r="Q434" s="26"/>
      <c r="R434" s="26"/>
      <c r="S434" s="26"/>
      <c r="T434" s="26"/>
      <c r="U434" s="26" t="s">
        <v>1761</v>
      </c>
      <c r="V434" s="122"/>
      <c r="W434" s="122"/>
      <c r="X434" s="122"/>
      <c r="Y434" s="122"/>
      <c r="Z434" s="122"/>
      <c r="AA434" s="630"/>
      <c r="AB434" s="630"/>
      <c r="AC434" s="630"/>
      <c r="AD434" s="122"/>
      <c r="AE434" s="122"/>
      <c r="AF434" s="122"/>
      <c r="AG434" s="122"/>
      <c r="AH434" s="122"/>
      <c r="AI434" s="122"/>
      <c r="AJ434" s="122"/>
      <c r="AK434" s="55"/>
      <c r="AL434" s="29"/>
      <c r="AM434" s="16"/>
    </row>
    <row r="435" spans="1:40" ht="13.5" customHeight="1">
      <c r="A435" s="20"/>
      <c r="B435" s="25"/>
      <c r="C435" s="583" t="s">
        <v>73</v>
      </c>
      <c r="D435" s="573"/>
      <c r="E435" s="583" t="s">
        <v>94</v>
      </c>
      <c r="F435" s="583"/>
      <c r="G435" s="583"/>
      <c r="H435" s="583"/>
      <c r="I435" s="583"/>
      <c r="J435" s="583"/>
      <c r="K435" s="583"/>
      <c r="L435" s="583"/>
      <c r="M435" s="583"/>
      <c r="N435" s="583"/>
      <c r="O435" s="583"/>
      <c r="P435" s="583"/>
      <c r="Q435" s="583"/>
      <c r="R435" s="583"/>
      <c r="S435" s="583"/>
      <c r="T435" s="583"/>
      <c r="U435" s="226" t="s">
        <v>383</v>
      </c>
      <c r="V435" s="572" t="s">
        <v>138</v>
      </c>
      <c r="W435" s="572"/>
      <c r="X435" s="572"/>
      <c r="Y435" s="572"/>
      <c r="Z435" s="572"/>
      <c r="AA435" s="598" t="s">
        <v>959</v>
      </c>
      <c r="AB435" s="599"/>
      <c r="AC435" s="600"/>
      <c r="AD435" s="572" t="s">
        <v>97</v>
      </c>
      <c r="AE435" s="572"/>
      <c r="AF435" s="572" t="s">
        <v>98</v>
      </c>
      <c r="AG435" s="572"/>
      <c r="AH435" s="583" t="s">
        <v>75</v>
      </c>
      <c r="AI435" s="583"/>
      <c r="AJ435" s="583"/>
      <c r="AK435" s="581" t="s">
        <v>159</v>
      </c>
      <c r="AL435" s="29"/>
      <c r="AM435" s="16"/>
    </row>
    <row r="436" spans="1:40" ht="13.4" customHeight="1">
      <c r="A436" s="20"/>
      <c r="B436" s="25"/>
      <c r="C436" s="573"/>
      <c r="D436" s="573"/>
      <c r="E436" s="583"/>
      <c r="F436" s="583"/>
      <c r="G436" s="583"/>
      <c r="H436" s="583"/>
      <c r="I436" s="583"/>
      <c r="J436" s="583"/>
      <c r="K436" s="583"/>
      <c r="L436" s="583"/>
      <c r="M436" s="583"/>
      <c r="N436" s="583"/>
      <c r="O436" s="583"/>
      <c r="P436" s="583"/>
      <c r="Q436" s="583"/>
      <c r="R436" s="583"/>
      <c r="S436" s="583"/>
      <c r="T436" s="583"/>
      <c r="U436" s="227"/>
      <c r="V436" s="572"/>
      <c r="W436" s="572"/>
      <c r="X436" s="572"/>
      <c r="Y436" s="572"/>
      <c r="Z436" s="572"/>
      <c r="AA436" s="601"/>
      <c r="AB436" s="602"/>
      <c r="AC436" s="603"/>
      <c r="AD436" s="572"/>
      <c r="AE436" s="572"/>
      <c r="AF436" s="572"/>
      <c r="AG436" s="572"/>
      <c r="AH436" s="583"/>
      <c r="AI436" s="583"/>
      <c r="AJ436" s="583"/>
      <c r="AK436" s="582"/>
      <c r="AL436" s="29"/>
      <c r="AM436" s="16"/>
    </row>
    <row r="437" spans="1:40" ht="13.4" customHeight="1">
      <c r="A437" s="20"/>
      <c r="B437" s="25"/>
      <c r="C437" s="541">
        <v>1</v>
      </c>
      <c r="D437" s="542"/>
      <c r="E437" s="543" t="s">
        <v>440</v>
      </c>
      <c r="F437" s="544"/>
      <c r="G437" s="544"/>
      <c r="H437" s="544"/>
      <c r="I437" s="544"/>
      <c r="J437" s="544"/>
      <c r="K437" s="544"/>
      <c r="L437" s="544"/>
      <c r="M437" s="544"/>
      <c r="N437" s="544"/>
      <c r="O437" s="544"/>
      <c r="P437" s="544"/>
      <c r="Q437" s="544"/>
      <c r="R437" s="544"/>
      <c r="S437" s="544"/>
      <c r="T437" s="545"/>
      <c r="U437" s="219" t="s">
        <v>441</v>
      </c>
      <c r="V437" s="546" t="s">
        <v>101</v>
      </c>
      <c r="W437" s="547"/>
      <c r="X437" s="547"/>
      <c r="Y437" s="547"/>
      <c r="Z437" s="548"/>
      <c r="AA437" s="623" t="s">
        <v>102</v>
      </c>
      <c r="AB437" s="624"/>
      <c r="AC437" s="625"/>
      <c r="AD437" s="415">
        <v>10</v>
      </c>
      <c r="AE437" s="415" t="s">
        <v>103</v>
      </c>
      <c r="AF437" s="646"/>
      <c r="AG437" s="647"/>
      <c r="AH437" s="549"/>
      <c r="AI437" s="550"/>
      <c r="AJ437" s="551"/>
      <c r="AK437" s="351"/>
      <c r="AL437" s="29"/>
      <c r="AM437" s="16"/>
      <c r="AN437" s="3" t="str">
        <f>$J$21</f>
        <v>■</v>
      </c>
    </row>
    <row r="438" spans="1:40" ht="13.4" customHeight="1">
      <c r="A438" s="20"/>
      <c r="B438" s="25"/>
      <c r="C438" s="541">
        <v>2</v>
      </c>
      <c r="D438" s="542"/>
      <c r="E438" s="543" t="s">
        <v>442</v>
      </c>
      <c r="F438" s="544"/>
      <c r="G438" s="544"/>
      <c r="H438" s="544"/>
      <c r="I438" s="544"/>
      <c r="J438" s="544"/>
      <c r="K438" s="544"/>
      <c r="L438" s="544"/>
      <c r="M438" s="544"/>
      <c r="N438" s="544"/>
      <c r="O438" s="544"/>
      <c r="P438" s="544"/>
      <c r="Q438" s="544"/>
      <c r="R438" s="544"/>
      <c r="S438" s="544"/>
      <c r="T438" s="545"/>
      <c r="U438" s="219" t="s">
        <v>443</v>
      </c>
      <c r="V438" s="546" t="s">
        <v>101</v>
      </c>
      <c r="W438" s="547"/>
      <c r="X438" s="547"/>
      <c r="Y438" s="547"/>
      <c r="Z438" s="548"/>
      <c r="AA438" s="623" t="s">
        <v>102</v>
      </c>
      <c r="AB438" s="624"/>
      <c r="AC438" s="625"/>
      <c r="AD438" s="415">
        <v>51</v>
      </c>
      <c r="AE438" s="415" t="s">
        <v>103</v>
      </c>
      <c r="AF438" s="646"/>
      <c r="AG438" s="647"/>
      <c r="AH438" s="549"/>
      <c r="AI438" s="550"/>
      <c r="AJ438" s="551"/>
      <c r="AK438" s="351"/>
      <c r="AL438" s="29"/>
      <c r="AM438" s="16"/>
      <c r="AN438" s="3" t="str">
        <f t="shared" ref="AN438:AN457" si="14">$J$21</f>
        <v>■</v>
      </c>
    </row>
    <row r="439" spans="1:40" ht="13.4" customHeight="1">
      <c r="A439" s="20"/>
      <c r="B439" s="25"/>
      <c r="C439" s="552">
        <v>3</v>
      </c>
      <c r="D439" s="553"/>
      <c r="E439" s="566" t="s">
        <v>106</v>
      </c>
      <c r="F439" s="567"/>
      <c r="G439" s="567"/>
      <c r="H439" s="567"/>
      <c r="I439" s="567"/>
      <c r="J439" s="567"/>
      <c r="K439" s="567"/>
      <c r="L439" s="567"/>
      <c r="M439" s="567"/>
      <c r="N439" s="567"/>
      <c r="O439" s="567"/>
      <c r="P439" s="567"/>
      <c r="Q439" s="567"/>
      <c r="R439" s="567"/>
      <c r="S439" s="567"/>
      <c r="T439" s="568"/>
      <c r="U439" s="220" t="s">
        <v>444</v>
      </c>
      <c r="V439" s="557" t="s">
        <v>107</v>
      </c>
      <c r="W439" s="558"/>
      <c r="X439" s="558"/>
      <c r="Y439" s="558"/>
      <c r="Z439" s="559"/>
      <c r="AA439" s="626" t="s">
        <v>108</v>
      </c>
      <c r="AB439" s="627"/>
      <c r="AC439" s="628"/>
      <c r="AD439" s="419">
        <v>1</v>
      </c>
      <c r="AE439" s="419">
        <v>0</v>
      </c>
      <c r="AF439" s="569" t="s">
        <v>109</v>
      </c>
      <c r="AG439" s="570"/>
      <c r="AH439" s="560"/>
      <c r="AI439" s="561"/>
      <c r="AJ439" s="562"/>
      <c r="AK439" s="346" t="s">
        <v>391</v>
      </c>
      <c r="AL439" s="29"/>
      <c r="AM439" s="16"/>
      <c r="AN439" s="3" t="str">
        <f t="shared" si="14"/>
        <v>■</v>
      </c>
    </row>
    <row r="440" spans="1:40" ht="13.4" customHeight="1">
      <c r="A440" s="20"/>
      <c r="B440" s="25"/>
      <c r="C440" s="541">
        <v>4</v>
      </c>
      <c r="D440" s="542"/>
      <c r="E440" s="563" t="s">
        <v>110</v>
      </c>
      <c r="F440" s="564"/>
      <c r="G440" s="564"/>
      <c r="H440" s="564"/>
      <c r="I440" s="564"/>
      <c r="J440" s="564"/>
      <c r="K440" s="564"/>
      <c r="L440" s="564"/>
      <c r="M440" s="564"/>
      <c r="N440" s="564"/>
      <c r="O440" s="564"/>
      <c r="P440" s="564"/>
      <c r="Q440" s="564"/>
      <c r="R440" s="564"/>
      <c r="S440" s="564"/>
      <c r="T440" s="565"/>
      <c r="U440" s="221" t="s">
        <v>445</v>
      </c>
      <c r="V440" s="546" t="s">
        <v>107</v>
      </c>
      <c r="W440" s="547"/>
      <c r="X440" s="547"/>
      <c r="Y440" s="547"/>
      <c r="Z440" s="548"/>
      <c r="AA440" s="623" t="s">
        <v>108</v>
      </c>
      <c r="AB440" s="624"/>
      <c r="AC440" s="625"/>
      <c r="AD440" s="415">
        <v>1</v>
      </c>
      <c r="AE440" s="415">
        <v>0</v>
      </c>
      <c r="AF440" s="646"/>
      <c r="AG440" s="647"/>
      <c r="AH440" s="549"/>
      <c r="AI440" s="550"/>
      <c r="AJ440" s="551"/>
      <c r="AK440" s="265"/>
      <c r="AL440" s="29"/>
      <c r="AM440" s="16"/>
      <c r="AN440" s="3" t="str">
        <f t="shared" si="14"/>
        <v>■</v>
      </c>
    </row>
    <row r="441" spans="1:40" ht="13.4" customHeight="1">
      <c r="A441" s="20"/>
      <c r="B441" s="25"/>
      <c r="C441" s="541">
        <v>5</v>
      </c>
      <c r="D441" s="542"/>
      <c r="E441" s="543" t="s">
        <v>80</v>
      </c>
      <c r="F441" s="544"/>
      <c r="G441" s="544"/>
      <c r="H441" s="544"/>
      <c r="I441" s="544"/>
      <c r="J441" s="544"/>
      <c r="K441" s="544"/>
      <c r="L441" s="544"/>
      <c r="M441" s="544"/>
      <c r="N441" s="544"/>
      <c r="O441" s="544"/>
      <c r="P441" s="544"/>
      <c r="Q441" s="544"/>
      <c r="R441" s="544"/>
      <c r="S441" s="544"/>
      <c r="T441" s="545"/>
      <c r="U441" s="221" t="s">
        <v>446</v>
      </c>
      <c r="V441" s="546" t="s">
        <v>101</v>
      </c>
      <c r="W441" s="547"/>
      <c r="X441" s="547"/>
      <c r="Y441" s="547"/>
      <c r="Z441" s="548"/>
      <c r="AA441" s="623" t="s">
        <v>102</v>
      </c>
      <c r="AB441" s="624"/>
      <c r="AC441" s="625"/>
      <c r="AD441" s="415">
        <v>2</v>
      </c>
      <c r="AE441" s="415" t="s">
        <v>103</v>
      </c>
      <c r="AF441" s="646"/>
      <c r="AG441" s="647"/>
      <c r="AH441" s="549"/>
      <c r="AI441" s="550"/>
      <c r="AJ441" s="551"/>
      <c r="AK441" s="265"/>
      <c r="AL441" s="29"/>
      <c r="AM441" s="16"/>
      <c r="AN441" s="3" t="str">
        <f t="shared" si="14"/>
        <v>■</v>
      </c>
    </row>
    <row r="442" spans="1:40">
      <c r="A442" s="20"/>
      <c r="B442" s="25"/>
      <c r="C442" s="541">
        <v>6</v>
      </c>
      <c r="D442" s="542"/>
      <c r="E442" s="543" t="s">
        <v>1401</v>
      </c>
      <c r="F442" s="544"/>
      <c r="G442" s="544"/>
      <c r="H442" s="544"/>
      <c r="I442" s="544"/>
      <c r="J442" s="544"/>
      <c r="K442" s="544"/>
      <c r="L442" s="544"/>
      <c r="M442" s="544"/>
      <c r="N442" s="544"/>
      <c r="O442" s="544"/>
      <c r="P442" s="544"/>
      <c r="Q442" s="544"/>
      <c r="R442" s="544"/>
      <c r="S442" s="544"/>
      <c r="T442" s="545"/>
      <c r="U442" s="221" t="s">
        <v>1402</v>
      </c>
      <c r="V442" s="546" t="s">
        <v>107</v>
      </c>
      <c r="W442" s="547"/>
      <c r="X442" s="547"/>
      <c r="Y442" s="547"/>
      <c r="Z442" s="548"/>
      <c r="AA442" s="623" t="s">
        <v>102</v>
      </c>
      <c r="AB442" s="624"/>
      <c r="AC442" s="625"/>
      <c r="AD442" s="415">
        <v>8</v>
      </c>
      <c r="AE442" s="415" t="s">
        <v>103</v>
      </c>
      <c r="AF442" s="646"/>
      <c r="AG442" s="647"/>
      <c r="AH442" s="549"/>
      <c r="AI442" s="550"/>
      <c r="AJ442" s="551"/>
      <c r="AK442" s="265"/>
      <c r="AL442" s="29"/>
      <c r="AM442" s="16"/>
      <c r="AN442" s="3" t="str">
        <f t="shared" si="14"/>
        <v>■</v>
      </c>
    </row>
    <row r="443" spans="1:40">
      <c r="A443" s="20"/>
      <c r="B443" s="25"/>
      <c r="C443" s="541">
        <v>7</v>
      </c>
      <c r="D443" s="542"/>
      <c r="E443" s="543" t="s">
        <v>1403</v>
      </c>
      <c r="F443" s="544"/>
      <c r="G443" s="544"/>
      <c r="H443" s="544"/>
      <c r="I443" s="544"/>
      <c r="J443" s="544"/>
      <c r="K443" s="544"/>
      <c r="L443" s="544"/>
      <c r="M443" s="544"/>
      <c r="N443" s="544"/>
      <c r="O443" s="544"/>
      <c r="P443" s="544"/>
      <c r="Q443" s="544"/>
      <c r="R443" s="544"/>
      <c r="S443" s="544"/>
      <c r="T443" s="545"/>
      <c r="U443" s="221" t="s">
        <v>1404</v>
      </c>
      <c r="V443" s="546" t="s">
        <v>107</v>
      </c>
      <c r="W443" s="547"/>
      <c r="X443" s="547"/>
      <c r="Y443" s="547"/>
      <c r="Z443" s="548"/>
      <c r="AA443" s="623" t="s">
        <v>102</v>
      </c>
      <c r="AB443" s="624"/>
      <c r="AC443" s="625"/>
      <c r="AD443" s="415">
        <v>8</v>
      </c>
      <c r="AE443" s="415" t="s">
        <v>103</v>
      </c>
      <c r="AF443" s="646"/>
      <c r="AG443" s="647"/>
      <c r="AH443" s="549"/>
      <c r="AI443" s="550"/>
      <c r="AJ443" s="551"/>
      <c r="AK443" s="265"/>
      <c r="AL443" s="29"/>
      <c r="AM443" s="16"/>
      <c r="AN443" s="3" t="str">
        <f t="shared" si="14"/>
        <v>■</v>
      </c>
    </row>
    <row r="444" spans="1:40">
      <c r="A444" s="20"/>
      <c r="B444" s="25"/>
      <c r="C444" s="541">
        <v>8</v>
      </c>
      <c r="D444" s="542"/>
      <c r="E444" s="543" t="s">
        <v>1405</v>
      </c>
      <c r="F444" s="544"/>
      <c r="G444" s="544"/>
      <c r="H444" s="544"/>
      <c r="I444" s="544"/>
      <c r="J444" s="544"/>
      <c r="K444" s="544"/>
      <c r="L444" s="544"/>
      <c r="M444" s="544"/>
      <c r="N444" s="544"/>
      <c r="O444" s="544"/>
      <c r="P444" s="544"/>
      <c r="Q444" s="544"/>
      <c r="R444" s="544"/>
      <c r="S444" s="544"/>
      <c r="T444" s="545"/>
      <c r="U444" s="221" t="s">
        <v>1406</v>
      </c>
      <c r="V444" s="546" t="s">
        <v>107</v>
      </c>
      <c r="W444" s="547"/>
      <c r="X444" s="547"/>
      <c r="Y444" s="547"/>
      <c r="Z444" s="548"/>
      <c r="AA444" s="623" t="s">
        <v>108</v>
      </c>
      <c r="AB444" s="624"/>
      <c r="AC444" s="625"/>
      <c r="AD444" s="415">
        <v>2</v>
      </c>
      <c r="AE444" s="415">
        <v>0</v>
      </c>
      <c r="AF444" s="646"/>
      <c r="AG444" s="647"/>
      <c r="AH444" s="549"/>
      <c r="AI444" s="550"/>
      <c r="AJ444" s="551"/>
      <c r="AK444" s="265"/>
      <c r="AL444" s="29"/>
      <c r="AM444" s="16"/>
      <c r="AN444" s="3" t="str">
        <f t="shared" si="14"/>
        <v>■</v>
      </c>
    </row>
    <row r="445" spans="1:40">
      <c r="A445" s="20"/>
      <c r="B445" s="25"/>
      <c r="C445" s="541">
        <v>9</v>
      </c>
      <c r="D445" s="542"/>
      <c r="E445" s="543" t="s">
        <v>1762</v>
      </c>
      <c r="F445" s="544"/>
      <c r="G445" s="544"/>
      <c r="H445" s="544"/>
      <c r="I445" s="544"/>
      <c r="J445" s="544"/>
      <c r="K445" s="544"/>
      <c r="L445" s="544"/>
      <c r="M445" s="544"/>
      <c r="N445" s="544"/>
      <c r="O445" s="544"/>
      <c r="P445" s="544"/>
      <c r="Q445" s="544"/>
      <c r="R445" s="544"/>
      <c r="S445" s="544"/>
      <c r="T445" s="545"/>
      <c r="U445" s="221" t="s">
        <v>1763</v>
      </c>
      <c r="V445" s="546" t="s">
        <v>107</v>
      </c>
      <c r="W445" s="547"/>
      <c r="X445" s="547"/>
      <c r="Y445" s="547"/>
      <c r="Z445" s="548"/>
      <c r="AA445" s="623" t="s">
        <v>108</v>
      </c>
      <c r="AB445" s="624"/>
      <c r="AC445" s="625"/>
      <c r="AD445" s="415">
        <v>2</v>
      </c>
      <c r="AE445" s="415">
        <v>0</v>
      </c>
      <c r="AF445" s="646"/>
      <c r="AG445" s="647"/>
      <c r="AH445" s="549"/>
      <c r="AI445" s="550"/>
      <c r="AJ445" s="551"/>
      <c r="AK445" s="265"/>
      <c r="AL445" s="29"/>
      <c r="AM445" s="16"/>
      <c r="AN445" s="3" t="str">
        <f t="shared" si="14"/>
        <v>■</v>
      </c>
    </row>
    <row r="446" spans="1:40">
      <c r="A446" s="20"/>
      <c r="B446" s="25"/>
      <c r="C446" s="541">
        <v>10</v>
      </c>
      <c r="D446" s="542"/>
      <c r="E446" s="543" t="s">
        <v>1764</v>
      </c>
      <c r="F446" s="544"/>
      <c r="G446" s="544"/>
      <c r="H446" s="544"/>
      <c r="I446" s="544"/>
      <c r="J446" s="544"/>
      <c r="K446" s="544"/>
      <c r="L446" s="544"/>
      <c r="M446" s="544"/>
      <c r="N446" s="544"/>
      <c r="O446" s="544"/>
      <c r="P446" s="544"/>
      <c r="Q446" s="544"/>
      <c r="R446" s="544"/>
      <c r="S446" s="544"/>
      <c r="T446" s="545"/>
      <c r="U446" s="221" t="s">
        <v>1765</v>
      </c>
      <c r="V446" s="546" t="s">
        <v>107</v>
      </c>
      <c r="W446" s="547"/>
      <c r="X446" s="547"/>
      <c r="Y446" s="547"/>
      <c r="Z446" s="548"/>
      <c r="AA446" s="623" t="s">
        <v>108</v>
      </c>
      <c r="AB446" s="624"/>
      <c r="AC446" s="625"/>
      <c r="AD446" s="415">
        <v>7</v>
      </c>
      <c r="AE446" s="415">
        <v>0</v>
      </c>
      <c r="AF446" s="646"/>
      <c r="AG446" s="647"/>
      <c r="AH446" s="549"/>
      <c r="AI446" s="550"/>
      <c r="AJ446" s="551"/>
      <c r="AK446" s="265"/>
      <c r="AL446" s="29"/>
      <c r="AM446" s="16"/>
      <c r="AN446" s="3" t="str">
        <f t="shared" si="14"/>
        <v>■</v>
      </c>
    </row>
    <row r="447" spans="1:40">
      <c r="A447" s="20"/>
      <c r="B447" s="25"/>
      <c r="C447" s="541">
        <v>11</v>
      </c>
      <c r="D447" s="542"/>
      <c r="E447" s="543" t="s">
        <v>1766</v>
      </c>
      <c r="F447" s="544"/>
      <c r="G447" s="544"/>
      <c r="H447" s="544"/>
      <c r="I447" s="544"/>
      <c r="J447" s="544"/>
      <c r="K447" s="544"/>
      <c r="L447" s="544"/>
      <c r="M447" s="544"/>
      <c r="N447" s="544"/>
      <c r="O447" s="544"/>
      <c r="P447" s="544"/>
      <c r="Q447" s="544"/>
      <c r="R447" s="544"/>
      <c r="S447" s="544"/>
      <c r="T447" s="545"/>
      <c r="U447" s="221" t="s">
        <v>1767</v>
      </c>
      <c r="V447" s="546" t="s">
        <v>107</v>
      </c>
      <c r="W447" s="547"/>
      <c r="X447" s="547"/>
      <c r="Y447" s="547"/>
      <c r="Z447" s="548"/>
      <c r="AA447" s="623" t="s">
        <v>108</v>
      </c>
      <c r="AB447" s="624"/>
      <c r="AC447" s="625"/>
      <c r="AD447" s="415">
        <v>7</v>
      </c>
      <c r="AE447" s="415">
        <v>0</v>
      </c>
      <c r="AF447" s="646"/>
      <c r="AG447" s="647"/>
      <c r="AH447" s="549"/>
      <c r="AI447" s="550"/>
      <c r="AJ447" s="551"/>
      <c r="AK447" s="265"/>
      <c r="AL447" s="29"/>
      <c r="AM447" s="16"/>
      <c r="AN447" s="3" t="str">
        <f t="shared" si="14"/>
        <v>■</v>
      </c>
    </row>
    <row r="448" spans="1:40">
      <c r="A448" s="20"/>
      <c r="B448" s="25"/>
      <c r="C448" s="541">
        <v>12</v>
      </c>
      <c r="D448" s="542"/>
      <c r="E448" s="543" t="s">
        <v>1768</v>
      </c>
      <c r="F448" s="544"/>
      <c r="G448" s="544"/>
      <c r="H448" s="544"/>
      <c r="I448" s="544"/>
      <c r="J448" s="544"/>
      <c r="K448" s="544"/>
      <c r="L448" s="544"/>
      <c r="M448" s="544"/>
      <c r="N448" s="544"/>
      <c r="O448" s="544"/>
      <c r="P448" s="544"/>
      <c r="Q448" s="544"/>
      <c r="R448" s="544"/>
      <c r="S448" s="544"/>
      <c r="T448" s="545"/>
      <c r="U448" s="221" t="s">
        <v>1769</v>
      </c>
      <c r="V448" s="546" t="s">
        <v>107</v>
      </c>
      <c r="W448" s="547"/>
      <c r="X448" s="547"/>
      <c r="Y448" s="547"/>
      <c r="Z448" s="548"/>
      <c r="AA448" s="623" t="s">
        <v>108</v>
      </c>
      <c r="AB448" s="624"/>
      <c r="AC448" s="625"/>
      <c r="AD448" s="415">
        <v>7</v>
      </c>
      <c r="AE448" s="415">
        <v>0</v>
      </c>
      <c r="AF448" s="646"/>
      <c r="AG448" s="647"/>
      <c r="AH448" s="549"/>
      <c r="AI448" s="550"/>
      <c r="AJ448" s="551"/>
      <c r="AK448" s="265"/>
      <c r="AL448" s="29"/>
      <c r="AM448" s="16"/>
      <c r="AN448" s="3" t="str">
        <f t="shared" si="14"/>
        <v>■</v>
      </c>
    </row>
    <row r="449" spans="1:40">
      <c r="A449" s="20"/>
      <c r="B449" s="25"/>
      <c r="C449" s="541">
        <v>13</v>
      </c>
      <c r="D449" s="542"/>
      <c r="E449" s="543" t="s">
        <v>1770</v>
      </c>
      <c r="F449" s="544"/>
      <c r="G449" s="544"/>
      <c r="H449" s="544"/>
      <c r="I449" s="544"/>
      <c r="J449" s="544"/>
      <c r="K449" s="544"/>
      <c r="L449" s="544"/>
      <c r="M449" s="544"/>
      <c r="N449" s="544"/>
      <c r="O449" s="544"/>
      <c r="P449" s="544"/>
      <c r="Q449" s="544"/>
      <c r="R449" s="544"/>
      <c r="S449" s="544"/>
      <c r="T449" s="545"/>
      <c r="U449" s="221" t="s">
        <v>1771</v>
      </c>
      <c r="V449" s="546" t="s">
        <v>107</v>
      </c>
      <c r="W449" s="547"/>
      <c r="X449" s="547"/>
      <c r="Y449" s="547"/>
      <c r="Z449" s="548"/>
      <c r="AA449" s="623" t="s">
        <v>108</v>
      </c>
      <c r="AB449" s="624"/>
      <c r="AC449" s="625"/>
      <c r="AD449" s="415">
        <v>7</v>
      </c>
      <c r="AE449" s="415">
        <v>0</v>
      </c>
      <c r="AF449" s="646"/>
      <c r="AG449" s="647"/>
      <c r="AH449" s="549"/>
      <c r="AI449" s="550"/>
      <c r="AJ449" s="551"/>
      <c r="AK449" s="265"/>
      <c r="AL449" s="29"/>
      <c r="AM449" s="16"/>
      <c r="AN449" s="3" t="str">
        <f t="shared" si="14"/>
        <v>■</v>
      </c>
    </row>
    <row r="450" spans="1:40">
      <c r="A450" s="20"/>
      <c r="B450" s="25"/>
      <c r="C450" s="541">
        <v>14</v>
      </c>
      <c r="D450" s="542"/>
      <c r="E450" s="543" t="s">
        <v>1772</v>
      </c>
      <c r="F450" s="544"/>
      <c r="G450" s="544"/>
      <c r="H450" s="544"/>
      <c r="I450" s="544"/>
      <c r="J450" s="544"/>
      <c r="K450" s="544"/>
      <c r="L450" s="544"/>
      <c r="M450" s="544"/>
      <c r="N450" s="544"/>
      <c r="O450" s="544"/>
      <c r="P450" s="544"/>
      <c r="Q450" s="544"/>
      <c r="R450" s="544"/>
      <c r="S450" s="544"/>
      <c r="T450" s="545"/>
      <c r="U450" s="221" t="s">
        <v>1773</v>
      </c>
      <c r="V450" s="546" t="s">
        <v>107</v>
      </c>
      <c r="W450" s="547"/>
      <c r="X450" s="547"/>
      <c r="Y450" s="547"/>
      <c r="Z450" s="548"/>
      <c r="AA450" s="623" t="s">
        <v>108</v>
      </c>
      <c r="AB450" s="624"/>
      <c r="AC450" s="625"/>
      <c r="AD450" s="415">
        <v>7</v>
      </c>
      <c r="AE450" s="415">
        <v>0</v>
      </c>
      <c r="AF450" s="646"/>
      <c r="AG450" s="647"/>
      <c r="AH450" s="549"/>
      <c r="AI450" s="550"/>
      <c r="AJ450" s="551"/>
      <c r="AK450" s="265"/>
      <c r="AL450" s="29"/>
      <c r="AM450" s="16"/>
      <c r="AN450" s="3" t="str">
        <f t="shared" si="14"/>
        <v>■</v>
      </c>
    </row>
    <row r="451" spans="1:40">
      <c r="A451" s="20"/>
      <c r="B451" s="25"/>
      <c r="C451" s="541">
        <v>15</v>
      </c>
      <c r="D451" s="542"/>
      <c r="E451" s="543" t="s">
        <v>1774</v>
      </c>
      <c r="F451" s="544"/>
      <c r="G451" s="544"/>
      <c r="H451" s="544"/>
      <c r="I451" s="544"/>
      <c r="J451" s="544"/>
      <c r="K451" s="544"/>
      <c r="L451" s="544"/>
      <c r="M451" s="544"/>
      <c r="N451" s="544"/>
      <c r="O451" s="544"/>
      <c r="P451" s="544"/>
      <c r="Q451" s="544"/>
      <c r="R451" s="544"/>
      <c r="S451" s="544"/>
      <c r="T451" s="545"/>
      <c r="U451" s="221" t="s">
        <v>1775</v>
      </c>
      <c r="V451" s="546" t="s">
        <v>107</v>
      </c>
      <c r="W451" s="547"/>
      <c r="X451" s="547"/>
      <c r="Y451" s="547"/>
      <c r="Z451" s="548"/>
      <c r="AA451" s="623" t="s">
        <v>108</v>
      </c>
      <c r="AB451" s="624"/>
      <c r="AC451" s="625"/>
      <c r="AD451" s="415">
        <v>7</v>
      </c>
      <c r="AE451" s="415">
        <v>0</v>
      </c>
      <c r="AF451" s="646"/>
      <c r="AG451" s="647"/>
      <c r="AH451" s="549"/>
      <c r="AI451" s="550"/>
      <c r="AJ451" s="551"/>
      <c r="AK451" s="265"/>
      <c r="AL451" s="29"/>
      <c r="AM451" s="16"/>
      <c r="AN451" s="3" t="str">
        <f t="shared" si="14"/>
        <v>■</v>
      </c>
    </row>
    <row r="452" spans="1:40">
      <c r="A452" s="20"/>
      <c r="B452" s="25"/>
      <c r="C452" s="541">
        <v>16</v>
      </c>
      <c r="D452" s="542"/>
      <c r="E452" s="543" t="s">
        <v>1776</v>
      </c>
      <c r="F452" s="544"/>
      <c r="G452" s="544"/>
      <c r="H452" s="544"/>
      <c r="I452" s="544"/>
      <c r="J452" s="544"/>
      <c r="K452" s="544"/>
      <c r="L452" s="544"/>
      <c r="M452" s="544"/>
      <c r="N452" s="544"/>
      <c r="O452" s="544"/>
      <c r="P452" s="544"/>
      <c r="Q452" s="544"/>
      <c r="R452" s="544"/>
      <c r="S452" s="544"/>
      <c r="T452" s="545"/>
      <c r="U452" s="221" t="s">
        <v>1777</v>
      </c>
      <c r="V452" s="546" t="s">
        <v>107</v>
      </c>
      <c r="W452" s="547"/>
      <c r="X452" s="547"/>
      <c r="Y452" s="547"/>
      <c r="Z452" s="548"/>
      <c r="AA452" s="623" t="s">
        <v>108</v>
      </c>
      <c r="AB452" s="624"/>
      <c r="AC452" s="625"/>
      <c r="AD452" s="415">
        <v>7</v>
      </c>
      <c r="AE452" s="415">
        <v>0</v>
      </c>
      <c r="AF452" s="646"/>
      <c r="AG452" s="647"/>
      <c r="AH452" s="549"/>
      <c r="AI452" s="550"/>
      <c r="AJ452" s="551"/>
      <c r="AK452" s="265"/>
      <c r="AL452" s="29"/>
      <c r="AM452" s="16"/>
      <c r="AN452" s="3" t="str">
        <f t="shared" si="14"/>
        <v>■</v>
      </c>
    </row>
    <row r="453" spans="1:40">
      <c r="A453" s="20"/>
      <c r="B453" s="25"/>
      <c r="C453" s="541">
        <v>17</v>
      </c>
      <c r="D453" s="542"/>
      <c r="E453" s="543" t="s">
        <v>1778</v>
      </c>
      <c r="F453" s="544"/>
      <c r="G453" s="544"/>
      <c r="H453" s="544"/>
      <c r="I453" s="544"/>
      <c r="J453" s="544"/>
      <c r="K453" s="544"/>
      <c r="L453" s="544"/>
      <c r="M453" s="544"/>
      <c r="N453" s="544"/>
      <c r="O453" s="544"/>
      <c r="P453" s="544"/>
      <c r="Q453" s="544"/>
      <c r="R453" s="544"/>
      <c r="S453" s="544"/>
      <c r="T453" s="545"/>
      <c r="U453" s="221" t="s">
        <v>1779</v>
      </c>
      <c r="V453" s="546" t="s">
        <v>107</v>
      </c>
      <c r="W453" s="547"/>
      <c r="X453" s="547"/>
      <c r="Y453" s="547"/>
      <c r="Z453" s="548"/>
      <c r="AA453" s="623" t="s">
        <v>108</v>
      </c>
      <c r="AB453" s="624"/>
      <c r="AC453" s="625"/>
      <c r="AD453" s="415">
        <v>7</v>
      </c>
      <c r="AE453" s="415">
        <v>0</v>
      </c>
      <c r="AF453" s="646"/>
      <c r="AG453" s="647"/>
      <c r="AH453" s="549"/>
      <c r="AI453" s="550"/>
      <c r="AJ453" s="551"/>
      <c r="AK453" s="337"/>
      <c r="AL453" s="29"/>
      <c r="AM453" s="16"/>
      <c r="AN453" s="3" t="str">
        <f t="shared" si="14"/>
        <v>■</v>
      </c>
    </row>
    <row r="454" spans="1:40">
      <c r="A454" s="20"/>
      <c r="B454" s="25"/>
      <c r="C454" s="541">
        <v>18</v>
      </c>
      <c r="D454" s="542"/>
      <c r="E454" s="543" t="s">
        <v>1780</v>
      </c>
      <c r="F454" s="544"/>
      <c r="G454" s="544"/>
      <c r="H454" s="544"/>
      <c r="I454" s="544"/>
      <c r="J454" s="544"/>
      <c r="K454" s="544"/>
      <c r="L454" s="544"/>
      <c r="M454" s="544"/>
      <c r="N454" s="544"/>
      <c r="O454" s="544"/>
      <c r="P454" s="544"/>
      <c r="Q454" s="544"/>
      <c r="R454" s="544"/>
      <c r="S454" s="544"/>
      <c r="T454" s="545"/>
      <c r="U454" s="221" t="s">
        <v>1781</v>
      </c>
      <c r="V454" s="546" t="s">
        <v>107</v>
      </c>
      <c r="W454" s="547"/>
      <c r="X454" s="547"/>
      <c r="Y454" s="547"/>
      <c r="Z454" s="548"/>
      <c r="AA454" s="623" t="s">
        <v>108</v>
      </c>
      <c r="AB454" s="624"/>
      <c r="AC454" s="625"/>
      <c r="AD454" s="415">
        <v>7</v>
      </c>
      <c r="AE454" s="415">
        <v>0</v>
      </c>
      <c r="AF454" s="646"/>
      <c r="AG454" s="647"/>
      <c r="AH454" s="549"/>
      <c r="AI454" s="550"/>
      <c r="AJ454" s="551"/>
      <c r="AK454" s="337"/>
      <c r="AL454" s="29"/>
      <c r="AM454" s="16"/>
      <c r="AN454" s="3" t="str">
        <f t="shared" si="14"/>
        <v>■</v>
      </c>
    </row>
    <row r="455" spans="1:40">
      <c r="A455" s="20"/>
      <c r="B455" s="25"/>
      <c r="C455" s="541">
        <v>19</v>
      </c>
      <c r="D455" s="542"/>
      <c r="E455" s="543" t="s">
        <v>1782</v>
      </c>
      <c r="F455" s="544"/>
      <c r="G455" s="544"/>
      <c r="H455" s="544"/>
      <c r="I455" s="544"/>
      <c r="J455" s="544"/>
      <c r="K455" s="544"/>
      <c r="L455" s="544"/>
      <c r="M455" s="544"/>
      <c r="N455" s="544"/>
      <c r="O455" s="544"/>
      <c r="P455" s="544"/>
      <c r="Q455" s="544"/>
      <c r="R455" s="544"/>
      <c r="S455" s="544"/>
      <c r="T455" s="545"/>
      <c r="U455" s="221" t="s">
        <v>1783</v>
      </c>
      <c r="V455" s="546" t="s">
        <v>107</v>
      </c>
      <c r="W455" s="547"/>
      <c r="X455" s="547"/>
      <c r="Y455" s="547"/>
      <c r="Z455" s="548"/>
      <c r="AA455" s="623" t="s">
        <v>108</v>
      </c>
      <c r="AB455" s="624"/>
      <c r="AC455" s="625"/>
      <c r="AD455" s="415">
        <v>7</v>
      </c>
      <c r="AE455" s="415">
        <v>0</v>
      </c>
      <c r="AF455" s="646"/>
      <c r="AG455" s="647"/>
      <c r="AH455" s="549"/>
      <c r="AI455" s="550"/>
      <c r="AJ455" s="551"/>
      <c r="AK455" s="337"/>
      <c r="AL455" s="29"/>
      <c r="AM455" s="16"/>
      <c r="AN455" s="3" t="str">
        <f t="shared" si="14"/>
        <v>■</v>
      </c>
    </row>
    <row r="456" spans="1:40">
      <c r="A456" s="20"/>
      <c r="B456" s="25"/>
      <c r="C456" s="541">
        <v>20</v>
      </c>
      <c r="D456" s="542"/>
      <c r="E456" s="543" t="s">
        <v>1351</v>
      </c>
      <c r="F456" s="544"/>
      <c r="G456" s="544"/>
      <c r="H456" s="544"/>
      <c r="I456" s="544"/>
      <c r="J456" s="544"/>
      <c r="K456" s="544"/>
      <c r="L456" s="544"/>
      <c r="M456" s="544"/>
      <c r="N456" s="544"/>
      <c r="O456" s="544"/>
      <c r="P456" s="544"/>
      <c r="Q456" s="544"/>
      <c r="R456" s="544"/>
      <c r="S456" s="544"/>
      <c r="T456" s="545"/>
      <c r="U456" s="221" t="s">
        <v>453</v>
      </c>
      <c r="V456" s="546" t="s">
        <v>107</v>
      </c>
      <c r="W456" s="547"/>
      <c r="X456" s="547"/>
      <c r="Y456" s="547"/>
      <c r="Z456" s="548"/>
      <c r="AA456" s="623" t="s">
        <v>102</v>
      </c>
      <c r="AB456" s="624"/>
      <c r="AC456" s="625"/>
      <c r="AD456" s="415">
        <v>6</v>
      </c>
      <c r="AE456" s="415" t="s">
        <v>103</v>
      </c>
      <c r="AF456" s="646"/>
      <c r="AG456" s="647"/>
      <c r="AH456" s="549"/>
      <c r="AI456" s="550"/>
      <c r="AJ456" s="551"/>
      <c r="AK456" s="265"/>
      <c r="AL456" s="29"/>
      <c r="AM456" s="16"/>
      <c r="AN456" s="3" t="str">
        <f t="shared" si="14"/>
        <v>■</v>
      </c>
    </row>
    <row r="457" spans="1:40">
      <c r="A457" s="20"/>
      <c r="B457" s="25"/>
      <c r="C457" s="541">
        <v>21</v>
      </c>
      <c r="D457" s="542"/>
      <c r="E457" s="543" t="s">
        <v>411</v>
      </c>
      <c r="F457" s="544"/>
      <c r="G457" s="544"/>
      <c r="H457" s="544"/>
      <c r="I457" s="544"/>
      <c r="J457" s="544"/>
      <c r="K457" s="544"/>
      <c r="L457" s="544"/>
      <c r="M457" s="544"/>
      <c r="N457" s="544"/>
      <c r="O457" s="544"/>
      <c r="P457" s="544"/>
      <c r="Q457" s="544"/>
      <c r="R457" s="544"/>
      <c r="S457" s="544"/>
      <c r="T457" s="545"/>
      <c r="U457" s="221" t="s">
        <v>516</v>
      </c>
      <c r="V457" s="546" t="s">
        <v>107</v>
      </c>
      <c r="W457" s="547"/>
      <c r="X457" s="547"/>
      <c r="Y457" s="547"/>
      <c r="Z457" s="548"/>
      <c r="AA457" s="623" t="s">
        <v>102</v>
      </c>
      <c r="AB457" s="624"/>
      <c r="AC457" s="625"/>
      <c r="AD457" s="415">
        <v>6</v>
      </c>
      <c r="AE457" s="415" t="s">
        <v>103</v>
      </c>
      <c r="AF457" s="646"/>
      <c r="AG457" s="647"/>
      <c r="AH457" s="549"/>
      <c r="AI457" s="550"/>
      <c r="AJ457" s="551"/>
      <c r="AK457" s="339"/>
      <c r="AL457" s="29"/>
      <c r="AM457" s="16"/>
      <c r="AN457" s="3" t="str">
        <f t="shared" si="14"/>
        <v>■</v>
      </c>
    </row>
    <row r="458" spans="1:40" ht="13.4" customHeight="1">
      <c r="A458" s="20"/>
      <c r="B458" s="25"/>
      <c r="C458" s="124"/>
      <c r="D458" s="124"/>
      <c r="E458" s="207"/>
      <c r="F458" s="207"/>
      <c r="G458" s="207"/>
      <c r="H458" s="207"/>
      <c r="I458" s="207"/>
      <c r="J458" s="207"/>
      <c r="K458" s="207"/>
      <c r="L458" s="207"/>
      <c r="M458" s="207"/>
      <c r="N458" s="207"/>
      <c r="O458" s="207"/>
      <c r="P458" s="207"/>
      <c r="Q458" s="207"/>
      <c r="R458" s="207"/>
      <c r="S458" s="207"/>
      <c r="T458" s="207"/>
      <c r="U458" s="214"/>
      <c r="V458" s="205"/>
      <c r="W458" s="205"/>
      <c r="X458" s="205"/>
      <c r="Y458" s="205"/>
      <c r="Z458" s="205"/>
      <c r="AA458" s="619"/>
      <c r="AB458" s="619"/>
      <c r="AC458" s="619"/>
      <c r="AD458" s="206"/>
      <c r="AE458" s="206"/>
      <c r="AF458" s="326"/>
      <c r="AG458" s="412"/>
      <c r="AH458" s="238"/>
      <c r="AI458" s="238"/>
      <c r="AJ458" s="238"/>
      <c r="AK458" s="26"/>
      <c r="AL458" s="29"/>
      <c r="AM458" s="16"/>
    </row>
    <row r="459" spans="1:40" ht="13.4" customHeight="1">
      <c r="A459" s="20"/>
      <c r="B459" s="25"/>
      <c r="C459" s="52" t="s">
        <v>380</v>
      </c>
      <c r="D459" s="124"/>
      <c r="E459" s="207"/>
      <c r="F459" s="207"/>
      <c r="G459" s="207"/>
      <c r="H459" s="207"/>
      <c r="I459" s="207"/>
      <c r="J459" s="207" t="s">
        <v>777</v>
      </c>
      <c r="K459" s="207"/>
      <c r="L459" s="207"/>
      <c r="M459" s="207"/>
      <c r="N459" s="207"/>
      <c r="O459" s="207"/>
      <c r="P459" s="207"/>
      <c r="Q459" s="207"/>
      <c r="R459" s="207"/>
      <c r="S459" s="207"/>
      <c r="T459" s="207"/>
      <c r="U459" s="214" t="s">
        <v>1784</v>
      </c>
      <c r="V459" s="205"/>
      <c r="W459" s="205"/>
      <c r="X459" s="205"/>
      <c r="Y459" s="205"/>
      <c r="Z459" s="205"/>
      <c r="AA459" s="620"/>
      <c r="AB459" s="620"/>
      <c r="AC459" s="620"/>
      <c r="AD459" s="206"/>
      <c r="AE459" s="206"/>
      <c r="AF459" s="326"/>
      <c r="AG459" s="239"/>
      <c r="AH459" s="238"/>
      <c r="AI459" s="238"/>
      <c r="AJ459" s="238"/>
      <c r="AK459" s="26"/>
      <c r="AL459" s="29"/>
      <c r="AM459" s="16"/>
    </row>
    <row r="460" spans="1:40" ht="13.4" customHeight="1">
      <c r="A460" s="20"/>
      <c r="B460" s="25"/>
      <c r="C460" s="583" t="s">
        <v>73</v>
      </c>
      <c r="D460" s="573"/>
      <c r="E460" s="583" t="s">
        <v>94</v>
      </c>
      <c r="F460" s="583"/>
      <c r="G460" s="583"/>
      <c r="H460" s="583"/>
      <c r="I460" s="583"/>
      <c r="J460" s="583"/>
      <c r="K460" s="583"/>
      <c r="L460" s="583"/>
      <c r="M460" s="583"/>
      <c r="N460" s="583"/>
      <c r="O460" s="583"/>
      <c r="P460" s="583"/>
      <c r="Q460" s="583"/>
      <c r="R460" s="583"/>
      <c r="S460" s="583"/>
      <c r="T460" s="583"/>
      <c r="U460" s="226" t="s">
        <v>383</v>
      </c>
      <c r="V460" s="572" t="s">
        <v>138</v>
      </c>
      <c r="W460" s="572"/>
      <c r="X460" s="572"/>
      <c r="Y460" s="572"/>
      <c r="Z460" s="572"/>
      <c r="AA460" s="598" t="s">
        <v>959</v>
      </c>
      <c r="AB460" s="599"/>
      <c r="AC460" s="600"/>
      <c r="AD460" s="572" t="s">
        <v>97</v>
      </c>
      <c r="AE460" s="572"/>
      <c r="AF460" s="572" t="s">
        <v>98</v>
      </c>
      <c r="AG460" s="572"/>
      <c r="AH460" s="583" t="s">
        <v>75</v>
      </c>
      <c r="AI460" s="583"/>
      <c r="AJ460" s="583"/>
      <c r="AK460" s="581" t="s">
        <v>159</v>
      </c>
      <c r="AL460" s="29"/>
      <c r="AM460" s="16"/>
    </row>
    <row r="461" spans="1:40" ht="13.4" customHeight="1">
      <c r="A461" s="20"/>
      <c r="B461" s="25"/>
      <c r="C461" s="573"/>
      <c r="D461" s="573"/>
      <c r="E461" s="583"/>
      <c r="F461" s="583"/>
      <c r="G461" s="583"/>
      <c r="H461" s="583"/>
      <c r="I461" s="583"/>
      <c r="J461" s="583"/>
      <c r="K461" s="583"/>
      <c r="L461" s="583"/>
      <c r="M461" s="583"/>
      <c r="N461" s="583"/>
      <c r="O461" s="583"/>
      <c r="P461" s="583"/>
      <c r="Q461" s="583"/>
      <c r="R461" s="583"/>
      <c r="S461" s="583"/>
      <c r="T461" s="583"/>
      <c r="U461" s="227"/>
      <c r="V461" s="572"/>
      <c r="W461" s="572"/>
      <c r="X461" s="572"/>
      <c r="Y461" s="572"/>
      <c r="Z461" s="572"/>
      <c r="AA461" s="601"/>
      <c r="AB461" s="602"/>
      <c r="AC461" s="603"/>
      <c r="AD461" s="572"/>
      <c r="AE461" s="572"/>
      <c r="AF461" s="572"/>
      <c r="AG461" s="572"/>
      <c r="AH461" s="583"/>
      <c r="AI461" s="583"/>
      <c r="AJ461" s="583"/>
      <c r="AK461" s="582"/>
      <c r="AL461" s="29"/>
      <c r="AM461" s="16"/>
    </row>
    <row r="462" spans="1:40" ht="13.4" customHeight="1">
      <c r="A462" s="20"/>
      <c r="B462" s="25"/>
      <c r="C462" s="541">
        <v>1</v>
      </c>
      <c r="D462" s="542"/>
      <c r="E462" s="543" t="s">
        <v>440</v>
      </c>
      <c r="F462" s="544"/>
      <c r="G462" s="544"/>
      <c r="H462" s="544"/>
      <c r="I462" s="544"/>
      <c r="J462" s="544"/>
      <c r="K462" s="544"/>
      <c r="L462" s="544"/>
      <c r="M462" s="544"/>
      <c r="N462" s="544"/>
      <c r="O462" s="544"/>
      <c r="P462" s="544"/>
      <c r="Q462" s="544"/>
      <c r="R462" s="544"/>
      <c r="S462" s="544"/>
      <c r="T462" s="545"/>
      <c r="U462" s="219" t="s">
        <v>441</v>
      </c>
      <c r="V462" s="546" t="s">
        <v>101</v>
      </c>
      <c r="W462" s="547"/>
      <c r="X462" s="547"/>
      <c r="Y462" s="547"/>
      <c r="Z462" s="548"/>
      <c r="AA462" s="546" t="s">
        <v>102</v>
      </c>
      <c r="AB462" s="547"/>
      <c r="AC462" s="548"/>
      <c r="AD462" s="415">
        <v>10</v>
      </c>
      <c r="AE462" s="415" t="s">
        <v>103</v>
      </c>
      <c r="AF462" s="646"/>
      <c r="AG462" s="647"/>
      <c r="AH462" s="549"/>
      <c r="AI462" s="550"/>
      <c r="AJ462" s="551"/>
      <c r="AK462" s="351"/>
      <c r="AL462" s="29"/>
      <c r="AM462" s="16"/>
      <c r="AN462" s="3" t="str">
        <f>$M$21</f>
        <v>■</v>
      </c>
    </row>
    <row r="463" spans="1:40" ht="13.4" customHeight="1">
      <c r="A463" s="20"/>
      <c r="B463" s="25"/>
      <c r="C463" s="541">
        <v>2</v>
      </c>
      <c r="D463" s="542"/>
      <c r="E463" s="543" t="s">
        <v>442</v>
      </c>
      <c r="F463" s="544"/>
      <c r="G463" s="544"/>
      <c r="H463" s="544"/>
      <c r="I463" s="544"/>
      <c r="J463" s="544"/>
      <c r="K463" s="544"/>
      <c r="L463" s="544"/>
      <c r="M463" s="544"/>
      <c r="N463" s="544"/>
      <c r="O463" s="544"/>
      <c r="P463" s="544"/>
      <c r="Q463" s="544"/>
      <c r="R463" s="544"/>
      <c r="S463" s="544"/>
      <c r="T463" s="545"/>
      <c r="U463" s="219" t="s">
        <v>443</v>
      </c>
      <c r="V463" s="546" t="s">
        <v>101</v>
      </c>
      <c r="W463" s="547"/>
      <c r="X463" s="547"/>
      <c r="Y463" s="547"/>
      <c r="Z463" s="548"/>
      <c r="AA463" s="546" t="s">
        <v>102</v>
      </c>
      <c r="AB463" s="547"/>
      <c r="AC463" s="548"/>
      <c r="AD463" s="415">
        <v>51</v>
      </c>
      <c r="AE463" s="415" t="s">
        <v>103</v>
      </c>
      <c r="AF463" s="646"/>
      <c r="AG463" s="647"/>
      <c r="AH463" s="549"/>
      <c r="AI463" s="550"/>
      <c r="AJ463" s="551"/>
      <c r="AK463" s="351"/>
      <c r="AL463" s="29"/>
      <c r="AM463" s="16"/>
      <c r="AN463" s="3" t="str">
        <f t="shared" ref="AN463:AN471" si="15">$M$21</f>
        <v>■</v>
      </c>
    </row>
    <row r="464" spans="1:40" ht="13.4" customHeight="1">
      <c r="A464" s="20"/>
      <c r="B464" s="25"/>
      <c r="C464" s="552">
        <v>3</v>
      </c>
      <c r="D464" s="553"/>
      <c r="E464" s="566" t="s">
        <v>106</v>
      </c>
      <c r="F464" s="567"/>
      <c r="G464" s="567"/>
      <c r="H464" s="567"/>
      <c r="I464" s="567"/>
      <c r="J464" s="567"/>
      <c r="K464" s="567"/>
      <c r="L464" s="567"/>
      <c r="M464" s="567"/>
      <c r="N464" s="567"/>
      <c r="O464" s="567"/>
      <c r="P464" s="567"/>
      <c r="Q464" s="567"/>
      <c r="R464" s="567"/>
      <c r="S464" s="567"/>
      <c r="T464" s="568"/>
      <c r="U464" s="220" t="s">
        <v>444</v>
      </c>
      <c r="V464" s="557" t="s">
        <v>107</v>
      </c>
      <c r="W464" s="558"/>
      <c r="X464" s="558"/>
      <c r="Y464" s="558"/>
      <c r="Z464" s="559"/>
      <c r="AA464" s="557" t="s">
        <v>108</v>
      </c>
      <c r="AB464" s="558"/>
      <c r="AC464" s="559"/>
      <c r="AD464" s="419">
        <v>1</v>
      </c>
      <c r="AE464" s="419">
        <v>0</v>
      </c>
      <c r="AF464" s="569" t="s">
        <v>109</v>
      </c>
      <c r="AG464" s="570"/>
      <c r="AH464" s="560"/>
      <c r="AI464" s="561"/>
      <c r="AJ464" s="562"/>
      <c r="AK464" s="354" t="s">
        <v>391</v>
      </c>
      <c r="AL464" s="29"/>
      <c r="AM464" s="16"/>
      <c r="AN464" s="3" t="str">
        <f t="shared" si="15"/>
        <v>■</v>
      </c>
    </row>
    <row r="465" spans="1:40" ht="13.4" customHeight="1">
      <c r="A465" s="20"/>
      <c r="B465" s="25"/>
      <c r="C465" s="541">
        <v>4</v>
      </c>
      <c r="D465" s="542"/>
      <c r="E465" s="563" t="s">
        <v>110</v>
      </c>
      <c r="F465" s="564"/>
      <c r="G465" s="564"/>
      <c r="H465" s="564"/>
      <c r="I465" s="564"/>
      <c r="J465" s="564"/>
      <c r="K465" s="564"/>
      <c r="L465" s="564"/>
      <c r="M465" s="564"/>
      <c r="N465" s="564"/>
      <c r="O465" s="564"/>
      <c r="P465" s="564"/>
      <c r="Q465" s="564"/>
      <c r="R465" s="564"/>
      <c r="S465" s="564"/>
      <c r="T465" s="565"/>
      <c r="U465" s="221" t="s">
        <v>445</v>
      </c>
      <c r="V465" s="546" t="s">
        <v>107</v>
      </c>
      <c r="W465" s="547"/>
      <c r="X465" s="547"/>
      <c r="Y465" s="547"/>
      <c r="Z465" s="548"/>
      <c r="AA465" s="546" t="s">
        <v>108</v>
      </c>
      <c r="AB465" s="547"/>
      <c r="AC465" s="548"/>
      <c r="AD465" s="415">
        <v>1</v>
      </c>
      <c r="AE465" s="415">
        <v>0</v>
      </c>
      <c r="AF465" s="646"/>
      <c r="AG465" s="647"/>
      <c r="AH465" s="549"/>
      <c r="AI465" s="550"/>
      <c r="AJ465" s="551"/>
      <c r="AK465" s="351"/>
      <c r="AL465" s="29"/>
      <c r="AM465" s="16"/>
      <c r="AN465" s="3" t="str">
        <f t="shared" si="15"/>
        <v>■</v>
      </c>
    </row>
    <row r="466" spans="1:40" ht="13.4" customHeight="1">
      <c r="A466" s="20"/>
      <c r="B466" s="25"/>
      <c r="C466" s="541">
        <v>5</v>
      </c>
      <c r="D466" s="542"/>
      <c r="E466" s="543" t="s">
        <v>80</v>
      </c>
      <c r="F466" s="544"/>
      <c r="G466" s="544"/>
      <c r="H466" s="544"/>
      <c r="I466" s="544"/>
      <c r="J466" s="544"/>
      <c r="K466" s="544"/>
      <c r="L466" s="544"/>
      <c r="M466" s="544"/>
      <c r="N466" s="544"/>
      <c r="O466" s="544"/>
      <c r="P466" s="544"/>
      <c r="Q466" s="544"/>
      <c r="R466" s="544"/>
      <c r="S466" s="544"/>
      <c r="T466" s="545"/>
      <c r="U466" s="221" t="s">
        <v>446</v>
      </c>
      <c r="V466" s="546" t="s">
        <v>101</v>
      </c>
      <c r="W466" s="547"/>
      <c r="X466" s="547"/>
      <c r="Y466" s="547"/>
      <c r="Z466" s="548"/>
      <c r="AA466" s="546" t="s">
        <v>102</v>
      </c>
      <c r="AB466" s="547"/>
      <c r="AC466" s="548"/>
      <c r="AD466" s="415">
        <v>2</v>
      </c>
      <c r="AE466" s="415" t="s">
        <v>103</v>
      </c>
      <c r="AF466" s="646"/>
      <c r="AG466" s="647"/>
      <c r="AH466" s="549"/>
      <c r="AI466" s="550"/>
      <c r="AJ466" s="551"/>
      <c r="AK466" s="351"/>
      <c r="AL466" s="29"/>
      <c r="AM466" s="16"/>
      <c r="AN466" s="3" t="str">
        <f t="shared" si="15"/>
        <v>■</v>
      </c>
    </row>
    <row r="467" spans="1:40">
      <c r="A467" s="20"/>
      <c r="B467" s="25"/>
      <c r="C467" s="541">
        <v>6</v>
      </c>
      <c r="D467" s="542"/>
      <c r="E467" s="543" t="s">
        <v>779</v>
      </c>
      <c r="F467" s="544"/>
      <c r="G467" s="544"/>
      <c r="H467" s="544"/>
      <c r="I467" s="544"/>
      <c r="J467" s="544"/>
      <c r="K467" s="544"/>
      <c r="L467" s="544"/>
      <c r="M467" s="544"/>
      <c r="N467" s="544"/>
      <c r="O467" s="544"/>
      <c r="P467" s="544"/>
      <c r="Q467" s="544"/>
      <c r="R467" s="544"/>
      <c r="S467" s="544"/>
      <c r="T467" s="545"/>
      <c r="U467" s="221" t="s">
        <v>780</v>
      </c>
      <c r="V467" s="546" t="s">
        <v>107</v>
      </c>
      <c r="W467" s="547"/>
      <c r="X467" s="547"/>
      <c r="Y467" s="547"/>
      <c r="Z467" s="548"/>
      <c r="AA467" s="546" t="s">
        <v>108</v>
      </c>
      <c r="AB467" s="547"/>
      <c r="AC467" s="548"/>
      <c r="AD467" s="415">
        <v>1</v>
      </c>
      <c r="AE467" s="415">
        <v>0</v>
      </c>
      <c r="AF467" s="646"/>
      <c r="AG467" s="647"/>
      <c r="AH467" s="549"/>
      <c r="AI467" s="550"/>
      <c r="AJ467" s="551"/>
      <c r="AK467" s="351"/>
      <c r="AL467" s="29"/>
      <c r="AM467" s="16"/>
      <c r="AN467" s="3" t="str">
        <f t="shared" si="15"/>
        <v>■</v>
      </c>
    </row>
    <row r="468" spans="1:40">
      <c r="A468" s="20"/>
      <c r="B468" s="25"/>
      <c r="C468" s="541">
        <v>7</v>
      </c>
      <c r="D468" s="542"/>
      <c r="E468" s="543" t="s">
        <v>1119</v>
      </c>
      <c r="F468" s="544"/>
      <c r="G468" s="544"/>
      <c r="H468" s="544"/>
      <c r="I468" s="544"/>
      <c r="J468" s="544"/>
      <c r="K468" s="544"/>
      <c r="L468" s="544"/>
      <c r="M468" s="544"/>
      <c r="N468" s="544"/>
      <c r="O468" s="544"/>
      <c r="P468" s="544"/>
      <c r="Q468" s="544"/>
      <c r="R468" s="544"/>
      <c r="S468" s="544"/>
      <c r="T468" s="545"/>
      <c r="U468" s="221" t="s">
        <v>782</v>
      </c>
      <c r="V468" s="546" t="s">
        <v>107</v>
      </c>
      <c r="W468" s="547"/>
      <c r="X468" s="547"/>
      <c r="Y468" s="547"/>
      <c r="Z468" s="548"/>
      <c r="AA468" s="546" t="s">
        <v>1120</v>
      </c>
      <c r="AB468" s="547"/>
      <c r="AC468" s="548"/>
      <c r="AD468" s="415">
        <v>2</v>
      </c>
      <c r="AE468" s="415" t="s">
        <v>103</v>
      </c>
      <c r="AF468" s="646"/>
      <c r="AG468" s="647"/>
      <c r="AH468" s="549"/>
      <c r="AI468" s="550"/>
      <c r="AJ468" s="551"/>
      <c r="AK468" s="351"/>
      <c r="AL468" s="29"/>
      <c r="AM468" s="16"/>
      <c r="AN468" s="3" t="str">
        <f t="shared" si="15"/>
        <v>■</v>
      </c>
    </row>
    <row r="469" spans="1:40">
      <c r="A469" s="20"/>
      <c r="B469" s="25"/>
      <c r="C469" s="541">
        <v>8</v>
      </c>
      <c r="D469" s="542"/>
      <c r="E469" s="543" t="s">
        <v>540</v>
      </c>
      <c r="F469" s="544"/>
      <c r="G469" s="544"/>
      <c r="H469" s="544"/>
      <c r="I469" s="544"/>
      <c r="J469" s="544"/>
      <c r="K469" s="544"/>
      <c r="L469" s="544"/>
      <c r="M469" s="544"/>
      <c r="N469" s="544"/>
      <c r="O469" s="544"/>
      <c r="P469" s="544"/>
      <c r="Q469" s="544"/>
      <c r="R469" s="544"/>
      <c r="S469" s="544"/>
      <c r="T469" s="545"/>
      <c r="U469" s="221" t="s">
        <v>541</v>
      </c>
      <c r="V469" s="546" t="s">
        <v>107</v>
      </c>
      <c r="W469" s="547"/>
      <c r="X469" s="547"/>
      <c r="Y469" s="547"/>
      <c r="Z469" s="548"/>
      <c r="AA469" s="546" t="s">
        <v>102</v>
      </c>
      <c r="AB469" s="547"/>
      <c r="AC469" s="548"/>
      <c r="AD469" s="415">
        <v>2</v>
      </c>
      <c r="AE469" s="415" t="s">
        <v>103</v>
      </c>
      <c r="AF469" s="646"/>
      <c r="AG469" s="647"/>
      <c r="AH469" s="549"/>
      <c r="AI469" s="550"/>
      <c r="AJ469" s="551"/>
      <c r="AK469" s="351"/>
      <c r="AL469" s="29"/>
      <c r="AM469" s="16"/>
      <c r="AN469" s="3" t="str">
        <f t="shared" si="15"/>
        <v>■</v>
      </c>
    </row>
    <row r="470" spans="1:40">
      <c r="A470" s="20"/>
      <c r="B470" s="25"/>
      <c r="C470" s="541">
        <v>9</v>
      </c>
      <c r="D470" s="542"/>
      <c r="E470" s="543" t="s">
        <v>1785</v>
      </c>
      <c r="F470" s="544"/>
      <c r="G470" s="544"/>
      <c r="H470" s="544"/>
      <c r="I470" s="544"/>
      <c r="J470" s="544"/>
      <c r="K470" s="544"/>
      <c r="L470" s="544"/>
      <c r="M470" s="544"/>
      <c r="N470" s="544"/>
      <c r="O470" s="544"/>
      <c r="P470" s="544"/>
      <c r="Q470" s="544"/>
      <c r="R470" s="544"/>
      <c r="S470" s="544"/>
      <c r="T470" s="545"/>
      <c r="U470" s="221" t="s">
        <v>453</v>
      </c>
      <c r="V470" s="546" t="s">
        <v>107</v>
      </c>
      <c r="W470" s="547"/>
      <c r="X470" s="547"/>
      <c r="Y470" s="547"/>
      <c r="Z470" s="548"/>
      <c r="AA470" s="546" t="s">
        <v>102</v>
      </c>
      <c r="AB470" s="547"/>
      <c r="AC470" s="548"/>
      <c r="AD470" s="415">
        <v>6</v>
      </c>
      <c r="AE470" s="415" t="s">
        <v>103</v>
      </c>
      <c r="AF470" s="646"/>
      <c r="AG470" s="647"/>
      <c r="AH470" s="549"/>
      <c r="AI470" s="550"/>
      <c r="AJ470" s="551"/>
      <c r="AK470" s="351"/>
      <c r="AL470" s="29"/>
      <c r="AM470" s="16"/>
      <c r="AN470" s="3" t="str">
        <f t="shared" si="15"/>
        <v>■</v>
      </c>
    </row>
    <row r="471" spans="1:40">
      <c r="A471" s="20"/>
      <c r="B471" s="25"/>
      <c r="C471" s="541">
        <v>10</v>
      </c>
      <c r="D471" s="542"/>
      <c r="E471" s="543" t="s">
        <v>783</v>
      </c>
      <c r="F471" s="544"/>
      <c r="G471" s="544"/>
      <c r="H471" s="544"/>
      <c r="I471" s="544"/>
      <c r="J471" s="544"/>
      <c r="K471" s="544"/>
      <c r="L471" s="544"/>
      <c r="M471" s="544"/>
      <c r="N471" s="544"/>
      <c r="O471" s="544"/>
      <c r="P471" s="544"/>
      <c r="Q471" s="544"/>
      <c r="R471" s="544"/>
      <c r="S471" s="544"/>
      <c r="T471" s="545"/>
      <c r="U471" s="221" t="s">
        <v>516</v>
      </c>
      <c r="V471" s="546" t="s">
        <v>107</v>
      </c>
      <c r="W471" s="547"/>
      <c r="X471" s="547"/>
      <c r="Y471" s="547"/>
      <c r="Z471" s="548"/>
      <c r="AA471" s="546" t="s">
        <v>102</v>
      </c>
      <c r="AB471" s="547"/>
      <c r="AC471" s="548"/>
      <c r="AD471" s="415">
        <v>6</v>
      </c>
      <c r="AE471" s="415" t="s">
        <v>103</v>
      </c>
      <c r="AF471" s="646"/>
      <c r="AG471" s="647"/>
      <c r="AH471" s="549"/>
      <c r="AI471" s="550"/>
      <c r="AJ471" s="551"/>
      <c r="AK471" s="351"/>
      <c r="AL471" s="29"/>
      <c r="AM471" s="16"/>
      <c r="AN471" s="3" t="str">
        <f t="shared" si="15"/>
        <v>■</v>
      </c>
    </row>
    <row r="472" spans="1:40" ht="13.4" customHeight="1">
      <c r="A472" s="20"/>
      <c r="B472" s="25"/>
      <c r="C472" s="124"/>
      <c r="D472" s="124"/>
      <c r="E472" s="207"/>
      <c r="F472" s="207"/>
      <c r="G472" s="207"/>
      <c r="H472" s="207"/>
      <c r="I472" s="207"/>
      <c r="J472" s="207"/>
      <c r="K472" s="207"/>
      <c r="L472" s="207"/>
      <c r="M472" s="207"/>
      <c r="N472" s="207"/>
      <c r="O472" s="207"/>
      <c r="P472" s="207"/>
      <c r="Q472" s="207"/>
      <c r="R472" s="207"/>
      <c r="S472" s="207"/>
      <c r="T472" s="207"/>
      <c r="U472" s="214"/>
      <c r="V472" s="205"/>
      <c r="W472" s="205"/>
      <c r="X472" s="205"/>
      <c r="Y472" s="205"/>
      <c r="Z472" s="205"/>
      <c r="AA472" s="619"/>
      <c r="AB472" s="619"/>
      <c r="AC472" s="619"/>
      <c r="AD472" s="206"/>
      <c r="AE472" s="206"/>
      <c r="AF472" s="326"/>
      <c r="AG472" s="412"/>
      <c r="AH472" s="238"/>
      <c r="AI472" s="238"/>
      <c r="AJ472" s="238"/>
      <c r="AK472" s="26"/>
      <c r="AL472" s="29"/>
      <c r="AM472" s="16"/>
    </row>
    <row r="473" spans="1:40" ht="13.4" customHeight="1">
      <c r="A473" s="20"/>
      <c r="B473" s="25"/>
      <c r="C473" s="52" t="s">
        <v>380</v>
      </c>
      <c r="D473" s="124"/>
      <c r="E473" s="207"/>
      <c r="F473" s="207"/>
      <c r="G473" s="207"/>
      <c r="H473" s="207"/>
      <c r="I473" s="207"/>
      <c r="J473" s="207" t="s">
        <v>784</v>
      </c>
      <c r="K473" s="207"/>
      <c r="L473" s="207"/>
      <c r="M473" s="207"/>
      <c r="N473" s="207"/>
      <c r="O473" s="207"/>
      <c r="P473" s="207"/>
      <c r="Q473" s="207"/>
      <c r="R473" s="207"/>
      <c r="S473" s="207"/>
      <c r="T473" s="207"/>
      <c r="U473" s="214" t="s">
        <v>1786</v>
      </c>
      <c r="V473" s="205"/>
      <c r="W473" s="205"/>
      <c r="X473" s="205"/>
      <c r="Y473" s="205"/>
      <c r="Z473" s="205"/>
      <c r="AA473" s="620"/>
      <c r="AB473" s="620"/>
      <c r="AC473" s="620"/>
      <c r="AD473" s="206"/>
      <c r="AE473" s="206"/>
      <c r="AF473" s="326"/>
      <c r="AG473" s="239"/>
      <c r="AH473" s="238"/>
      <c r="AI473" s="238"/>
      <c r="AJ473" s="238"/>
      <c r="AK473" s="26"/>
      <c r="AL473" s="29"/>
      <c r="AM473" s="16"/>
    </row>
    <row r="474" spans="1:40" ht="13.4" customHeight="1">
      <c r="A474" s="20"/>
      <c r="B474" s="25"/>
      <c r="C474" s="583" t="s">
        <v>73</v>
      </c>
      <c r="D474" s="573"/>
      <c r="E474" s="583" t="s">
        <v>94</v>
      </c>
      <c r="F474" s="583"/>
      <c r="G474" s="583"/>
      <c r="H474" s="583"/>
      <c r="I474" s="583"/>
      <c r="J474" s="583"/>
      <c r="K474" s="583"/>
      <c r="L474" s="583"/>
      <c r="M474" s="583"/>
      <c r="N474" s="583"/>
      <c r="O474" s="583"/>
      <c r="P474" s="583"/>
      <c r="Q474" s="583"/>
      <c r="R474" s="583"/>
      <c r="S474" s="583"/>
      <c r="T474" s="583"/>
      <c r="U474" s="226" t="s">
        <v>383</v>
      </c>
      <c r="V474" s="572" t="s">
        <v>138</v>
      </c>
      <c r="W474" s="572"/>
      <c r="X474" s="572"/>
      <c r="Y474" s="572"/>
      <c r="Z474" s="572"/>
      <c r="AA474" s="598" t="s">
        <v>959</v>
      </c>
      <c r="AB474" s="599"/>
      <c r="AC474" s="600"/>
      <c r="AD474" s="572" t="s">
        <v>97</v>
      </c>
      <c r="AE474" s="572"/>
      <c r="AF474" s="572" t="s">
        <v>98</v>
      </c>
      <c r="AG474" s="572"/>
      <c r="AH474" s="583" t="s">
        <v>75</v>
      </c>
      <c r="AI474" s="583"/>
      <c r="AJ474" s="583"/>
      <c r="AK474" s="572" t="s">
        <v>159</v>
      </c>
      <c r="AL474" s="29"/>
      <c r="AM474" s="16"/>
    </row>
    <row r="475" spans="1:40" ht="13.4" customHeight="1">
      <c r="A475" s="20"/>
      <c r="B475" s="25"/>
      <c r="C475" s="573"/>
      <c r="D475" s="573"/>
      <c r="E475" s="583"/>
      <c r="F475" s="583"/>
      <c r="G475" s="583"/>
      <c r="H475" s="583"/>
      <c r="I475" s="583"/>
      <c r="J475" s="583"/>
      <c r="K475" s="583"/>
      <c r="L475" s="583"/>
      <c r="M475" s="583"/>
      <c r="N475" s="583"/>
      <c r="O475" s="583"/>
      <c r="P475" s="583"/>
      <c r="Q475" s="583"/>
      <c r="R475" s="583"/>
      <c r="S475" s="583"/>
      <c r="T475" s="583"/>
      <c r="U475" s="227"/>
      <c r="V475" s="572"/>
      <c r="W475" s="572"/>
      <c r="X475" s="572"/>
      <c r="Y475" s="572"/>
      <c r="Z475" s="572"/>
      <c r="AA475" s="601"/>
      <c r="AB475" s="602"/>
      <c r="AC475" s="603"/>
      <c r="AD475" s="572"/>
      <c r="AE475" s="572"/>
      <c r="AF475" s="572"/>
      <c r="AG475" s="572"/>
      <c r="AH475" s="583"/>
      <c r="AI475" s="583"/>
      <c r="AJ475" s="583"/>
      <c r="AK475" s="572"/>
      <c r="AL475" s="29"/>
      <c r="AM475" s="16"/>
    </row>
    <row r="476" spans="1:40" ht="13.4" customHeight="1">
      <c r="A476" s="20"/>
      <c r="B476" s="25"/>
      <c r="C476" s="541">
        <v>1</v>
      </c>
      <c r="D476" s="542"/>
      <c r="E476" s="563" t="s">
        <v>440</v>
      </c>
      <c r="F476" s="564"/>
      <c r="G476" s="564"/>
      <c r="H476" s="564"/>
      <c r="I476" s="564"/>
      <c r="J476" s="564"/>
      <c r="K476" s="564"/>
      <c r="L476" s="564"/>
      <c r="M476" s="564"/>
      <c r="N476" s="564"/>
      <c r="O476" s="564"/>
      <c r="P476" s="564"/>
      <c r="Q476" s="564"/>
      <c r="R476" s="564"/>
      <c r="S476" s="564"/>
      <c r="T476" s="565"/>
      <c r="U476" s="219" t="s">
        <v>441</v>
      </c>
      <c r="V476" s="546" t="s">
        <v>101</v>
      </c>
      <c r="W476" s="547"/>
      <c r="X476" s="547"/>
      <c r="Y476" s="547"/>
      <c r="Z476" s="548"/>
      <c r="AA476" s="546" t="s">
        <v>102</v>
      </c>
      <c r="AB476" s="547"/>
      <c r="AC476" s="548"/>
      <c r="AD476" s="415">
        <v>10</v>
      </c>
      <c r="AE476" s="415" t="s">
        <v>103</v>
      </c>
      <c r="AF476" s="646"/>
      <c r="AG476" s="647"/>
      <c r="AH476" s="549"/>
      <c r="AI476" s="550"/>
      <c r="AJ476" s="551"/>
      <c r="AK476" s="332"/>
      <c r="AL476" s="29"/>
      <c r="AM476" s="16"/>
      <c r="AN476" s="3" t="str">
        <f>$P$21</f>
        <v>■</v>
      </c>
    </row>
    <row r="477" spans="1:40" ht="13.4" customHeight="1">
      <c r="A477" s="20"/>
      <c r="B477" s="25"/>
      <c r="C477" s="541">
        <v>2</v>
      </c>
      <c r="D477" s="542"/>
      <c r="E477" s="563" t="s">
        <v>442</v>
      </c>
      <c r="F477" s="564"/>
      <c r="G477" s="564"/>
      <c r="H477" s="564"/>
      <c r="I477" s="564"/>
      <c r="J477" s="564"/>
      <c r="K477" s="564"/>
      <c r="L477" s="564"/>
      <c r="M477" s="564"/>
      <c r="N477" s="564"/>
      <c r="O477" s="564"/>
      <c r="P477" s="564"/>
      <c r="Q477" s="564"/>
      <c r="R477" s="564"/>
      <c r="S477" s="564"/>
      <c r="T477" s="565"/>
      <c r="U477" s="219" t="s">
        <v>443</v>
      </c>
      <c r="V477" s="546" t="s">
        <v>101</v>
      </c>
      <c r="W477" s="547"/>
      <c r="X477" s="547"/>
      <c r="Y477" s="547"/>
      <c r="Z477" s="548"/>
      <c r="AA477" s="546" t="s">
        <v>102</v>
      </c>
      <c r="AB477" s="547"/>
      <c r="AC477" s="548"/>
      <c r="AD477" s="415">
        <v>51</v>
      </c>
      <c r="AE477" s="415" t="s">
        <v>103</v>
      </c>
      <c r="AF477" s="646"/>
      <c r="AG477" s="647"/>
      <c r="AH477" s="549"/>
      <c r="AI477" s="550"/>
      <c r="AJ477" s="551"/>
      <c r="AK477" s="332"/>
      <c r="AL477" s="29"/>
      <c r="AM477" s="16"/>
      <c r="AN477" s="3" t="str">
        <f t="shared" ref="AN477:AN514" si="16">$P$21</f>
        <v>■</v>
      </c>
    </row>
    <row r="478" spans="1:40" ht="13.4" customHeight="1">
      <c r="A478" s="20"/>
      <c r="B478" s="25"/>
      <c r="C478" s="552">
        <v>3</v>
      </c>
      <c r="D478" s="553"/>
      <c r="E478" s="566" t="s">
        <v>106</v>
      </c>
      <c r="F478" s="567"/>
      <c r="G478" s="567"/>
      <c r="H478" s="567"/>
      <c r="I478" s="567"/>
      <c r="J478" s="567"/>
      <c r="K478" s="567"/>
      <c r="L478" s="567"/>
      <c r="M478" s="567"/>
      <c r="N478" s="567"/>
      <c r="O478" s="567"/>
      <c r="P478" s="567"/>
      <c r="Q478" s="567"/>
      <c r="R478" s="567"/>
      <c r="S478" s="567"/>
      <c r="T478" s="568"/>
      <c r="U478" s="220" t="s">
        <v>444</v>
      </c>
      <c r="V478" s="557" t="s">
        <v>107</v>
      </c>
      <c r="W478" s="558"/>
      <c r="X478" s="558"/>
      <c r="Y478" s="558"/>
      <c r="Z478" s="559"/>
      <c r="AA478" s="557" t="s">
        <v>108</v>
      </c>
      <c r="AB478" s="558"/>
      <c r="AC478" s="559"/>
      <c r="AD478" s="419">
        <v>1</v>
      </c>
      <c r="AE478" s="419">
        <v>0</v>
      </c>
      <c r="AF478" s="569" t="s">
        <v>109</v>
      </c>
      <c r="AG478" s="570"/>
      <c r="AH478" s="560"/>
      <c r="AI478" s="561"/>
      <c r="AJ478" s="562"/>
      <c r="AK478" s="333" t="s">
        <v>416</v>
      </c>
      <c r="AL478" s="29"/>
      <c r="AM478" s="16"/>
      <c r="AN478" s="3" t="str">
        <f t="shared" si="16"/>
        <v>■</v>
      </c>
    </row>
    <row r="479" spans="1:40" ht="13.4" customHeight="1">
      <c r="A479" s="20"/>
      <c r="B479" s="25"/>
      <c r="C479" s="541">
        <v>4</v>
      </c>
      <c r="D479" s="542"/>
      <c r="E479" s="563" t="s">
        <v>110</v>
      </c>
      <c r="F479" s="564"/>
      <c r="G479" s="564"/>
      <c r="H479" s="564"/>
      <c r="I479" s="564"/>
      <c r="J479" s="564"/>
      <c r="K479" s="564"/>
      <c r="L479" s="564"/>
      <c r="M479" s="564"/>
      <c r="N479" s="564"/>
      <c r="O479" s="564"/>
      <c r="P479" s="564"/>
      <c r="Q479" s="564"/>
      <c r="R479" s="564"/>
      <c r="S479" s="564"/>
      <c r="T479" s="565"/>
      <c r="U479" s="221" t="s">
        <v>445</v>
      </c>
      <c r="V479" s="546" t="s">
        <v>107</v>
      </c>
      <c r="W479" s="547"/>
      <c r="X479" s="547"/>
      <c r="Y479" s="547"/>
      <c r="Z479" s="548"/>
      <c r="AA479" s="546" t="s">
        <v>108</v>
      </c>
      <c r="AB479" s="547"/>
      <c r="AC479" s="548"/>
      <c r="AD479" s="415">
        <v>1</v>
      </c>
      <c r="AE479" s="415">
        <v>0</v>
      </c>
      <c r="AF479" s="646"/>
      <c r="AG479" s="647"/>
      <c r="AH479" s="549"/>
      <c r="AI479" s="550"/>
      <c r="AJ479" s="551"/>
      <c r="AK479" s="332"/>
      <c r="AL479" s="29"/>
      <c r="AM479" s="16"/>
      <c r="AN479" s="3" t="str">
        <f t="shared" si="16"/>
        <v>■</v>
      </c>
    </row>
    <row r="480" spans="1:40" ht="13.4" customHeight="1">
      <c r="A480" s="20"/>
      <c r="B480" s="25"/>
      <c r="C480" s="541">
        <v>5</v>
      </c>
      <c r="D480" s="542"/>
      <c r="E480" s="543" t="s">
        <v>80</v>
      </c>
      <c r="F480" s="544"/>
      <c r="G480" s="544"/>
      <c r="H480" s="544"/>
      <c r="I480" s="544"/>
      <c r="J480" s="544"/>
      <c r="K480" s="544"/>
      <c r="L480" s="544"/>
      <c r="M480" s="544"/>
      <c r="N480" s="544"/>
      <c r="O480" s="544"/>
      <c r="P480" s="544"/>
      <c r="Q480" s="544"/>
      <c r="R480" s="544"/>
      <c r="S480" s="544"/>
      <c r="T480" s="545"/>
      <c r="U480" s="221" t="s">
        <v>446</v>
      </c>
      <c r="V480" s="546" t="s">
        <v>101</v>
      </c>
      <c r="W480" s="547"/>
      <c r="X480" s="547"/>
      <c r="Y480" s="547"/>
      <c r="Z480" s="548"/>
      <c r="AA480" s="546" t="s">
        <v>102</v>
      </c>
      <c r="AB480" s="547"/>
      <c r="AC480" s="548"/>
      <c r="AD480" s="415">
        <v>2</v>
      </c>
      <c r="AE480" s="415" t="s">
        <v>103</v>
      </c>
      <c r="AF480" s="646"/>
      <c r="AG480" s="647"/>
      <c r="AH480" s="549"/>
      <c r="AI480" s="550"/>
      <c r="AJ480" s="551"/>
      <c r="AK480" s="332"/>
      <c r="AL480" s="29"/>
      <c r="AM480" s="16"/>
      <c r="AN480" s="3" t="str">
        <f t="shared" si="16"/>
        <v>■</v>
      </c>
    </row>
    <row r="481" spans="1:40">
      <c r="A481" s="20"/>
      <c r="B481" s="25"/>
      <c r="C481" s="541">
        <v>6</v>
      </c>
      <c r="D481" s="542"/>
      <c r="E481" s="543" t="s">
        <v>779</v>
      </c>
      <c r="F481" s="544"/>
      <c r="G481" s="544"/>
      <c r="H481" s="544"/>
      <c r="I481" s="544"/>
      <c r="J481" s="544"/>
      <c r="K481" s="544"/>
      <c r="L481" s="544"/>
      <c r="M481" s="544"/>
      <c r="N481" s="544"/>
      <c r="O481" s="544"/>
      <c r="P481" s="544"/>
      <c r="Q481" s="544"/>
      <c r="R481" s="544"/>
      <c r="S481" s="544"/>
      <c r="T481" s="545"/>
      <c r="U481" s="221" t="s">
        <v>780</v>
      </c>
      <c r="V481" s="546" t="s">
        <v>107</v>
      </c>
      <c r="W481" s="547"/>
      <c r="X481" s="547"/>
      <c r="Y481" s="547"/>
      <c r="Z481" s="548"/>
      <c r="AA481" s="546" t="s">
        <v>108</v>
      </c>
      <c r="AB481" s="547"/>
      <c r="AC481" s="548"/>
      <c r="AD481" s="415">
        <v>1</v>
      </c>
      <c r="AE481" s="415">
        <v>0</v>
      </c>
      <c r="AF481" s="646"/>
      <c r="AG481" s="647"/>
      <c r="AH481" s="549"/>
      <c r="AI481" s="550"/>
      <c r="AJ481" s="551"/>
      <c r="AK481" s="332"/>
      <c r="AL481" s="29"/>
      <c r="AM481" s="16"/>
      <c r="AN481" s="3" t="str">
        <f t="shared" si="16"/>
        <v>■</v>
      </c>
    </row>
    <row r="482" spans="1:40">
      <c r="A482" s="20"/>
      <c r="B482" s="25"/>
      <c r="C482" s="541">
        <v>7</v>
      </c>
      <c r="D482" s="542"/>
      <c r="E482" s="543" t="s">
        <v>786</v>
      </c>
      <c r="F482" s="544"/>
      <c r="G482" s="544"/>
      <c r="H482" s="544"/>
      <c r="I482" s="544"/>
      <c r="J482" s="544"/>
      <c r="K482" s="544"/>
      <c r="L482" s="544"/>
      <c r="M482" s="544"/>
      <c r="N482" s="544"/>
      <c r="O482" s="544"/>
      <c r="P482" s="544"/>
      <c r="Q482" s="544"/>
      <c r="R482" s="544"/>
      <c r="S482" s="544"/>
      <c r="T482" s="545"/>
      <c r="U482" s="221" t="s">
        <v>628</v>
      </c>
      <c r="V482" s="546" t="s">
        <v>107</v>
      </c>
      <c r="W482" s="547"/>
      <c r="X482" s="547"/>
      <c r="Y482" s="547"/>
      <c r="Z482" s="548"/>
      <c r="AA482" s="546" t="s">
        <v>108</v>
      </c>
      <c r="AB482" s="547"/>
      <c r="AC482" s="548"/>
      <c r="AD482" s="415">
        <v>1</v>
      </c>
      <c r="AE482" s="415">
        <v>0</v>
      </c>
      <c r="AF482" s="646"/>
      <c r="AG482" s="647"/>
      <c r="AH482" s="549"/>
      <c r="AI482" s="550"/>
      <c r="AJ482" s="551"/>
      <c r="AK482" s="332"/>
      <c r="AL482" s="29"/>
      <c r="AM482" s="16"/>
      <c r="AN482" s="3" t="str">
        <f t="shared" si="16"/>
        <v>■</v>
      </c>
    </row>
    <row r="483" spans="1:40">
      <c r="A483" s="20"/>
      <c r="B483" s="25"/>
      <c r="C483" s="541">
        <v>8</v>
      </c>
      <c r="D483" s="542"/>
      <c r="E483" s="543" t="s">
        <v>787</v>
      </c>
      <c r="F483" s="544"/>
      <c r="G483" s="544"/>
      <c r="H483" s="544"/>
      <c r="I483" s="544"/>
      <c r="J483" s="544"/>
      <c r="K483" s="544"/>
      <c r="L483" s="544"/>
      <c r="M483" s="544"/>
      <c r="N483" s="544"/>
      <c r="O483" s="544"/>
      <c r="P483" s="544"/>
      <c r="Q483" s="544"/>
      <c r="R483" s="544"/>
      <c r="S483" s="544"/>
      <c r="T483" s="545"/>
      <c r="U483" s="221" t="s">
        <v>630</v>
      </c>
      <c r="V483" s="546" t="s">
        <v>107</v>
      </c>
      <c r="W483" s="547"/>
      <c r="X483" s="547"/>
      <c r="Y483" s="547"/>
      <c r="Z483" s="548"/>
      <c r="AA483" s="546" t="s">
        <v>108</v>
      </c>
      <c r="AB483" s="547"/>
      <c r="AC483" s="548"/>
      <c r="AD483" s="415">
        <v>1</v>
      </c>
      <c r="AE483" s="415">
        <v>0</v>
      </c>
      <c r="AF483" s="646"/>
      <c r="AG483" s="647"/>
      <c r="AH483" s="549"/>
      <c r="AI483" s="550"/>
      <c r="AJ483" s="551"/>
      <c r="AK483" s="332"/>
      <c r="AL483" s="29"/>
      <c r="AM483" s="16"/>
      <c r="AN483" s="3" t="str">
        <f t="shared" si="16"/>
        <v>■</v>
      </c>
    </row>
    <row r="484" spans="1:40">
      <c r="A484" s="20"/>
      <c r="B484" s="25"/>
      <c r="C484" s="541">
        <v>9</v>
      </c>
      <c r="D484" s="542"/>
      <c r="E484" s="543" t="s">
        <v>788</v>
      </c>
      <c r="F484" s="544"/>
      <c r="G484" s="544"/>
      <c r="H484" s="544"/>
      <c r="I484" s="544"/>
      <c r="J484" s="544"/>
      <c r="K484" s="544"/>
      <c r="L484" s="544"/>
      <c r="M484" s="544"/>
      <c r="N484" s="544"/>
      <c r="O484" s="544"/>
      <c r="P484" s="544"/>
      <c r="Q484" s="544"/>
      <c r="R484" s="544"/>
      <c r="S484" s="544"/>
      <c r="T484" s="545"/>
      <c r="U484" s="221" t="s">
        <v>632</v>
      </c>
      <c r="V484" s="546" t="s">
        <v>107</v>
      </c>
      <c r="W484" s="547"/>
      <c r="X484" s="547"/>
      <c r="Y484" s="547"/>
      <c r="Z484" s="548"/>
      <c r="AA484" s="546" t="s">
        <v>108</v>
      </c>
      <c r="AB484" s="547"/>
      <c r="AC484" s="548"/>
      <c r="AD484" s="415">
        <v>1</v>
      </c>
      <c r="AE484" s="415">
        <v>0</v>
      </c>
      <c r="AF484" s="646"/>
      <c r="AG484" s="647"/>
      <c r="AH484" s="549"/>
      <c r="AI484" s="550"/>
      <c r="AJ484" s="551"/>
      <c r="AK484" s="332"/>
      <c r="AL484" s="29"/>
      <c r="AM484" s="16"/>
      <c r="AN484" s="3" t="str">
        <f t="shared" si="16"/>
        <v>■</v>
      </c>
    </row>
    <row r="485" spans="1:40">
      <c r="A485" s="20"/>
      <c r="B485" s="25"/>
      <c r="C485" s="541">
        <v>10</v>
      </c>
      <c r="D485" s="542"/>
      <c r="E485" s="543" t="s">
        <v>789</v>
      </c>
      <c r="F485" s="544"/>
      <c r="G485" s="544"/>
      <c r="H485" s="544"/>
      <c r="I485" s="544"/>
      <c r="J485" s="544"/>
      <c r="K485" s="544"/>
      <c r="L485" s="544"/>
      <c r="M485" s="544"/>
      <c r="N485" s="544"/>
      <c r="O485" s="544"/>
      <c r="P485" s="544"/>
      <c r="Q485" s="544"/>
      <c r="R485" s="544"/>
      <c r="S485" s="544"/>
      <c r="T485" s="545"/>
      <c r="U485" s="221" t="s">
        <v>634</v>
      </c>
      <c r="V485" s="546" t="s">
        <v>107</v>
      </c>
      <c r="W485" s="547"/>
      <c r="X485" s="547"/>
      <c r="Y485" s="547"/>
      <c r="Z485" s="548"/>
      <c r="AA485" s="546" t="s">
        <v>108</v>
      </c>
      <c r="AB485" s="547"/>
      <c r="AC485" s="548"/>
      <c r="AD485" s="415">
        <v>1</v>
      </c>
      <c r="AE485" s="415">
        <v>0</v>
      </c>
      <c r="AF485" s="646"/>
      <c r="AG485" s="647"/>
      <c r="AH485" s="549"/>
      <c r="AI485" s="550"/>
      <c r="AJ485" s="551"/>
      <c r="AK485" s="332"/>
      <c r="AL485" s="29"/>
      <c r="AM485" s="16"/>
      <c r="AN485" s="3" t="str">
        <f t="shared" si="16"/>
        <v>■</v>
      </c>
    </row>
    <row r="486" spans="1:40">
      <c r="A486" s="20"/>
      <c r="B486" s="25"/>
      <c r="C486" s="541">
        <v>11</v>
      </c>
      <c r="D486" s="542"/>
      <c r="E486" s="543" t="s">
        <v>790</v>
      </c>
      <c r="F486" s="544"/>
      <c r="G486" s="544"/>
      <c r="H486" s="544"/>
      <c r="I486" s="544"/>
      <c r="J486" s="544"/>
      <c r="K486" s="544"/>
      <c r="L486" s="544"/>
      <c r="M486" s="544"/>
      <c r="N486" s="544"/>
      <c r="O486" s="544"/>
      <c r="P486" s="544"/>
      <c r="Q486" s="544"/>
      <c r="R486" s="544"/>
      <c r="S486" s="544"/>
      <c r="T486" s="545"/>
      <c r="U486" s="221" t="s">
        <v>636</v>
      </c>
      <c r="V486" s="546" t="s">
        <v>107</v>
      </c>
      <c r="W486" s="547"/>
      <c r="X486" s="547"/>
      <c r="Y486" s="547"/>
      <c r="Z486" s="548"/>
      <c r="AA486" s="546" t="s">
        <v>108</v>
      </c>
      <c r="AB486" s="547"/>
      <c r="AC486" s="548"/>
      <c r="AD486" s="415">
        <v>1</v>
      </c>
      <c r="AE486" s="415">
        <v>0</v>
      </c>
      <c r="AF486" s="646"/>
      <c r="AG486" s="647"/>
      <c r="AH486" s="549"/>
      <c r="AI486" s="550"/>
      <c r="AJ486" s="551"/>
      <c r="AK486" s="332"/>
      <c r="AL486" s="29"/>
      <c r="AM486" s="16"/>
      <c r="AN486" s="3" t="str">
        <f t="shared" si="16"/>
        <v>■</v>
      </c>
    </row>
    <row r="487" spans="1:40">
      <c r="A487" s="20"/>
      <c r="B487" s="25"/>
      <c r="C487" s="541">
        <v>12</v>
      </c>
      <c r="D487" s="542"/>
      <c r="E487" s="543" t="s">
        <v>791</v>
      </c>
      <c r="F487" s="544"/>
      <c r="G487" s="544"/>
      <c r="H487" s="544"/>
      <c r="I487" s="544"/>
      <c r="J487" s="544"/>
      <c r="K487" s="544"/>
      <c r="L487" s="544"/>
      <c r="M487" s="544"/>
      <c r="N487" s="544"/>
      <c r="O487" s="544"/>
      <c r="P487" s="544"/>
      <c r="Q487" s="544"/>
      <c r="R487" s="544"/>
      <c r="S487" s="544"/>
      <c r="T487" s="545"/>
      <c r="U487" s="221" t="s">
        <v>638</v>
      </c>
      <c r="V487" s="546" t="s">
        <v>107</v>
      </c>
      <c r="W487" s="547"/>
      <c r="X487" s="547"/>
      <c r="Y487" s="547"/>
      <c r="Z487" s="548"/>
      <c r="AA487" s="546" t="s">
        <v>108</v>
      </c>
      <c r="AB487" s="547"/>
      <c r="AC487" s="548"/>
      <c r="AD487" s="415">
        <v>1</v>
      </c>
      <c r="AE487" s="415">
        <v>0</v>
      </c>
      <c r="AF487" s="646"/>
      <c r="AG487" s="647"/>
      <c r="AH487" s="549"/>
      <c r="AI487" s="550"/>
      <c r="AJ487" s="551"/>
      <c r="AK487" s="332"/>
      <c r="AL487" s="29"/>
      <c r="AM487" s="16"/>
      <c r="AN487" s="3" t="str">
        <f t="shared" si="16"/>
        <v>■</v>
      </c>
    </row>
    <row r="488" spans="1:40">
      <c r="A488" s="20"/>
      <c r="B488" s="25"/>
      <c r="C488" s="541">
        <v>13</v>
      </c>
      <c r="D488" s="542"/>
      <c r="E488" s="543" t="s">
        <v>792</v>
      </c>
      <c r="F488" s="544"/>
      <c r="G488" s="544"/>
      <c r="H488" s="544"/>
      <c r="I488" s="544"/>
      <c r="J488" s="544"/>
      <c r="K488" s="544"/>
      <c r="L488" s="544"/>
      <c r="M488" s="544"/>
      <c r="N488" s="544"/>
      <c r="O488" s="544"/>
      <c r="P488" s="544"/>
      <c r="Q488" s="544"/>
      <c r="R488" s="544"/>
      <c r="S488" s="544"/>
      <c r="T488" s="545"/>
      <c r="U488" s="221" t="s">
        <v>640</v>
      </c>
      <c r="V488" s="546" t="s">
        <v>107</v>
      </c>
      <c r="W488" s="547"/>
      <c r="X488" s="547"/>
      <c r="Y488" s="547"/>
      <c r="Z488" s="548"/>
      <c r="AA488" s="546" t="s">
        <v>108</v>
      </c>
      <c r="AB488" s="547"/>
      <c r="AC488" s="548"/>
      <c r="AD488" s="415">
        <v>1</v>
      </c>
      <c r="AE488" s="415">
        <v>0</v>
      </c>
      <c r="AF488" s="646"/>
      <c r="AG488" s="647"/>
      <c r="AH488" s="549"/>
      <c r="AI488" s="550"/>
      <c r="AJ488" s="551"/>
      <c r="AK488" s="332"/>
      <c r="AL488" s="29"/>
      <c r="AM488" s="16"/>
      <c r="AN488" s="3" t="str">
        <f t="shared" si="16"/>
        <v>■</v>
      </c>
    </row>
    <row r="489" spans="1:40">
      <c r="A489" s="20"/>
      <c r="B489" s="25"/>
      <c r="C489" s="541">
        <v>14</v>
      </c>
      <c r="D489" s="542"/>
      <c r="E489" s="543" t="s">
        <v>793</v>
      </c>
      <c r="F489" s="544"/>
      <c r="G489" s="544"/>
      <c r="H489" s="544"/>
      <c r="I489" s="544"/>
      <c r="J489" s="544"/>
      <c r="K489" s="544"/>
      <c r="L489" s="544"/>
      <c r="M489" s="544"/>
      <c r="N489" s="544"/>
      <c r="O489" s="544"/>
      <c r="P489" s="544"/>
      <c r="Q489" s="544"/>
      <c r="R489" s="544"/>
      <c r="S489" s="544"/>
      <c r="T489" s="545"/>
      <c r="U489" s="221" t="s">
        <v>642</v>
      </c>
      <c r="V489" s="546" t="s">
        <v>107</v>
      </c>
      <c r="W489" s="547"/>
      <c r="X489" s="547"/>
      <c r="Y489" s="547"/>
      <c r="Z489" s="548"/>
      <c r="AA489" s="546" t="s">
        <v>108</v>
      </c>
      <c r="AB489" s="547"/>
      <c r="AC489" s="548"/>
      <c r="AD489" s="415">
        <v>1</v>
      </c>
      <c r="AE489" s="415">
        <v>0</v>
      </c>
      <c r="AF489" s="646"/>
      <c r="AG489" s="647"/>
      <c r="AH489" s="549"/>
      <c r="AI489" s="550"/>
      <c r="AJ489" s="551"/>
      <c r="AK489" s="332"/>
      <c r="AL489" s="29"/>
      <c r="AM489" s="16"/>
      <c r="AN489" s="3" t="str">
        <f t="shared" si="16"/>
        <v>■</v>
      </c>
    </row>
    <row r="490" spans="1:40">
      <c r="A490" s="20"/>
      <c r="B490" s="25"/>
      <c r="C490" s="541">
        <v>15</v>
      </c>
      <c r="D490" s="542"/>
      <c r="E490" s="543" t="s">
        <v>794</v>
      </c>
      <c r="F490" s="544"/>
      <c r="G490" s="544"/>
      <c r="H490" s="544"/>
      <c r="I490" s="544"/>
      <c r="J490" s="544"/>
      <c r="K490" s="544"/>
      <c r="L490" s="544"/>
      <c r="M490" s="544"/>
      <c r="N490" s="544"/>
      <c r="O490" s="544"/>
      <c r="P490" s="544"/>
      <c r="Q490" s="544"/>
      <c r="R490" s="544"/>
      <c r="S490" s="544"/>
      <c r="T490" s="545"/>
      <c r="U490" s="221" t="s">
        <v>644</v>
      </c>
      <c r="V490" s="546" t="s">
        <v>107</v>
      </c>
      <c r="W490" s="547"/>
      <c r="X490" s="547"/>
      <c r="Y490" s="547"/>
      <c r="Z490" s="548"/>
      <c r="AA490" s="546" t="s">
        <v>108</v>
      </c>
      <c r="AB490" s="547"/>
      <c r="AC490" s="548"/>
      <c r="AD490" s="415">
        <v>1</v>
      </c>
      <c r="AE490" s="415">
        <v>0</v>
      </c>
      <c r="AF490" s="646"/>
      <c r="AG490" s="647"/>
      <c r="AH490" s="549"/>
      <c r="AI490" s="550"/>
      <c r="AJ490" s="551"/>
      <c r="AK490" s="332"/>
      <c r="AL490" s="29"/>
      <c r="AM490" s="16"/>
      <c r="AN490" s="3" t="str">
        <f t="shared" si="16"/>
        <v>■</v>
      </c>
    </row>
    <row r="491" spans="1:40">
      <c r="A491" s="20"/>
      <c r="B491" s="25"/>
      <c r="C491" s="541">
        <v>16</v>
      </c>
      <c r="D491" s="542"/>
      <c r="E491" s="543" t="s">
        <v>795</v>
      </c>
      <c r="F491" s="544"/>
      <c r="G491" s="544"/>
      <c r="H491" s="544"/>
      <c r="I491" s="544"/>
      <c r="J491" s="544"/>
      <c r="K491" s="544"/>
      <c r="L491" s="544"/>
      <c r="M491" s="544"/>
      <c r="N491" s="544"/>
      <c r="O491" s="544"/>
      <c r="P491" s="544"/>
      <c r="Q491" s="544"/>
      <c r="R491" s="544"/>
      <c r="S491" s="544"/>
      <c r="T491" s="545"/>
      <c r="U491" s="221" t="s">
        <v>646</v>
      </c>
      <c r="V491" s="546" t="s">
        <v>107</v>
      </c>
      <c r="W491" s="547"/>
      <c r="X491" s="547"/>
      <c r="Y491" s="547"/>
      <c r="Z491" s="548"/>
      <c r="AA491" s="546" t="s">
        <v>108</v>
      </c>
      <c r="AB491" s="547"/>
      <c r="AC491" s="548"/>
      <c r="AD491" s="415">
        <v>1</v>
      </c>
      <c r="AE491" s="415">
        <v>0</v>
      </c>
      <c r="AF491" s="646"/>
      <c r="AG491" s="647"/>
      <c r="AH491" s="549"/>
      <c r="AI491" s="550"/>
      <c r="AJ491" s="551"/>
      <c r="AK491" s="332"/>
      <c r="AL491" s="29"/>
      <c r="AM491" s="16"/>
      <c r="AN491" s="3" t="str">
        <f t="shared" si="16"/>
        <v>■</v>
      </c>
    </row>
    <row r="492" spans="1:40">
      <c r="A492" s="20"/>
      <c r="B492" s="25"/>
      <c r="C492" s="541">
        <v>17</v>
      </c>
      <c r="D492" s="542"/>
      <c r="E492" s="543" t="s">
        <v>796</v>
      </c>
      <c r="F492" s="544"/>
      <c r="G492" s="544"/>
      <c r="H492" s="544"/>
      <c r="I492" s="544"/>
      <c r="J492" s="544"/>
      <c r="K492" s="544"/>
      <c r="L492" s="544"/>
      <c r="M492" s="544"/>
      <c r="N492" s="544"/>
      <c r="O492" s="544"/>
      <c r="P492" s="544"/>
      <c r="Q492" s="544"/>
      <c r="R492" s="544"/>
      <c r="S492" s="544"/>
      <c r="T492" s="545"/>
      <c r="U492" s="221" t="s">
        <v>648</v>
      </c>
      <c r="V492" s="546" t="s">
        <v>107</v>
      </c>
      <c r="W492" s="547"/>
      <c r="X492" s="547"/>
      <c r="Y492" s="547"/>
      <c r="Z492" s="548"/>
      <c r="AA492" s="546" t="s">
        <v>108</v>
      </c>
      <c r="AB492" s="547"/>
      <c r="AC492" s="548"/>
      <c r="AD492" s="415">
        <v>1</v>
      </c>
      <c r="AE492" s="415">
        <v>0</v>
      </c>
      <c r="AF492" s="646"/>
      <c r="AG492" s="647"/>
      <c r="AH492" s="549"/>
      <c r="AI492" s="550"/>
      <c r="AJ492" s="551"/>
      <c r="AK492" s="332"/>
      <c r="AL492" s="29"/>
      <c r="AM492" s="16"/>
      <c r="AN492" s="3" t="str">
        <f t="shared" si="16"/>
        <v>■</v>
      </c>
    </row>
    <row r="493" spans="1:40">
      <c r="A493" s="20"/>
      <c r="B493" s="25"/>
      <c r="C493" s="541">
        <v>18</v>
      </c>
      <c r="D493" s="542"/>
      <c r="E493" s="543" t="s">
        <v>797</v>
      </c>
      <c r="F493" s="544"/>
      <c r="G493" s="544"/>
      <c r="H493" s="544"/>
      <c r="I493" s="544"/>
      <c r="J493" s="544"/>
      <c r="K493" s="544"/>
      <c r="L493" s="544"/>
      <c r="M493" s="544"/>
      <c r="N493" s="544"/>
      <c r="O493" s="544"/>
      <c r="P493" s="544"/>
      <c r="Q493" s="544"/>
      <c r="R493" s="544"/>
      <c r="S493" s="544"/>
      <c r="T493" s="545"/>
      <c r="U493" s="221" t="s">
        <v>650</v>
      </c>
      <c r="V493" s="546" t="s">
        <v>107</v>
      </c>
      <c r="W493" s="547"/>
      <c r="X493" s="547"/>
      <c r="Y493" s="547"/>
      <c r="Z493" s="548"/>
      <c r="AA493" s="546" t="s">
        <v>108</v>
      </c>
      <c r="AB493" s="547"/>
      <c r="AC493" s="548"/>
      <c r="AD493" s="415">
        <v>1</v>
      </c>
      <c r="AE493" s="415">
        <v>0</v>
      </c>
      <c r="AF493" s="646"/>
      <c r="AG493" s="647"/>
      <c r="AH493" s="549"/>
      <c r="AI493" s="550"/>
      <c r="AJ493" s="551"/>
      <c r="AK493" s="332"/>
      <c r="AL493" s="29"/>
      <c r="AM493" s="16"/>
      <c r="AN493" s="3" t="str">
        <f t="shared" si="16"/>
        <v>■</v>
      </c>
    </row>
    <row r="494" spans="1:40">
      <c r="A494" s="20"/>
      <c r="B494" s="25"/>
      <c r="C494" s="541">
        <v>19</v>
      </c>
      <c r="D494" s="542"/>
      <c r="E494" s="543" t="s">
        <v>798</v>
      </c>
      <c r="F494" s="544"/>
      <c r="G494" s="544"/>
      <c r="H494" s="544"/>
      <c r="I494" s="544"/>
      <c r="J494" s="544"/>
      <c r="K494" s="544"/>
      <c r="L494" s="544"/>
      <c r="M494" s="544"/>
      <c r="N494" s="544"/>
      <c r="O494" s="544"/>
      <c r="P494" s="544"/>
      <c r="Q494" s="544"/>
      <c r="R494" s="544"/>
      <c r="S494" s="544"/>
      <c r="T494" s="545"/>
      <c r="U494" s="221" t="s">
        <v>652</v>
      </c>
      <c r="V494" s="546" t="s">
        <v>107</v>
      </c>
      <c r="W494" s="547"/>
      <c r="X494" s="547"/>
      <c r="Y494" s="547"/>
      <c r="Z494" s="548"/>
      <c r="AA494" s="546" t="s">
        <v>108</v>
      </c>
      <c r="AB494" s="547"/>
      <c r="AC494" s="548"/>
      <c r="AD494" s="415">
        <v>1</v>
      </c>
      <c r="AE494" s="415">
        <v>0</v>
      </c>
      <c r="AF494" s="646"/>
      <c r="AG494" s="647"/>
      <c r="AH494" s="549"/>
      <c r="AI494" s="550"/>
      <c r="AJ494" s="551"/>
      <c r="AK494" s="332"/>
      <c r="AL494" s="29"/>
      <c r="AM494" s="16"/>
      <c r="AN494" s="3" t="str">
        <f t="shared" si="16"/>
        <v>■</v>
      </c>
    </row>
    <row r="495" spans="1:40">
      <c r="A495" s="20"/>
      <c r="B495" s="25"/>
      <c r="C495" s="541">
        <v>20</v>
      </c>
      <c r="D495" s="542"/>
      <c r="E495" s="543" t="s">
        <v>799</v>
      </c>
      <c r="F495" s="544"/>
      <c r="G495" s="544"/>
      <c r="H495" s="544"/>
      <c r="I495" s="544"/>
      <c r="J495" s="544"/>
      <c r="K495" s="544"/>
      <c r="L495" s="544"/>
      <c r="M495" s="544"/>
      <c r="N495" s="544"/>
      <c r="O495" s="544"/>
      <c r="P495" s="544"/>
      <c r="Q495" s="544"/>
      <c r="R495" s="544"/>
      <c r="S495" s="544"/>
      <c r="T495" s="545"/>
      <c r="U495" s="221" t="s">
        <v>654</v>
      </c>
      <c r="V495" s="546" t="s">
        <v>107</v>
      </c>
      <c r="W495" s="547"/>
      <c r="X495" s="547"/>
      <c r="Y495" s="547"/>
      <c r="Z495" s="548"/>
      <c r="AA495" s="546" t="s">
        <v>108</v>
      </c>
      <c r="AB495" s="547"/>
      <c r="AC495" s="548"/>
      <c r="AD495" s="415">
        <v>1</v>
      </c>
      <c r="AE495" s="415">
        <v>0</v>
      </c>
      <c r="AF495" s="646"/>
      <c r="AG495" s="647"/>
      <c r="AH495" s="549"/>
      <c r="AI495" s="550"/>
      <c r="AJ495" s="551"/>
      <c r="AK495" s="332"/>
      <c r="AL495" s="29"/>
      <c r="AM495" s="16"/>
      <c r="AN495" s="3" t="str">
        <f t="shared" si="16"/>
        <v>■</v>
      </c>
    </row>
    <row r="496" spans="1:40">
      <c r="A496" s="20"/>
      <c r="B496" s="25"/>
      <c r="C496" s="541">
        <v>21</v>
      </c>
      <c r="D496" s="542"/>
      <c r="E496" s="543" t="s">
        <v>800</v>
      </c>
      <c r="F496" s="544"/>
      <c r="G496" s="544"/>
      <c r="H496" s="544"/>
      <c r="I496" s="544"/>
      <c r="J496" s="544"/>
      <c r="K496" s="544"/>
      <c r="L496" s="544"/>
      <c r="M496" s="544"/>
      <c r="N496" s="544"/>
      <c r="O496" s="544"/>
      <c r="P496" s="544"/>
      <c r="Q496" s="544"/>
      <c r="R496" s="544"/>
      <c r="S496" s="544"/>
      <c r="T496" s="545"/>
      <c r="U496" s="221" t="s">
        <v>656</v>
      </c>
      <c r="V496" s="546" t="s">
        <v>107</v>
      </c>
      <c r="W496" s="547"/>
      <c r="X496" s="547"/>
      <c r="Y496" s="547"/>
      <c r="Z496" s="548"/>
      <c r="AA496" s="546" t="s">
        <v>108</v>
      </c>
      <c r="AB496" s="547"/>
      <c r="AC496" s="548"/>
      <c r="AD496" s="415">
        <v>1</v>
      </c>
      <c r="AE496" s="415">
        <v>0</v>
      </c>
      <c r="AF496" s="646"/>
      <c r="AG496" s="647"/>
      <c r="AH496" s="549"/>
      <c r="AI496" s="550"/>
      <c r="AJ496" s="551"/>
      <c r="AK496" s="332"/>
      <c r="AL496" s="29"/>
      <c r="AM496" s="16"/>
      <c r="AN496" s="3" t="str">
        <f t="shared" si="16"/>
        <v>■</v>
      </c>
    </row>
    <row r="497" spans="1:40">
      <c r="A497" s="20"/>
      <c r="B497" s="25"/>
      <c r="C497" s="541">
        <v>22</v>
      </c>
      <c r="D497" s="542"/>
      <c r="E497" s="543" t="s">
        <v>801</v>
      </c>
      <c r="F497" s="544"/>
      <c r="G497" s="544"/>
      <c r="H497" s="544"/>
      <c r="I497" s="544"/>
      <c r="J497" s="544"/>
      <c r="K497" s="544"/>
      <c r="L497" s="544"/>
      <c r="M497" s="544"/>
      <c r="N497" s="544"/>
      <c r="O497" s="544"/>
      <c r="P497" s="544"/>
      <c r="Q497" s="544"/>
      <c r="R497" s="544"/>
      <c r="S497" s="544"/>
      <c r="T497" s="545"/>
      <c r="U497" s="221" t="s">
        <v>658</v>
      </c>
      <c r="V497" s="546" t="s">
        <v>107</v>
      </c>
      <c r="W497" s="547"/>
      <c r="X497" s="547"/>
      <c r="Y497" s="547"/>
      <c r="Z497" s="548"/>
      <c r="AA497" s="546" t="s">
        <v>108</v>
      </c>
      <c r="AB497" s="547"/>
      <c r="AC497" s="548"/>
      <c r="AD497" s="415">
        <v>1</v>
      </c>
      <c r="AE497" s="415">
        <v>0</v>
      </c>
      <c r="AF497" s="646"/>
      <c r="AG497" s="647"/>
      <c r="AH497" s="549"/>
      <c r="AI497" s="550"/>
      <c r="AJ497" s="551"/>
      <c r="AK497" s="332"/>
      <c r="AL497" s="29"/>
      <c r="AM497" s="16"/>
      <c r="AN497" s="3" t="str">
        <f t="shared" si="16"/>
        <v>■</v>
      </c>
    </row>
    <row r="498" spans="1:40">
      <c r="A498" s="20"/>
      <c r="B498" s="25"/>
      <c r="C498" s="541">
        <v>23</v>
      </c>
      <c r="D498" s="542"/>
      <c r="E498" s="543" t="s">
        <v>802</v>
      </c>
      <c r="F498" s="544"/>
      <c r="G498" s="544"/>
      <c r="H498" s="544"/>
      <c r="I498" s="544"/>
      <c r="J498" s="544"/>
      <c r="K498" s="544"/>
      <c r="L498" s="544"/>
      <c r="M498" s="544"/>
      <c r="N498" s="544"/>
      <c r="O498" s="544"/>
      <c r="P498" s="544"/>
      <c r="Q498" s="544"/>
      <c r="R498" s="544"/>
      <c r="S498" s="544"/>
      <c r="T498" s="545"/>
      <c r="U498" s="221" t="s">
        <v>660</v>
      </c>
      <c r="V498" s="546" t="s">
        <v>107</v>
      </c>
      <c r="W498" s="547"/>
      <c r="X498" s="547"/>
      <c r="Y498" s="547"/>
      <c r="Z498" s="548"/>
      <c r="AA498" s="546" t="s">
        <v>108</v>
      </c>
      <c r="AB498" s="547"/>
      <c r="AC498" s="548"/>
      <c r="AD498" s="415">
        <v>1</v>
      </c>
      <c r="AE498" s="415">
        <v>0</v>
      </c>
      <c r="AF498" s="646"/>
      <c r="AG498" s="647"/>
      <c r="AH498" s="549"/>
      <c r="AI498" s="550"/>
      <c r="AJ498" s="551"/>
      <c r="AK498" s="332"/>
      <c r="AL498" s="29"/>
      <c r="AM498" s="16"/>
      <c r="AN498" s="3" t="str">
        <f t="shared" si="16"/>
        <v>■</v>
      </c>
    </row>
    <row r="499" spans="1:40">
      <c r="A499" s="20"/>
      <c r="B499" s="25"/>
      <c r="C499" s="541">
        <v>24</v>
      </c>
      <c r="D499" s="542"/>
      <c r="E499" s="543" t="s">
        <v>803</v>
      </c>
      <c r="F499" s="544"/>
      <c r="G499" s="544"/>
      <c r="H499" s="544"/>
      <c r="I499" s="544"/>
      <c r="J499" s="544"/>
      <c r="K499" s="544"/>
      <c r="L499" s="544"/>
      <c r="M499" s="544"/>
      <c r="N499" s="544"/>
      <c r="O499" s="544"/>
      <c r="P499" s="544"/>
      <c r="Q499" s="544"/>
      <c r="R499" s="544"/>
      <c r="S499" s="544"/>
      <c r="T499" s="545"/>
      <c r="U499" s="221" t="s">
        <v>662</v>
      </c>
      <c r="V499" s="546" t="s">
        <v>107</v>
      </c>
      <c r="W499" s="547"/>
      <c r="X499" s="547"/>
      <c r="Y499" s="547"/>
      <c r="Z499" s="548"/>
      <c r="AA499" s="546" t="s">
        <v>108</v>
      </c>
      <c r="AB499" s="547"/>
      <c r="AC499" s="548"/>
      <c r="AD499" s="415">
        <v>1</v>
      </c>
      <c r="AE499" s="415">
        <v>0</v>
      </c>
      <c r="AF499" s="646"/>
      <c r="AG499" s="647"/>
      <c r="AH499" s="549"/>
      <c r="AI499" s="550"/>
      <c r="AJ499" s="551"/>
      <c r="AK499" s="332"/>
      <c r="AL499" s="29"/>
      <c r="AM499" s="16"/>
      <c r="AN499" s="3" t="str">
        <f t="shared" si="16"/>
        <v>■</v>
      </c>
    </row>
    <row r="500" spans="1:40">
      <c r="A500" s="20"/>
      <c r="B500" s="25"/>
      <c r="C500" s="541">
        <v>25</v>
      </c>
      <c r="D500" s="542"/>
      <c r="E500" s="543" t="s">
        <v>804</v>
      </c>
      <c r="F500" s="544"/>
      <c r="G500" s="544"/>
      <c r="H500" s="544"/>
      <c r="I500" s="544"/>
      <c r="J500" s="544"/>
      <c r="K500" s="544"/>
      <c r="L500" s="544"/>
      <c r="M500" s="544"/>
      <c r="N500" s="544"/>
      <c r="O500" s="544"/>
      <c r="P500" s="544"/>
      <c r="Q500" s="544"/>
      <c r="R500" s="544"/>
      <c r="S500" s="544"/>
      <c r="T500" s="545"/>
      <c r="U500" s="221" t="s">
        <v>664</v>
      </c>
      <c r="V500" s="546" t="s">
        <v>107</v>
      </c>
      <c r="W500" s="547"/>
      <c r="X500" s="547"/>
      <c r="Y500" s="547"/>
      <c r="Z500" s="548"/>
      <c r="AA500" s="546" t="s">
        <v>108</v>
      </c>
      <c r="AB500" s="547"/>
      <c r="AC500" s="548"/>
      <c r="AD500" s="415">
        <v>1</v>
      </c>
      <c r="AE500" s="415">
        <v>0</v>
      </c>
      <c r="AF500" s="646"/>
      <c r="AG500" s="647"/>
      <c r="AH500" s="549"/>
      <c r="AI500" s="550"/>
      <c r="AJ500" s="551"/>
      <c r="AK500" s="332"/>
      <c r="AL500" s="29"/>
      <c r="AM500" s="16"/>
      <c r="AN500" s="3" t="str">
        <f t="shared" si="16"/>
        <v>■</v>
      </c>
    </row>
    <row r="501" spans="1:40">
      <c r="A501" s="20"/>
      <c r="B501" s="25"/>
      <c r="C501" s="541">
        <v>26</v>
      </c>
      <c r="D501" s="542"/>
      <c r="E501" s="543" t="s">
        <v>805</v>
      </c>
      <c r="F501" s="544"/>
      <c r="G501" s="544"/>
      <c r="H501" s="544"/>
      <c r="I501" s="544"/>
      <c r="J501" s="544"/>
      <c r="K501" s="544"/>
      <c r="L501" s="544"/>
      <c r="M501" s="544"/>
      <c r="N501" s="544"/>
      <c r="O501" s="544"/>
      <c r="P501" s="544"/>
      <c r="Q501" s="544"/>
      <c r="R501" s="544"/>
      <c r="S501" s="544"/>
      <c r="T501" s="545"/>
      <c r="U501" s="221" t="s">
        <v>666</v>
      </c>
      <c r="V501" s="546" t="s">
        <v>107</v>
      </c>
      <c r="W501" s="547"/>
      <c r="X501" s="547"/>
      <c r="Y501" s="547"/>
      <c r="Z501" s="548"/>
      <c r="AA501" s="546" t="s">
        <v>108</v>
      </c>
      <c r="AB501" s="547"/>
      <c r="AC501" s="548"/>
      <c r="AD501" s="415">
        <v>1</v>
      </c>
      <c r="AE501" s="415">
        <v>0</v>
      </c>
      <c r="AF501" s="646"/>
      <c r="AG501" s="647"/>
      <c r="AH501" s="549"/>
      <c r="AI501" s="550"/>
      <c r="AJ501" s="551"/>
      <c r="AK501" s="332"/>
      <c r="AL501" s="29"/>
      <c r="AM501" s="16"/>
      <c r="AN501" s="3" t="str">
        <f t="shared" si="16"/>
        <v>■</v>
      </c>
    </row>
    <row r="502" spans="1:40">
      <c r="A502" s="20"/>
      <c r="B502" s="25"/>
      <c r="C502" s="541">
        <v>27</v>
      </c>
      <c r="D502" s="542"/>
      <c r="E502" s="543" t="s">
        <v>806</v>
      </c>
      <c r="F502" s="544"/>
      <c r="G502" s="544"/>
      <c r="H502" s="544"/>
      <c r="I502" s="544"/>
      <c r="J502" s="544"/>
      <c r="K502" s="544"/>
      <c r="L502" s="544"/>
      <c r="M502" s="544"/>
      <c r="N502" s="544"/>
      <c r="O502" s="544"/>
      <c r="P502" s="544"/>
      <c r="Q502" s="544"/>
      <c r="R502" s="544"/>
      <c r="S502" s="544"/>
      <c r="T502" s="545"/>
      <c r="U502" s="221" t="s">
        <v>668</v>
      </c>
      <c r="V502" s="546" t="s">
        <v>107</v>
      </c>
      <c r="W502" s="547"/>
      <c r="X502" s="547"/>
      <c r="Y502" s="547"/>
      <c r="Z502" s="548"/>
      <c r="AA502" s="546" t="s">
        <v>108</v>
      </c>
      <c r="AB502" s="547"/>
      <c r="AC502" s="548"/>
      <c r="AD502" s="415">
        <v>1</v>
      </c>
      <c r="AE502" s="415">
        <v>0</v>
      </c>
      <c r="AF502" s="646"/>
      <c r="AG502" s="647"/>
      <c r="AH502" s="549"/>
      <c r="AI502" s="550"/>
      <c r="AJ502" s="551"/>
      <c r="AK502" s="332"/>
      <c r="AL502" s="29"/>
      <c r="AM502" s="16"/>
      <c r="AN502" s="3" t="str">
        <f t="shared" si="16"/>
        <v>■</v>
      </c>
    </row>
    <row r="503" spans="1:40">
      <c r="A503" s="20"/>
      <c r="B503" s="25"/>
      <c r="C503" s="541">
        <v>28</v>
      </c>
      <c r="D503" s="542"/>
      <c r="E503" s="543" t="s">
        <v>807</v>
      </c>
      <c r="F503" s="544"/>
      <c r="G503" s="544"/>
      <c r="H503" s="544"/>
      <c r="I503" s="544"/>
      <c r="J503" s="544"/>
      <c r="K503" s="544"/>
      <c r="L503" s="544"/>
      <c r="M503" s="544"/>
      <c r="N503" s="544"/>
      <c r="O503" s="544"/>
      <c r="P503" s="544"/>
      <c r="Q503" s="544"/>
      <c r="R503" s="544"/>
      <c r="S503" s="544"/>
      <c r="T503" s="545"/>
      <c r="U503" s="221" t="s">
        <v>670</v>
      </c>
      <c r="V503" s="546" t="s">
        <v>107</v>
      </c>
      <c r="W503" s="547"/>
      <c r="X503" s="547"/>
      <c r="Y503" s="547"/>
      <c r="Z503" s="548"/>
      <c r="AA503" s="546" t="s">
        <v>108</v>
      </c>
      <c r="AB503" s="547"/>
      <c r="AC503" s="548"/>
      <c r="AD503" s="415">
        <v>1</v>
      </c>
      <c r="AE503" s="415">
        <v>0</v>
      </c>
      <c r="AF503" s="646"/>
      <c r="AG503" s="647"/>
      <c r="AH503" s="549"/>
      <c r="AI503" s="550"/>
      <c r="AJ503" s="551"/>
      <c r="AK503" s="332"/>
      <c r="AL503" s="29"/>
      <c r="AM503" s="16"/>
      <c r="AN503" s="3" t="str">
        <f t="shared" si="16"/>
        <v>■</v>
      </c>
    </row>
    <row r="504" spans="1:40">
      <c r="A504" s="20"/>
      <c r="B504" s="25"/>
      <c r="C504" s="541">
        <v>29</v>
      </c>
      <c r="D504" s="542"/>
      <c r="E504" s="543" t="s">
        <v>808</v>
      </c>
      <c r="F504" s="544"/>
      <c r="G504" s="544"/>
      <c r="H504" s="544"/>
      <c r="I504" s="544"/>
      <c r="J504" s="544"/>
      <c r="K504" s="544"/>
      <c r="L504" s="544"/>
      <c r="M504" s="544"/>
      <c r="N504" s="544"/>
      <c r="O504" s="544"/>
      <c r="P504" s="544"/>
      <c r="Q504" s="544"/>
      <c r="R504" s="544"/>
      <c r="S504" s="544"/>
      <c r="T504" s="545"/>
      <c r="U504" s="221" t="s">
        <v>672</v>
      </c>
      <c r="V504" s="546" t="s">
        <v>107</v>
      </c>
      <c r="W504" s="547"/>
      <c r="X504" s="547"/>
      <c r="Y504" s="547"/>
      <c r="Z504" s="548"/>
      <c r="AA504" s="546" t="s">
        <v>108</v>
      </c>
      <c r="AB504" s="547"/>
      <c r="AC504" s="548"/>
      <c r="AD504" s="415">
        <v>1</v>
      </c>
      <c r="AE504" s="415">
        <v>0</v>
      </c>
      <c r="AF504" s="646"/>
      <c r="AG504" s="647"/>
      <c r="AH504" s="549"/>
      <c r="AI504" s="550"/>
      <c r="AJ504" s="551"/>
      <c r="AK504" s="332"/>
      <c r="AL504" s="29"/>
      <c r="AM504" s="16"/>
      <c r="AN504" s="3" t="str">
        <f t="shared" si="16"/>
        <v>■</v>
      </c>
    </row>
    <row r="505" spans="1:40">
      <c r="A505" s="20"/>
      <c r="B505" s="25"/>
      <c r="C505" s="541">
        <v>30</v>
      </c>
      <c r="D505" s="542"/>
      <c r="E505" s="543" t="s">
        <v>809</v>
      </c>
      <c r="F505" s="544"/>
      <c r="G505" s="544"/>
      <c r="H505" s="544"/>
      <c r="I505" s="544"/>
      <c r="J505" s="544"/>
      <c r="K505" s="544"/>
      <c r="L505" s="544"/>
      <c r="M505" s="544"/>
      <c r="N505" s="544"/>
      <c r="O505" s="544"/>
      <c r="P505" s="544"/>
      <c r="Q505" s="544"/>
      <c r="R505" s="544"/>
      <c r="S505" s="544"/>
      <c r="T505" s="545"/>
      <c r="U505" s="221" t="s">
        <v>674</v>
      </c>
      <c r="V505" s="546" t="s">
        <v>107</v>
      </c>
      <c r="W505" s="547"/>
      <c r="X505" s="547"/>
      <c r="Y505" s="547"/>
      <c r="Z505" s="548"/>
      <c r="AA505" s="546" t="s">
        <v>108</v>
      </c>
      <c r="AB505" s="547"/>
      <c r="AC505" s="548"/>
      <c r="AD505" s="415">
        <v>1</v>
      </c>
      <c r="AE505" s="415">
        <v>0</v>
      </c>
      <c r="AF505" s="646"/>
      <c r="AG505" s="647"/>
      <c r="AH505" s="549"/>
      <c r="AI505" s="550"/>
      <c r="AJ505" s="551"/>
      <c r="AK505" s="332"/>
      <c r="AL505" s="29"/>
      <c r="AM505" s="16"/>
      <c r="AN505" s="3" t="str">
        <f t="shared" si="16"/>
        <v>■</v>
      </c>
    </row>
    <row r="506" spans="1:40">
      <c r="A506" s="20"/>
      <c r="B506" s="25"/>
      <c r="C506" s="541">
        <v>31</v>
      </c>
      <c r="D506" s="542"/>
      <c r="E506" s="543" t="s">
        <v>810</v>
      </c>
      <c r="F506" s="544"/>
      <c r="G506" s="544"/>
      <c r="H506" s="544"/>
      <c r="I506" s="544"/>
      <c r="J506" s="544"/>
      <c r="K506" s="544"/>
      <c r="L506" s="544"/>
      <c r="M506" s="544"/>
      <c r="N506" s="544"/>
      <c r="O506" s="544"/>
      <c r="P506" s="544"/>
      <c r="Q506" s="544"/>
      <c r="R506" s="544"/>
      <c r="S506" s="544"/>
      <c r="T506" s="545"/>
      <c r="U506" s="221" t="s">
        <v>676</v>
      </c>
      <c r="V506" s="546" t="s">
        <v>107</v>
      </c>
      <c r="W506" s="547"/>
      <c r="X506" s="547"/>
      <c r="Y506" s="547"/>
      <c r="Z506" s="548"/>
      <c r="AA506" s="546" t="s">
        <v>108</v>
      </c>
      <c r="AB506" s="547"/>
      <c r="AC506" s="548"/>
      <c r="AD506" s="415">
        <v>1</v>
      </c>
      <c r="AE506" s="415">
        <v>0</v>
      </c>
      <c r="AF506" s="646"/>
      <c r="AG506" s="647"/>
      <c r="AH506" s="549"/>
      <c r="AI506" s="550"/>
      <c r="AJ506" s="551"/>
      <c r="AK506" s="332"/>
      <c r="AL506" s="29"/>
      <c r="AM506" s="16"/>
      <c r="AN506" s="3" t="str">
        <f t="shared" si="16"/>
        <v>■</v>
      </c>
    </row>
    <row r="507" spans="1:40">
      <c r="A507" s="20"/>
      <c r="B507" s="25"/>
      <c r="C507" s="541">
        <v>32</v>
      </c>
      <c r="D507" s="542"/>
      <c r="E507" s="543" t="s">
        <v>811</v>
      </c>
      <c r="F507" s="544"/>
      <c r="G507" s="544"/>
      <c r="H507" s="544"/>
      <c r="I507" s="544"/>
      <c r="J507" s="544"/>
      <c r="K507" s="544"/>
      <c r="L507" s="544"/>
      <c r="M507" s="544"/>
      <c r="N507" s="544"/>
      <c r="O507" s="544"/>
      <c r="P507" s="544"/>
      <c r="Q507" s="544"/>
      <c r="R507" s="544"/>
      <c r="S507" s="544"/>
      <c r="T507" s="545"/>
      <c r="U507" s="221" t="s">
        <v>678</v>
      </c>
      <c r="V507" s="546" t="s">
        <v>107</v>
      </c>
      <c r="W507" s="547"/>
      <c r="X507" s="547"/>
      <c r="Y507" s="547"/>
      <c r="Z507" s="548"/>
      <c r="AA507" s="546" t="s">
        <v>108</v>
      </c>
      <c r="AB507" s="547"/>
      <c r="AC507" s="548"/>
      <c r="AD507" s="415">
        <v>1</v>
      </c>
      <c r="AE507" s="415">
        <v>0</v>
      </c>
      <c r="AF507" s="646"/>
      <c r="AG507" s="647"/>
      <c r="AH507" s="549"/>
      <c r="AI507" s="550"/>
      <c r="AJ507" s="551"/>
      <c r="AK507" s="332"/>
      <c r="AL507" s="29"/>
      <c r="AM507" s="16"/>
      <c r="AN507" s="3" t="str">
        <f t="shared" si="16"/>
        <v>■</v>
      </c>
    </row>
    <row r="508" spans="1:40">
      <c r="A508" s="20"/>
      <c r="B508" s="25"/>
      <c r="C508" s="541">
        <v>33</v>
      </c>
      <c r="D508" s="542"/>
      <c r="E508" s="543" t="s">
        <v>812</v>
      </c>
      <c r="F508" s="544"/>
      <c r="G508" s="544"/>
      <c r="H508" s="544"/>
      <c r="I508" s="544"/>
      <c r="J508" s="544"/>
      <c r="K508" s="544"/>
      <c r="L508" s="544"/>
      <c r="M508" s="544"/>
      <c r="N508" s="544"/>
      <c r="O508" s="544"/>
      <c r="P508" s="544"/>
      <c r="Q508" s="544"/>
      <c r="R508" s="544"/>
      <c r="S508" s="544"/>
      <c r="T508" s="545"/>
      <c r="U508" s="221" t="s">
        <v>680</v>
      </c>
      <c r="V508" s="546" t="s">
        <v>107</v>
      </c>
      <c r="W508" s="547"/>
      <c r="X508" s="547"/>
      <c r="Y508" s="547"/>
      <c r="Z508" s="548"/>
      <c r="AA508" s="546" t="s">
        <v>108</v>
      </c>
      <c r="AB508" s="547"/>
      <c r="AC508" s="548"/>
      <c r="AD508" s="415">
        <v>1</v>
      </c>
      <c r="AE508" s="415">
        <v>0</v>
      </c>
      <c r="AF508" s="646"/>
      <c r="AG508" s="647"/>
      <c r="AH508" s="549"/>
      <c r="AI508" s="550"/>
      <c r="AJ508" s="551"/>
      <c r="AK508" s="332"/>
      <c r="AL508" s="29"/>
      <c r="AM508" s="16"/>
      <c r="AN508" s="3" t="str">
        <f t="shared" si="16"/>
        <v>■</v>
      </c>
    </row>
    <row r="509" spans="1:40">
      <c r="A509" s="20"/>
      <c r="B509" s="25"/>
      <c r="C509" s="541">
        <v>34</v>
      </c>
      <c r="D509" s="542"/>
      <c r="E509" s="543" t="s">
        <v>813</v>
      </c>
      <c r="F509" s="544"/>
      <c r="G509" s="544"/>
      <c r="H509" s="544"/>
      <c r="I509" s="544"/>
      <c r="J509" s="544"/>
      <c r="K509" s="544"/>
      <c r="L509" s="544"/>
      <c r="M509" s="544"/>
      <c r="N509" s="544"/>
      <c r="O509" s="544"/>
      <c r="P509" s="544"/>
      <c r="Q509" s="544"/>
      <c r="R509" s="544"/>
      <c r="S509" s="544"/>
      <c r="T509" s="545"/>
      <c r="U509" s="221" t="s">
        <v>682</v>
      </c>
      <c r="V509" s="546" t="s">
        <v>107</v>
      </c>
      <c r="W509" s="547"/>
      <c r="X509" s="547"/>
      <c r="Y509" s="547"/>
      <c r="Z509" s="548"/>
      <c r="AA509" s="546" t="s">
        <v>108</v>
      </c>
      <c r="AB509" s="547"/>
      <c r="AC509" s="548"/>
      <c r="AD509" s="415">
        <v>1</v>
      </c>
      <c r="AE509" s="415">
        <v>0</v>
      </c>
      <c r="AF509" s="646"/>
      <c r="AG509" s="647"/>
      <c r="AH509" s="549"/>
      <c r="AI509" s="550"/>
      <c r="AJ509" s="551"/>
      <c r="AK509" s="332"/>
      <c r="AL509" s="29"/>
      <c r="AM509" s="16"/>
      <c r="AN509" s="3" t="str">
        <f t="shared" si="16"/>
        <v>■</v>
      </c>
    </row>
    <row r="510" spans="1:40">
      <c r="A510" s="20"/>
      <c r="B510" s="25"/>
      <c r="C510" s="541">
        <v>35</v>
      </c>
      <c r="D510" s="542"/>
      <c r="E510" s="543" t="s">
        <v>814</v>
      </c>
      <c r="F510" s="544"/>
      <c r="G510" s="544"/>
      <c r="H510" s="544"/>
      <c r="I510" s="544"/>
      <c r="J510" s="544"/>
      <c r="K510" s="544"/>
      <c r="L510" s="544"/>
      <c r="M510" s="544"/>
      <c r="N510" s="544"/>
      <c r="O510" s="544"/>
      <c r="P510" s="544"/>
      <c r="Q510" s="544"/>
      <c r="R510" s="544"/>
      <c r="S510" s="544"/>
      <c r="T510" s="545"/>
      <c r="U510" s="221" t="s">
        <v>684</v>
      </c>
      <c r="V510" s="546" t="s">
        <v>107</v>
      </c>
      <c r="W510" s="547"/>
      <c r="X510" s="547"/>
      <c r="Y510" s="547"/>
      <c r="Z510" s="548"/>
      <c r="AA510" s="546" t="s">
        <v>108</v>
      </c>
      <c r="AB510" s="547"/>
      <c r="AC510" s="548"/>
      <c r="AD510" s="415">
        <v>1</v>
      </c>
      <c r="AE510" s="415">
        <v>0</v>
      </c>
      <c r="AF510" s="646"/>
      <c r="AG510" s="647"/>
      <c r="AH510" s="549"/>
      <c r="AI510" s="550"/>
      <c r="AJ510" s="551"/>
      <c r="AK510" s="332"/>
      <c r="AL510" s="29"/>
      <c r="AM510" s="16"/>
      <c r="AN510" s="3" t="str">
        <f t="shared" si="16"/>
        <v>■</v>
      </c>
    </row>
    <row r="511" spans="1:40">
      <c r="A511" s="20"/>
      <c r="B511" s="25"/>
      <c r="C511" s="541">
        <v>36</v>
      </c>
      <c r="D511" s="542"/>
      <c r="E511" s="543" t="s">
        <v>815</v>
      </c>
      <c r="F511" s="544"/>
      <c r="G511" s="544"/>
      <c r="H511" s="544"/>
      <c r="I511" s="544"/>
      <c r="J511" s="544"/>
      <c r="K511" s="544"/>
      <c r="L511" s="544"/>
      <c r="M511" s="544"/>
      <c r="N511" s="544"/>
      <c r="O511" s="544"/>
      <c r="P511" s="544"/>
      <c r="Q511" s="544"/>
      <c r="R511" s="544"/>
      <c r="S511" s="544"/>
      <c r="T511" s="545"/>
      <c r="U511" s="221" t="s">
        <v>686</v>
      </c>
      <c r="V511" s="546" t="s">
        <v>107</v>
      </c>
      <c r="W511" s="547"/>
      <c r="X511" s="547"/>
      <c r="Y511" s="547"/>
      <c r="Z511" s="548"/>
      <c r="AA511" s="546" t="s">
        <v>108</v>
      </c>
      <c r="AB511" s="547"/>
      <c r="AC511" s="548"/>
      <c r="AD511" s="415">
        <v>1</v>
      </c>
      <c r="AE511" s="415">
        <v>0</v>
      </c>
      <c r="AF511" s="646"/>
      <c r="AG511" s="647"/>
      <c r="AH511" s="549"/>
      <c r="AI511" s="550"/>
      <c r="AJ511" s="551"/>
      <c r="AK511" s="332"/>
      <c r="AL511" s="29"/>
      <c r="AM511" s="16"/>
      <c r="AN511" s="3" t="str">
        <f t="shared" si="16"/>
        <v>■</v>
      </c>
    </row>
    <row r="512" spans="1:40">
      <c r="A512" s="20"/>
      <c r="B512" s="25"/>
      <c r="C512" s="541">
        <v>37</v>
      </c>
      <c r="D512" s="542"/>
      <c r="E512" s="543" t="s">
        <v>816</v>
      </c>
      <c r="F512" s="544"/>
      <c r="G512" s="544"/>
      <c r="H512" s="544"/>
      <c r="I512" s="544"/>
      <c r="J512" s="544"/>
      <c r="K512" s="544"/>
      <c r="L512" s="544"/>
      <c r="M512" s="544"/>
      <c r="N512" s="544"/>
      <c r="O512" s="544"/>
      <c r="P512" s="544"/>
      <c r="Q512" s="544"/>
      <c r="R512" s="544"/>
      <c r="S512" s="544"/>
      <c r="T512" s="545"/>
      <c r="U512" s="221" t="s">
        <v>688</v>
      </c>
      <c r="V512" s="546" t="s">
        <v>107</v>
      </c>
      <c r="W512" s="547"/>
      <c r="X512" s="547"/>
      <c r="Y512" s="547"/>
      <c r="Z512" s="548"/>
      <c r="AA512" s="546" t="s">
        <v>108</v>
      </c>
      <c r="AB512" s="547"/>
      <c r="AC512" s="548"/>
      <c r="AD512" s="415">
        <v>1</v>
      </c>
      <c r="AE512" s="415">
        <v>0</v>
      </c>
      <c r="AF512" s="646"/>
      <c r="AG512" s="647"/>
      <c r="AH512" s="549"/>
      <c r="AI512" s="550"/>
      <c r="AJ512" s="551"/>
      <c r="AK512" s="332"/>
      <c r="AL512" s="29"/>
      <c r="AM512" s="16"/>
      <c r="AN512" s="3" t="str">
        <f t="shared" si="16"/>
        <v>■</v>
      </c>
    </row>
    <row r="513" spans="1:40">
      <c r="A513" s="20"/>
      <c r="B513" s="25"/>
      <c r="C513" s="541">
        <v>38</v>
      </c>
      <c r="D513" s="542"/>
      <c r="E513" s="543" t="s">
        <v>1785</v>
      </c>
      <c r="F513" s="544"/>
      <c r="G513" s="544"/>
      <c r="H513" s="544"/>
      <c r="I513" s="544"/>
      <c r="J513" s="544"/>
      <c r="K513" s="544"/>
      <c r="L513" s="544"/>
      <c r="M513" s="544"/>
      <c r="N513" s="544"/>
      <c r="O513" s="544"/>
      <c r="P513" s="544"/>
      <c r="Q513" s="544"/>
      <c r="R513" s="544"/>
      <c r="S513" s="544"/>
      <c r="T513" s="545"/>
      <c r="U513" s="221" t="s">
        <v>453</v>
      </c>
      <c r="V513" s="546" t="s">
        <v>107</v>
      </c>
      <c r="W513" s="547"/>
      <c r="X513" s="547"/>
      <c r="Y513" s="547"/>
      <c r="Z513" s="548"/>
      <c r="AA513" s="546" t="s">
        <v>102</v>
      </c>
      <c r="AB513" s="547"/>
      <c r="AC513" s="548"/>
      <c r="AD513" s="415">
        <v>6</v>
      </c>
      <c r="AE513" s="415" t="s">
        <v>103</v>
      </c>
      <c r="AF513" s="646"/>
      <c r="AG513" s="647"/>
      <c r="AH513" s="549"/>
      <c r="AI513" s="550"/>
      <c r="AJ513" s="551"/>
      <c r="AK513" s="332"/>
      <c r="AL513" s="29"/>
      <c r="AM513" s="16"/>
      <c r="AN513" s="3" t="str">
        <f t="shared" si="16"/>
        <v>■</v>
      </c>
    </row>
    <row r="514" spans="1:40">
      <c r="A514" s="20"/>
      <c r="B514" s="25"/>
      <c r="C514" s="541">
        <v>39</v>
      </c>
      <c r="D514" s="542"/>
      <c r="E514" s="543" t="s">
        <v>411</v>
      </c>
      <c r="F514" s="544"/>
      <c r="G514" s="544"/>
      <c r="H514" s="544"/>
      <c r="I514" s="544"/>
      <c r="J514" s="544"/>
      <c r="K514" s="544"/>
      <c r="L514" s="544"/>
      <c r="M514" s="544"/>
      <c r="N514" s="544"/>
      <c r="O514" s="544"/>
      <c r="P514" s="544"/>
      <c r="Q514" s="544"/>
      <c r="R514" s="544"/>
      <c r="S514" s="544"/>
      <c r="T514" s="545"/>
      <c r="U514" s="221" t="s">
        <v>516</v>
      </c>
      <c r="V514" s="546" t="s">
        <v>107</v>
      </c>
      <c r="W514" s="547"/>
      <c r="X514" s="547"/>
      <c r="Y514" s="547"/>
      <c r="Z514" s="548"/>
      <c r="AA514" s="546" t="s">
        <v>102</v>
      </c>
      <c r="AB514" s="547"/>
      <c r="AC514" s="548"/>
      <c r="AD514" s="415">
        <v>6</v>
      </c>
      <c r="AE514" s="415" t="s">
        <v>103</v>
      </c>
      <c r="AF514" s="646"/>
      <c r="AG514" s="647"/>
      <c r="AH514" s="549"/>
      <c r="AI514" s="550"/>
      <c r="AJ514" s="551"/>
      <c r="AK514" s="332"/>
      <c r="AL514" s="29"/>
      <c r="AM514" s="16"/>
      <c r="AN514" s="3" t="str">
        <f t="shared" si="16"/>
        <v>■</v>
      </c>
    </row>
    <row r="515" spans="1:40" ht="13.4" customHeight="1">
      <c r="A515" s="20"/>
      <c r="B515" s="25"/>
      <c r="C515" s="124"/>
      <c r="D515" s="124"/>
      <c r="E515" s="207"/>
      <c r="F515" s="207"/>
      <c r="G515" s="207"/>
      <c r="H515" s="207"/>
      <c r="I515" s="207"/>
      <c r="J515" s="207"/>
      <c r="K515" s="207"/>
      <c r="L515" s="207"/>
      <c r="M515" s="207"/>
      <c r="N515" s="207"/>
      <c r="O515" s="207"/>
      <c r="P515" s="207"/>
      <c r="Q515" s="207"/>
      <c r="R515" s="207"/>
      <c r="S515" s="207"/>
      <c r="T515" s="207"/>
      <c r="U515" s="214"/>
      <c r="V515" s="205"/>
      <c r="W515" s="205"/>
      <c r="X515" s="205"/>
      <c r="Y515" s="205"/>
      <c r="Z515" s="205"/>
      <c r="AA515" s="619"/>
      <c r="AB515" s="619"/>
      <c r="AC515" s="619"/>
      <c r="AD515" s="206"/>
      <c r="AE515" s="206"/>
      <c r="AF515" s="326"/>
      <c r="AG515" s="412"/>
      <c r="AH515" s="238"/>
      <c r="AI515" s="238"/>
      <c r="AJ515" s="238"/>
      <c r="AK515" s="26"/>
      <c r="AL515" s="29"/>
      <c r="AM515" s="16"/>
    </row>
    <row r="516" spans="1:40" ht="13.4" customHeight="1">
      <c r="A516" s="20"/>
      <c r="B516" s="25"/>
      <c r="C516" s="52" t="s">
        <v>380</v>
      </c>
      <c r="D516" s="124"/>
      <c r="E516" s="207"/>
      <c r="F516" s="207"/>
      <c r="G516" s="207"/>
      <c r="H516" s="207"/>
      <c r="I516" s="207"/>
      <c r="J516" s="207" t="s">
        <v>818</v>
      </c>
      <c r="K516" s="207"/>
      <c r="L516" s="207"/>
      <c r="M516" s="207"/>
      <c r="N516" s="207"/>
      <c r="O516" s="207"/>
      <c r="P516" s="207"/>
      <c r="Q516" s="207"/>
      <c r="R516" s="207"/>
      <c r="S516" s="207"/>
      <c r="T516" s="207"/>
      <c r="U516" s="214" t="s">
        <v>1787</v>
      </c>
      <c r="V516" s="205"/>
      <c r="W516" s="205"/>
      <c r="X516" s="205"/>
      <c r="Y516" s="205"/>
      <c r="Z516" s="205"/>
      <c r="AA516" s="620"/>
      <c r="AB516" s="620"/>
      <c r="AC516" s="620"/>
      <c r="AD516" s="206"/>
      <c r="AE516" s="206"/>
      <c r="AF516" s="326"/>
      <c r="AG516" s="239"/>
      <c r="AH516" s="238"/>
      <c r="AI516" s="238"/>
      <c r="AJ516" s="238"/>
      <c r="AK516" s="26"/>
      <c r="AL516" s="29"/>
      <c r="AM516" s="16"/>
    </row>
    <row r="517" spans="1:40" ht="13.4" customHeight="1">
      <c r="A517" s="20"/>
      <c r="B517" s="25"/>
      <c r="C517" s="583" t="s">
        <v>73</v>
      </c>
      <c r="D517" s="573"/>
      <c r="E517" s="583" t="s">
        <v>94</v>
      </c>
      <c r="F517" s="583"/>
      <c r="G517" s="583"/>
      <c r="H517" s="583"/>
      <c r="I517" s="583"/>
      <c r="J517" s="583"/>
      <c r="K517" s="583"/>
      <c r="L517" s="583"/>
      <c r="M517" s="583"/>
      <c r="N517" s="583"/>
      <c r="O517" s="583"/>
      <c r="P517" s="583"/>
      <c r="Q517" s="583"/>
      <c r="R517" s="583"/>
      <c r="S517" s="583"/>
      <c r="T517" s="583"/>
      <c r="U517" s="226" t="s">
        <v>383</v>
      </c>
      <c r="V517" s="572" t="s">
        <v>138</v>
      </c>
      <c r="W517" s="572"/>
      <c r="X517" s="572"/>
      <c r="Y517" s="572"/>
      <c r="Z517" s="572"/>
      <c r="AA517" s="598" t="s">
        <v>959</v>
      </c>
      <c r="AB517" s="599"/>
      <c r="AC517" s="600"/>
      <c r="AD517" s="572" t="s">
        <v>97</v>
      </c>
      <c r="AE517" s="572"/>
      <c r="AF517" s="572" t="s">
        <v>98</v>
      </c>
      <c r="AG517" s="572"/>
      <c r="AH517" s="583" t="s">
        <v>75</v>
      </c>
      <c r="AI517" s="583"/>
      <c r="AJ517" s="583"/>
      <c r="AK517" s="572" t="s">
        <v>159</v>
      </c>
      <c r="AL517" s="29"/>
      <c r="AM517" s="16"/>
    </row>
    <row r="518" spans="1:40" ht="13.4" customHeight="1">
      <c r="A518" s="20"/>
      <c r="B518" s="25"/>
      <c r="C518" s="573"/>
      <c r="D518" s="573"/>
      <c r="E518" s="583"/>
      <c r="F518" s="583"/>
      <c r="G518" s="583"/>
      <c r="H518" s="583"/>
      <c r="I518" s="583"/>
      <c r="J518" s="583"/>
      <c r="K518" s="583"/>
      <c r="L518" s="583"/>
      <c r="M518" s="583"/>
      <c r="N518" s="583"/>
      <c r="O518" s="583"/>
      <c r="P518" s="583"/>
      <c r="Q518" s="583"/>
      <c r="R518" s="583"/>
      <c r="S518" s="583"/>
      <c r="T518" s="583"/>
      <c r="U518" s="227"/>
      <c r="V518" s="572"/>
      <c r="W518" s="572"/>
      <c r="X518" s="572"/>
      <c r="Y518" s="572"/>
      <c r="Z518" s="572"/>
      <c r="AA518" s="601"/>
      <c r="AB518" s="602"/>
      <c r="AC518" s="603"/>
      <c r="AD518" s="572"/>
      <c r="AE518" s="572"/>
      <c r="AF518" s="572"/>
      <c r="AG518" s="572"/>
      <c r="AH518" s="583"/>
      <c r="AI518" s="583"/>
      <c r="AJ518" s="583"/>
      <c r="AK518" s="572"/>
      <c r="AL518" s="29"/>
      <c r="AM518" s="16"/>
    </row>
    <row r="519" spans="1:40" ht="13.4" customHeight="1">
      <c r="A519" s="20"/>
      <c r="B519" s="25"/>
      <c r="C519" s="541">
        <v>1</v>
      </c>
      <c r="D519" s="542"/>
      <c r="E519" s="563" t="s">
        <v>440</v>
      </c>
      <c r="F519" s="564"/>
      <c r="G519" s="564"/>
      <c r="H519" s="564"/>
      <c r="I519" s="564"/>
      <c r="J519" s="564"/>
      <c r="K519" s="564"/>
      <c r="L519" s="564"/>
      <c r="M519" s="564"/>
      <c r="N519" s="564"/>
      <c r="O519" s="564"/>
      <c r="P519" s="564"/>
      <c r="Q519" s="564"/>
      <c r="R519" s="564"/>
      <c r="S519" s="564"/>
      <c r="T519" s="565"/>
      <c r="U519" s="219" t="s">
        <v>441</v>
      </c>
      <c r="V519" s="546" t="s">
        <v>101</v>
      </c>
      <c r="W519" s="547"/>
      <c r="X519" s="547"/>
      <c r="Y519" s="547"/>
      <c r="Z519" s="548"/>
      <c r="AA519" s="546" t="s">
        <v>102</v>
      </c>
      <c r="AB519" s="547"/>
      <c r="AC519" s="548"/>
      <c r="AD519" s="415">
        <v>10</v>
      </c>
      <c r="AE519" s="415" t="s">
        <v>103</v>
      </c>
      <c r="AF519" s="646"/>
      <c r="AG519" s="647"/>
      <c r="AH519" s="549"/>
      <c r="AI519" s="550"/>
      <c r="AJ519" s="551"/>
      <c r="AK519" s="332"/>
      <c r="AL519" s="29"/>
      <c r="AM519" s="16"/>
      <c r="AN519" s="3" t="str">
        <f>$S$21</f>
        <v>■</v>
      </c>
    </row>
    <row r="520" spans="1:40" ht="13.4" customHeight="1">
      <c r="A520" s="20"/>
      <c r="B520" s="25"/>
      <c r="C520" s="541">
        <v>2</v>
      </c>
      <c r="D520" s="542"/>
      <c r="E520" s="563" t="s">
        <v>442</v>
      </c>
      <c r="F520" s="564"/>
      <c r="G520" s="564"/>
      <c r="H520" s="564"/>
      <c r="I520" s="564"/>
      <c r="J520" s="564"/>
      <c r="K520" s="564"/>
      <c r="L520" s="564"/>
      <c r="M520" s="564"/>
      <c r="N520" s="564"/>
      <c r="O520" s="564"/>
      <c r="P520" s="564"/>
      <c r="Q520" s="564"/>
      <c r="R520" s="564"/>
      <c r="S520" s="564"/>
      <c r="T520" s="565"/>
      <c r="U520" s="219" t="s">
        <v>443</v>
      </c>
      <c r="V520" s="546" t="s">
        <v>101</v>
      </c>
      <c r="W520" s="547"/>
      <c r="X520" s="547"/>
      <c r="Y520" s="547"/>
      <c r="Z520" s="548"/>
      <c r="AA520" s="546" t="s">
        <v>102</v>
      </c>
      <c r="AB520" s="547"/>
      <c r="AC520" s="548"/>
      <c r="AD520" s="415">
        <v>51</v>
      </c>
      <c r="AE520" s="415" t="s">
        <v>103</v>
      </c>
      <c r="AF520" s="646"/>
      <c r="AG520" s="647"/>
      <c r="AH520" s="549"/>
      <c r="AI520" s="550"/>
      <c r="AJ520" s="551"/>
      <c r="AK520" s="332"/>
      <c r="AL520" s="29"/>
      <c r="AM520" s="16"/>
      <c r="AN520" s="3" t="str">
        <f t="shared" ref="AN520:AN557" si="17">$S$21</f>
        <v>■</v>
      </c>
    </row>
    <row r="521" spans="1:40" ht="13.4" customHeight="1">
      <c r="A521" s="20"/>
      <c r="B521" s="25"/>
      <c r="C521" s="552">
        <v>3</v>
      </c>
      <c r="D521" s="553"/>
      <c r="E521" s="566" t="s">
        <v>106</v>
      </c>
      <c r="F521" s="567"/>
      <c r="G521" s="567"/>
      <c r="H521" s="567"/>
      <c r="I521" s="567"/>
      <c r="J521" s="567"/>
      <c r="K521" s="567"/>
      <c r="L521" s="567"/>
      <c r="M521" s="567"/>
      <c r="N521" s="567"/>
      <c r="O521" s="567"/>
      <c r="P521" s="567"/>
      <c r="Q521" s="567"/>
      <c r="R521" s="567"/>
      <c r="S521" s="567"/>
      <c r="T521" s="568"/>
      <c r="U521" s="220" t="s">
        <v>444</v>
      </c>
      <c r="V521" s="557" t="s">
        <v>107</v>
      </c>
      <c r="W521" s="558"/>
      <c r="X521" s="558"/>
      <c r="Y521" s="558"/>
      <c r="Z521" s="559"/>
      <c r="AA521" s="557" t="s">
        <v>108</v>
      </c>
      <c r="AB521" s="558"/>
      <c r="AC521" s="559"/>
      <c r="AD521" s="419">
        <v>1</v>
      </c>
      <c r="AE521" s="419">
        <v>0</v>
      </c>
      <c r="AF521" s="569" t="s">
        <v>109</v>
      </c>
      <c r="AG521" s="570"/>
      <c r="AH521" s="560"/>
      <c r="AI521" s="561"/>
      <c r="AJ521" s="562"/>
      <c r="AK521" s="333" t="s">
        <v>416</v>
      </c>
      <c r="AL521" s="29"/>
      <c r="AM521" s="16"/>
      <c r="AN521" s="3" t="str">
        <f t="shared" si="17"/>
        <v>■</v>
      </c>
    </row>
    <row r="522" spans="1:40" ht="13.4" customHeight="1">
      <c r="A522" s="20"/>
      <c r="B522" s="25"/>
      <c r="C522" s="541">
        <v>4</v>
      </c>
      <c r="D522" s="542"/>
      <c r="E522" s="563" t="s">
        <v>110</v>
      </c>
      <c r="F522" s="564"/>
      <c r="G522" s="564"/>
      <c r="H522" s="564"/>
      <c r="I522" s="564"/>
      <c r="J522" s="564"/>
      <c r="K522" s="564"/>
      <c r="L522" s="564"/>
      <c r="M522" s="564"/>
      <c r="N522" s="564"/>
      <c r="O522" s="564"/>
      <c r="P522" s="564"/>
      <c r="Q522" s="564"/>
      <c r="R522" s="564"/>
      <c r="S522" s="564"/>
      <c r="T522" s="565"/>
      <c r="U522" s="221" t="s">
        <v>445</v>
      </c>
      <c r="V522" s="546" t="s">
        <v>107</v>
      </c>
      <c r="W522" s="547"/>
      <c r="X522" s="547"/>
      <c r="Y522" s="547"/>
      <c r="Z522" s="548"/>
      <c r="AA522" s="546" t="s">
        <v>108</v>
      </c>
      <c r="AB522" s="547"/>
      <c r="AC522" s="548"/>
      <c r="AD522" s="415">
        <v>1</v>
      </c>
      <c r="AE522" s="415">
        <v>0</v>
      </c>
      <c r="AF522" s="646"/>
      <c r="AG522" s="647"/>
      <c r="AH522" s="549"/>
      <c r="AI522" s="550"/>
      <c r="AJ522" s="551"/>
      <c r="AK522" s="332"/>
      <c r="AL522" s="29"/>
      <c r="AM522" s="16"/>
      <c r="AN522" s="3" t="str">
        <f t="shared" si="17"/>
        <v>■</v>
      </c>
    </row>
    <row r="523" spans="1:40" ht="13.4" customHeight="1">
      <c r="A523" s="20"/>
      <c r="B523" s="25"/>
      <c r="C523" s="541">
        <v>5</v>
      </c>
      <c r="D523" s="542"/>
      <c r="E523" s="543" t="s">
        <v>80</v>
      </c>
      <c r="F523" s="544"/>
      <c r="G523" s="544"/>
      <c r="H523" s="544"/>
      <c r="I523" s="544"/>
      <c r="J523" s="544"/>
      <c r="K523" s="544"/>
      <c r="L523" s="544"/>
      <c r="M523" s="544"/>
      <c r="N523" s="544"/>
      <c r="O523" s="544"/>
      <c r="P523" s="544"/>
      <c r="Q523" s="544"/>
      <c r="R523" s="544"/>
      <c r="S523" s="544"/>
      <c r="T523" s="545"/>
      <c r="U523" s="221" t="s">
        <v>446</v>
      </c>
      <c r="V523" s="546" t="s">
        <v>101</v>
      </c>
      <c r="W523" s="547"/>
      <c r="X523" s="547"/>
      <c r="Y523" s="547"/>
      <c r="Z523" s="548"/>
      <c r="AA523" s="546" t="s">
        <v>102</v>
      </c>
      <c r="AB523" s="547"/>
      <c r="AC523" s="548"/>
      <c r="AD523" s="415">
        <v>2</v>
      </c>
      <c r="AE523" s="415" t="s">
        <v>103</v>
      </c>
      <c r="AF523" s="646"/>
      <c r="AG523" s="647"/>
      <c r="AH523" s="549"/>
      <c r="AI523" s="550"/>
      <c r="AJ523" s="551"/>
      <c r="AK523" s="332"/>
      <c r="AL523" s="29"/>
      <c r="AM523" s="16"/>
      <c r="AN523" s="3" t="str">
        <f t="shared" si="17"/>
        <v>■</v>
      </c>
    </row>
    <row r="524" spans="1:40">
      <c r="A524" s="20"/>
      <c r="B524" s="25"/>
      <c r="C524" s="541">
        <v>6</v>
      </c>
      <c r="D524" s="542"/>
      <c r="E524" s="543" t="s">
        <v>820</v>
      </c>
      <c r="F524" s="544"/>
      <c r="G524" s="544"/>
      <c r="H524" s="544"/>
      <c r="I524" s="544"/>
      <c r="J524" s="544"/>
      <c r="K524" s="544"/>
      <c r="L524" s="544"/>
      <c r="M524" s="544"/>
      <c r="N524" s="544"/>
      <c r="O524" s="544"/>
      <c r="P524" s="544"/>
      <c r="Q524" s="544"/>
      <c r="R524" s="544"/>
      <c r="S524" s="544"/>
      <c r="T524" s="545"/>
      <c r="U524" s="221" t="s">
        <v>821</v>
      </c>
      <c r="V524" s="546" t="s">
        <v>107</v>
      </c>
      <c r="W524" s="547"/>
      <c r="X524" s="547"/>
      <c r="Y524" s="547"/>
      <c r="Z524" s="548"/>
      <c r="AA524" s="546" t="s">
        <v>102</v>
      </c>
      <c r="AB524" s="547"/>
      <c r="AC524" s="548"/>
      <c r="AD524" s="415">
        <v>2</v>
      </c>
      <c r="AE524" s="415" t="s">
        <v>103</v>
      </c>
      <c r="AF524" s="646"/>
      <c r="AG524" s="647"/>
      <c r="AH524" s="549"/>
      <c r="AI524" s="550"/>
      <c r="AJ524" s="551"/>
      <c r="AK524" s="332"/>
      <c r="AL524" s="29"/>
      <c r="AM524" s="16"/>
      <c r="AN524" s="3" t="str">
        <f t="shared" si="17"/>
        <v>■</v>
      </c>
    </row>
    <row r="525" spans="1:40" ht="13" customHeight="1">
      <c r="A525" s="20"/>
      <c r="B525" s="20"/>
      <c r="C525" s="552">
        <v>7</v>
      </c>
      <c r="D525" s="553"/>
      <c r="E525" s="566" t="s">
        <v>822</v>
      </c>
      <c r="F525" s="567"/>
      <c r="G525" s="567"/>
      <c r="H525" s="567"/>
      <c r="I525" s="567"/>
      <c r="J525" s="567"/>
      <c r="K525" s="567"/>
      <c r="L525" s="567"/>
      <c r="M525" s="567"/>
      <c r="N525" s="567"/>
      <c r="O525" s="567"/>
      <c r="P525" s="567"/>
      <c r="Q525" s="567"/>
      <c r="R525" s="567"/>
      <c r="S525" s="567"/>
      <c r="T525" s="568"/>
      <c r="U525" s="220" t="s">
        <v>474</v>
      </c>
      <c r="V525" s="557" t="s">
        <v>107</v>
      </c>
      <c r="W525" s="558"/>
      <c r="X525" s="558"/>
      <c r="Y525" s="558"/>
      <c r="Z525" s="559"/>
      <c r="AA525" s="557" t="s">
        <v>102</v>
      </c>
      <c r="AB525" s="558"/>
      <c r="AC525" s="559"/>
      <c r="AD525" s="419">
        <v>9</v>
      </c>
      <c r="AE525" s="419" t="s">
        <v>103</v>
      </c>
      <c r="AF525" s="569" t="s">
        <v>109</v>
      </c>
      <c r="AG525" s="570"/>
      <c r="AH525" s="560"/>
      <c r="AI525" s="561"/>
      <c r="AJ525" s="562"/>
      <c r="AK525" s="333" t="s">
        <v>399</v>
      </c>
      <c r="AL525" s="29"/>
      <c r="AM525" s="16"/>
      <c r="AN525" s="3" t="str">
        <f t="shared" si="17"/>
        <v>■</v>
      </c>
    </row>
    <row r="526" spans="1:40" ht="13" customHeight="1">
      <c r="A526" s="20"/>
      <c r="B526" s="20"/>
      <c r="C526" s="552">
        <v>8</v>
      </c>
      <c r="D526" s="553"/>
      <c r="E526" s="566" t="s">
        <v>764</v>
      </c>
      <c r="F526" s="567"/>
      <c r="G526" s="567"/>
      <c r="H526" s="567"/>
      <c r="I526" s="567"/>
      <c r="J526" s="567"/>
      <c r="K526" s="567"/>
      <c r="L526" s="567"/>
      <c r="M526" s="567"/>
      <c r="N526" s="567"/>
      <c r="O526" s="567"/>
      <c r="P526" s="567"/>
      <c r="Q526" s="567"/>
      <c r="R526" s="567"/>
      <c r="S526" s="567"/>
      <c r="T526" s="568"/>
      <c r="U526" s="220" t="s">
        <v>475</v>
      </c>
      <c r="V526" s="557" t="s">
        <v>107</v>
      </c>
      <c r="W526" s="558"/>
      <c r="X526" s="558"/>
      <c r="Y526" s="558"/>
      <c r="Z526" s="559"/>
      <c r="AA526" s="557" t="s">
        <v>102</v>
      </c>
      <c r="AB526" s="558"/>
      <c r="AC526" s="559"/>
      <c r="AD526" s="419">
        <v>9</v>
      </c>
      <c r="AE526" s="419" t="s">
        <v>103</v>
      </c>
      <c r="AF526" s="569" t="s">
        <v>109</v>
      </c>
      <c r="AG526" s="570"/>
      <c r="AH526" s="560"/>
      <c r="AI526" s="561"/>
      <c r="AJ526" s="562"/>
      <c r="AK526" s="333" t="s">
        <v>399</v>
      </c>
      <c r="AL526" s="29"/>
      <c r="AM526" s="16"/>
      <c r="AN526" s="3" t="str">
        <f t="shared" si="17"/>
        <v>■</v>
      </c>
    </row>
    <row r="527" spans="1:40" ht="13" customHeight="1">
      <c r="A527" s="20"/>
      <c r="B527" s="20"/>
      <c r="C527" s="552">
        <v>9</v>
      </c>
      <c r="D527" s="553"/>
      <c r="E527" s="566" t="s">
        <v>823</v>
      </c>
      <c r="F527" s="567"/>
      <c r="G527" s="567"/>
      <c r="H527" s="567"/>
      <c r="I527" s="567"/>
      <c r="J527" s="567"/>
      <c r="K527" s="567"/>
      <c r="L527" s="567"/>
      <c r="M527" s="567"/>
      <c r="N527" s="567"/>
      <c r="O527" s="567"/>
      <c r="P527" s="567"/>
      <c r="Q527" s="567"/>
      <c r="R527" s="567"/>
      <c r="S527" s="567"/>
      <c r="T527" s="568"/>
      <c r="U527" s="220" t="s">
        <v>765</v>
      </c>
      <c r="V527" s="557" t="s">
        <v>107</v>
      </c>
      <c r="W527" s="558"/>
      <c r="X527" s="558"/>
      <c r="Y527" s="558"/>
      <c r="Z527" s="559"/>
      <c r="AA527" s="557" t="s">
        <v>102</v>
      </c>
      <c r="AB527" s="558"/>
      <c r="AC527" s="559"/>
      <c r="AD527" s="419">
        <v>9</v>
      </c>
      <c r="AE527" s="419" t="s">
        <v>103</v>
      </c>
      <c r="AF527" s="569" t="s">
        <v>109</v>
      </c>
      <c r="AG527" s="570"/>
      <c r="AH527" s="560"/>
      <c r="AI527" s="561"/>
      <c r="AJ527" s="562"/>
      <c r="AK527" s="333" t="s">
        <v>399</v>
      </c>
      <c r="AL527" s="29"/>
      <c r="AM527" s="16"/>
      <c r="AN527" s="3" t="str">
        <f t="shared" si="17"/>
        <v>■</v>
      </c>
    </row>
    <row r="528" spans="1:40" ht="13" customHeight="1">
      <c r="A528" s="20"/>
      <c r="B528" s="20"/>
      <c r="C528" s="552">
        <v>10</v>
      </c>
      <c r="D528" s="553"/>
      <c r="E528" s="566" t="s">
        <v>824</v>
      </c>
      <c r="F528" s="567"/>
      <c r="G528" s="567"/>
      <c r="H528" s="567"/>
      <c r="I528" s="567"/>
      <c r="J528" s="567"/>
      <c r="K528" s="567"/>
      <c r="L528" s="567"/>
      <c r="M528" s="567"/>
      <c r="N528" s="567"/>
      <c r="O528" s="567"/>
      <c r="P528" s="567"/>
      <c r="Q528" s="567"/>
      <c r="R528" s="567"/>
      <c r="S528" s="567"/>
      <c r="T528" s="568"/>
      <c r="U528" s="220" t="s">
        <v>766</v>
      </c>
      <c r="V528" s="557" t="s">
        <v>107</v>
      </c>
      <c r="W528" s="558"/>
      <c r="X528" s="558"/>
      <c r="Y528" s="558"/>
      <c r="Z528" s="559"/>
      <c r="AA528" s="557" t="s">
        <v>102</v>
      </c>
      <c r="AB528" s="558"/>
      <c r="AC528" s="559"/>
      <c r="AD528" s="419">
        <v>9</v>
      </c>
      <c r="AE528" s="419" t="s">
        <v>103</v>
      </c>
      <c r="AF528" s="569" t="s">
        <v>109</v>
      </c>
      <c r="AG528" s="570"/>
      <c r="AH528" s="560"/>
      <c r="AI528" s="561"/>
      <c r="AJ528" s="562"/>
      <c r="AK528" s="333" t="s">
        <v>399</v>
      </c>
      <c r="AL528" s="29"/>
      <c r="AM528" s="16"/>
      <c r="AN528" s="3" t="str">
        <f t="shared" si="17"/>
        <v>■</v>
      </c>
    </row>
    <row r="529" spans="1:40" ht="13" customHeight="1">
      <c r="A529" s="20"/>
      <c r="B529" s="20"/>
      <c r="C529" s="552">
        <v>11</v>
      </c>
      <c r="D529" s="553"/>
      <c r="E529" s="566" t="s">
        <v>825</v>
      </c>
      <c r="F529" s="567"/>
      <c r="G529" s="567"/>
      <c r="H529" s="567"/>
      <c r="I529" s="567"/>
      <c r="J529" s="567"/>
      <c r="K529" s="567"/>
      <c r="L529" s="567"/>
      <c r="M529" s="567"/>
      <c r="N529" s="567"/>
      <c r="O529" s="567"/>
      <c r="P529" s="567"/>
      <c r="Q529" s="567"/>
      <c r="R529" s="567"/>
      <c r="S529" s="567"/>
      <c r="T529" s="568"/>
      <c r="U529" s="220" t="s">
        <v>768</v>
      </c>
      <c r="V529" s="557" t="s">
        <v>107</v>
      </c>
      <c r="W529" s="558"/>
      <c r="X529" s="558"/>
      <c r="Y529" s="558"/>
      <c r="Z529" s="559"/>
      <c r="AA529" s="557" t="s">
        <v>102</v>
      </c>
      <c r="AB529" s="558"/>
      <c r="AC529" s="559"/>
      <c r="AD529" s="419">
        <v>9</v>
      </c>
      <c r="AE529" s="419" t="s">
        <v>103</v>
      </c>
      <c r="AF529" s="569" t="s">
        <v>109</v>
      </c>
      <c r="AG529" s="570"/>
      <c r="AH529" s="560"/>
      <c r="AI529" s="561"/>
      <c r="AJ529" s="562"/>
      <c r="AK529" s="333" t="s">
        <v>399</v>
      </c>
      <c r="AL529" s="29"/>
      <c r="AM529" s="16"/>
      <c r="AN529" s="3" t="str">
        <f t="shared" si="17"/>
        <v>■</v>
      </c>
    </row>
    <row r="530" spans="1:40" ht="13" customHeight="1">
      <c r="A530" s="20"/>
      <c r="B530" s="20"/>
      <c r="C530" s="552">
        <v>12</v>
      </c>
      <c r="D530" s="553"/>
      <c r="E530" s="566" t="s">
        <v>826</v>
      </c>
      <c r="F530" s="567"/>
      <c r="G530" s="567"/>
      <c r="H530" s="567"/>
      <c r="I530" s="567"/>
      <c r="J530" s="567"/>
      <c r="K530" s="567"/>
      <c r="L530" s="567"/>
      <c r="M530" s="567"/>
      <c r="N530" s="567"/>
      <c r="O530" s="567"/>
      <c r="P530" s="567"/>
      <c r="Q530" s="567"/>
      <c r="R530" s="567"/>
      <c r="S530" s="567"/>
      <c r="T530" s="568"/>
      <c r="U530" s="220" t="s">
        <v>827</v>
      </c>
      <c r="V530" s="557" t="s">
        <v>107</v>
      </c>
      <c r="W530" s="558"/>
      <c r="X530" s="558"/>
      <c r="Y530" s="558"/>
      <c r="Z530" s="559"/>
      <c r="AA530" s="557" t="s">
        <v>102</v>
      </c>
      <c r="AB530" s="558"/>
      <c r="AC530" s="559"/>
      <c r="AD530" s="419">
        <v>9</v>
      </c>
      <c r="AE530" s="419" t="s">
        <v>103</v>
      </c>
      <c r="AF530" s="569" t="s">
        <v>109</v>
      </c>
      <c r="AG530" s="570"/>
      <c r="AH530" s="560"/>
      <c r="AI530" s="561"/>
      <c r="AJ530" s="562"/>
      <c r="AK530" s="333" t="s">
        <v>399</v>
      </c>
      <c r="AL530" s="29"/>
      <c r="AM530" s="16"/>
      <c r="AN530" s="3" t="str">
        <f t="shared" si="17"/>
        <v>■</v>
      </c>
    </row>
    <row r="531" spans="1:40" ht="13" customHeight="1">
      <c r="A531" s="20"/>
      <c r="B531" s="20"/>
      <c r="C531" s="552">
        <v>13</v>
      </c>
      <c r="D531" s="553"/>
      <c r="E531" s="566" t="s">
        <v>828</v>
      </c>
      <c r="F531" s="567"/>
      <c r="G531" s="567"/>
      <c r="H531" s="567"/>
      <c r="I531" s="567"/>
      <c r="J531" s="567"/>
      <c r="K531" s="567"/>
      <c r="L531" s="567"/>
      <c r="M531" s="567"/>
      <c r="N531" s="567"/>
      <c r="O531" s="567"/>
      <c r="P531" s="567"/>
      <c r="Q531" s="567"/>
      <c r="R531" s="567"/>
      <c r="S531" s="567"/>
      <c r="T531" s="568"/>
      <c r="U531" s="220" t="s">
        <v>829</v>
      </c>
      <c r="V531" s="557" t="s">
        <v>107</v>
      </c>
      <c r="W531" s="558"/>
      <c r="X531" s="558"/>
      <c r="Y531" s="558"/>
      <c r="Z531" s="559"/>
      <c r="AA531" s="557" t="s">
        <v>102</v>
      </c>
      <c r="AB531" s="558"/>
      <c r="AC531" s="559"/>
      <c r="AD531" s="419">
        <v>9</v>
      </c>
      <c r="AE531" s="419" t="s">
        <v>103</v>
      </c>
      <c r="AF531" s="569" t="s">
        <v>109</v>
      </c>
      <c r="AG531" s="570"/>
      <c r="AH531" s="560"/>
      <c r="AI531" s="561"/>
      <c r="AJ531" s="562"/>
      <c r="AK531" s="333" t="s">
        <v>399</v>
      </c>
      <c r="AL531" s="29"/>
      <c r="AM531" s="16"/>
      <c r="AN531" s="3" t="str">
        <f t="shared" si="17"/>
        <v>■</v>
      </c>
    </row>
    <row r="532" spans="1:40" ht="13" customHeight="1">
      <c r="A532" s="20"/>
      <c r="B532" s="20"/>
      <c r="C532" s="552">
        <v>14</v>
      </c>
      <c r="D532" s="553"/>
      <c r="E532" s="566" t="s">
        <v>830</v>
      </c>
      <c r="F532" s="567"/>
      <c r="G532" s="567"/>
      <c r="H532" s="567"/>
      <c r="I532" s="567"/>
      <c r="J532" s="567"/>
      <c r="K532" s="567"/>
      <c r="L532" s="567"/>
      <c r="M532" s="567"/>
      <c r="N532" s="567"/>
      <c r="O532" s="567"/>
      <c r="P532" s="567"/>
      <c r="Q532" s="567"/>
      <c r="R532" s="567"/>
      <c r="S532" s="567"/>
      <c r="T532" s="568"/>
      <c r="U532" s="220" t="s">
        <v>831</v>
      </c>
      <c r="V532" s="557" t="s">
        <v>107</v>
      </c>
      <c r="W532" s="558"/>
      <c r="X532" s="558"/>
      <c r="Y532" s="558"/>
      <c r="Z532" s="559"/>
      <c r="AA532" s="557" t="s">
        <v>102</v>
      </c>
      <c r="AB532" s="558"/>
      <c r="AC532" s="559"/>
      <c r="AD532" s="419">
        <v>9</v>
      </c>
      <c r="AE532" s="419" t="s">
        <v>103</v>
      </c>
      <c r="AF532" s="569" t="s">
        <v>109</v>
      </c>
      <c r="AG532" s="570"/>
      <c r="AH532" s="560"/>
      <c r="AI532" s="561"/>
      <c r="AJ532" s="562"/>
      <c r="AK532" s="333" t="s">
        <v>399</v>
      </c>
      <c r="AL532" s="29"/>
      <c r="AM532" s="16"/>
      <c r="AN532" s="3" t="str">
        <f t="shared" si="17"/>
        <v>■</v>
      </c>
    </row>
    <row r="533" spans="1:40" ht="13" customHeight="1">
      <c r="A533" s="20"/>
      <c r="B533" s="20"/>
      <c r="C533" s="552">
        <v>15</v>
      </c>
      <c r="D533" s="553"/>
      <c r="E533" s="566" t="s">
        <v>832</v>
      </c>
      <c r="F533" s="567"/>
      <c r="G533" s="567"/>
      <c r="H533" s="567"/>
      <c r="I533" s="567"/>
      <c r="J533" s="567"/>
      <c r="K533" s="567"/>
      <c r="L533" s="567"/>
      <c r="M533" s="567"/>
      <c r="N533" s="567"/>
      <c r="O533" s="567"/>
      <c r="P533" s="567"/>
      <c r="Q533" s="567"/>
      <c r="R533" s="567"/>
      <c r="S533" s="567"/>
      <c r="T533" s="568"/>
      <c r="U533" s="220" t="s">
        <v>833</v>
      </c>
      <c r="V533" s="557" t="s">
        <v>107</v>
      </c>
      <c r="W533" s="558"/>
      <c r="X533" s="558"/>
      <c r="Y533" s="558"/>
      <c r="Z533" s="559"/>
      <c r="AA533" s="557" t="s">
        <v>102</v>
      </c>
      <c r="AB533" s="558"/>
      <c r="AC533" s="559"/>
      <c r="AD533" s="419">
        <v>9</v>
      </c>
      <c r="AE533" s="419" t="s">
        <v>103</v>
      </c>
      <c r="AF533" s="569" t="s">
        <v>109</v>
      </c>
      <c r="AG533" s="570"/>
      <c r="AH533" s="560"/>
      <c r="AI533" s="561"/>
      <c r="AJ533" s="562"/>
      <c r="AK533" s="333" t="s">
        <v>399</v>
      </c>
      <c r="AL533" s="29"/>
      <c r="AM533" s="16"/>
      <c r="AN533" s="3" t="str">
        <f t="shared" si="17"/>
        <v>■</v>
      </c>
    </row>
    <row r="534" spans="1:40" ht="13" customHeight="1">
      <c r="A534" s="20"/>
      <c r="B534" s="20"/>
      <c r="C534" s="552">
        <v>16</v>
      </c>
      <c r="D534" s="553"/>
      <c r="E534" s="566" t="s">
        <v>834</v>
      </c>
      <c r="F534" s="567"/>
      <c r="G534" s="567"/>
      <c r="H534" s="567"/>
      <c r="I534" s="567"/>
      <c r="J534" s="567"/>
      <c r="K534" s="567"/>
      <c r="L534" s="567"/>
      <c r="M534" s="567"/>
      <c r="N534" s="567"/>
      <c r="O534" s="567"/>
      <c r="P534" s="567"/>
      <c r="Q534" s="567"/>
      <c r="R534" s="567"/>
      <c r="S534" s="567"/>
      <c r="T534" s="568"/>
      <c r="U534" s="220" t="s">
        <v>835</v>
      </c>
      <c r="V534" s="557" t="s">
        <v>107</v>
      </c>
      <c r="W534" s="558"/>
      <c r="X534" s="558"/>
      <c r="Y534" s="558"/>
      <c r="Z534" s="559"/>
      <c r="AA534" s="557" t="s">
        <v>102</v>
      </c>
      <c r="AB534" s="558"/>
      <c r="AC534" s="559"/>
      <c r="AD534" s="419">
        <v>9</v>
      </c>
      <c r="AE534" s="419" t="s">
        <v>103</v>
      </c>
      <c r="AF534" s="569" t="s">
        <v>109</v>
      </c>
      <c r="AG534" s="570"/>
      <c r="AH534" s="560"/>
      <c r="AI534" s="561"/>
      <c r="AJ534" s="562"/>
      <c r="AK534" s="333" t="s">
        <v>399</v>
      </c>
      <c r="AL534" s="29"/>
      <c r="AM534" s="16"/>
      <c r="AN534" s="3" t="str">
        <f t="shared" si="17"/>
        <v>■</v>
      </c>
    </row>
    <row r="535" spans="1:40" ht="13" customHeight="1">
      <c r="A535" s="20"/>
      <c r="B535" s="20"/>
      <c r="C535" s="552">
        <v>17</v>
      </c>
      <c r="D535" s="553"/>
      <c r="E535" s="566" t="s">
        <v>836</v>
      </c>
      <c r="F535" s="567"/>
      <c r="G535" s="567"/>
      <c r="H535" s="567"/>
      <c r="I535" s="567"/>
      <c r="J535" s="567"/>
      <c r="K535" s="567"/>
      <c r="L535" s="567"/>
      <c r="M535" s="567"/>
      <c r="N535" s="567"/>
      <c r="O535" s="567"/>
      <c r="P535" s="567"/>
      <c r="Q535" s="567"/>
      <c r="R535" s="567"/>
      <c r="S535" s="567"/>
      <c r="T535" s="568"/>
      <c r="U535" s="220" t="s">
        <v>837</v>
      </c>
      <c r="V535" s="557" t="s">
        <v>107</v>
      </c>
      <c r="W535" s="558"/>
      <c r="X535" s="558"/>
      <c r="Y535" s="558"/>
      <c r="Z535" s="559"/>
      <c r="AA535" s="557" t="s">
        <v>102</v>
      </c>
      <c r="AB535" s="558"/>
      <c r="AC535" s="559"/>
      <c r="AD535" s="419">
        <v>9</v>
      </c>
      <c r="AE535" s="419" t="s">
        <v>103</v>
      </c>
      <c r="AF535" s="569" t="s">
        <v>109</v>
      </c>
      <c r="AG535" s="570"/>
      <c r="AH535" s="560"/>
      <c r="AI535" s="561"/>
      <c r="AJ535" s="562"/>
      <c r="AK535" s="333" t="s">
        <v>399</v>
      </c>
      <c r="AL535" s="29"/>
      <c r="AM535" s="16"/>
      <c r="AN535" s="3" t="str">
        <f t="shared" si="17"/>
        <v>■</v>
      </c>
    </row>
    <row r="536" spans="1:40" ht="13" customHeight="1">
      <c r="A536" s="20"/>
      <c r="B536" s="20"/>
      <c r="C536" s="552">
        <v>18</v>
      </c>
      <c r="D536" s="553"/>
      <c r="E536" s="566" t="s">
        <v>838</v>
      </c>
      <c r="F536" s="567"/>
      <c r="G536" s="567"/>
      <c r="H536" s="567"/>
      <c r="I536" s="567"/>
      <c r="J536" s="567"/>
      <c r="K536" s="567"/>
      <c r="L536" s="567"/>
      <c r="M536" s="567"/>
      <c r="N536" s="567"/>
      <c r="O536" s="567"/>
      <c r="P536" s="567"/>
      <c r="Q536" s="567"/>
      <c r="R536" s="567"/>
      <c r="S536" s="567"/>
      <c r="T536" s="568"/>
      <c r="U536" s="220" t="s">
        <v>839</v>
      </c>
      <c r="V536" s="557" t="s">
        <v>107</v>
      </c>
      <c r="W536" s="558"/>
      <c r="X536" s="558"/>
      <c r="Y536" s="558"/>
      <c r="Z536" s="559"/>
      <c r="AA536" s="557" t="s">
        <v>102</v>
      </c>
      <c r="AB536" s="558"/>
      <c r="AC536" s="559"/>
      <c r="AD536" s="419">
        <v>9</v>
      </c>
      <c r="AE536" s="419" t="s">
        <v>103</v>
      </c>
      <c r="AF536" s="569" t="s">
        <v>109</v>
      </c>
      <c r="AG536" s="570"/>
      <c r="AH536" s="560"/>
      <c r="AI536" s="561"/>
      <c r="AJ536" s="562"/>
      <c r="AK536" s="333" t="s">
        <v>399</v>
      </c>
      <c r="AL536" s="29"/>
      <c r="AM536" s="16"/>
      <c r="AN536" s="3" t="str">
        <f t="shared" si="17"/>
        <v>■</v>
      </c>
    </row>
    <row r="537" spans="1:40" ht="13" customHeight="1">
      <c r="A537" s="20"/>
      <c r="B537" s="20"/>
      <c r="C537" s="552">
        <v>19</v>
      </c>
      <c r="D537" s="553"/>
      <c r="E537" s="566" t="s">
        <v>840</v>
      </c>
      <c r="F537" s="567"/>
      <c r="G537" s="567"/>
      <c r="H537" s="567"/>
      <c r="I537" s="567"/>
      <c r="J537" s="567"/>
      <c r="K537" s="567"/>
      <c r="L537" s="567"/>
      <c r="M537" s="567"/>
      <c r="N537" s="567"/>
      <c r="O537" s="567"/>
      <c r="P537" s="567"/>
      <c r="Q537" s="567"/>
      <c r="R537" s="567"/>
      <c r="S537" s="567"/>
      <c r="T537" s="568"/>
      <c r="U537" s="220" t="s">
        <v>841</v>
      </c>
      <c r="V537" s="557" t="s">
        <v>107</v>
      </c>
      <c r="W537" s="558"/>
      <c r="X537" s="558"/>
      <c r="Y537" s="558"/>
      <c r="Z537" s="559"/>
      <c r="AA537" s="557" t="s">
        <v>102</v>
      </c>
      <c r="AB537" s="558"/>
      <c r="AC537" s="559"/>
      <c r="AD537" s="419">
        <v>9</v>
      </c>
      <c r="AE537" s="419" t="s">
        <v>103</v>
      </c>
      <c r="AF537" s="569" t="s">
        <v>109</v>
      </c>
      <c r="AG537" s="570"/>
      <c r="AH537" s="560"/>
      <c r="AI537" s="561"/>
      <c r="AJ537" s="562"/>
      <c r="AK537" s="333" t="s">
        <v>399</v>
      </c>
      <c r="AL537" s="29"/>
      <c r="AM537" s="16"/>
      <c r="AN537" s="3" t="str">
        <f t="shared" si="17"/>
        <v>■</v>
      </c>
    </row>
    <row r="538" spans="1:40" ht="13" customHeight="1">
      <c r="A538" s="20"/>
      <c r="B538" s="20"/>
      <c r="C538" s="552">
        <v>20</v>
      </c>
      <c r="D538" s="553"/>
      <c r="E538" s="566" t="s">
        <v>842</v>
      </c>
      <c r="F538" s="567"/>
      <c r="G538" s="567"/>
      <c r="H538" s="567"/>
      <c r="I538" s="567"/>
      <c r="J538" s="567"/>
      <c r="K538" s="567"/>
      <c r="L538" s="567"/>
      <c r="M538" s="567"/>
      <c r="N538" s="567"/>
      <c r="O538" s="567"/>
      <c r="P538" s="567"/>
      <c r="Q538" s="567"/>
      <c r="R538" s="567"/>
      <c r="S538" s="567"/>
      <c r="T538" s="568"/>
      <c r="U538" s="220" t="s">
        <v>843</v>
      </c>
      <c r="V538" s="557" t="s">
        <v>107</v>
      </c>
      <c r="W538" s="558"/>
      <c r="X538" s="558"/>
      <c r="Y538" s="558"/>
      <c r="Z538" s="559"/>
      <c r="AA538" s="557" t="s">
        <v>102</v>
      </c>
      <c r="AB538" s="558"/>
      <c r="AC538" s="559"/>
      <c r="AD538" s="419">
        <v>9</v>
      </c>
      <c r="AE538" s="419" t="s">
        <v>103</v>
      </c>
      <c r="AF538" s="569" t="s">
        <v>109</v>
      </c>
      <c r="AG538" s="570"/>
      <c r="AH538" s="560"/>
      <c r="AI538" s="561"/>
      <c r="AJ538" s="562"/>
      <c r="AK538" s="333" t="s">
        <v>399</v>
      </c>
      <c r="AL538" s="29"/>
      <c r="AM538" s="16"/>
      <c r="AN538" s="3" t="str">
        <f t="shared" si="17"/>
        <v>■</v>
      </c>
    </row>
    <row r="539" spans="1:40" ht="13" customHeight="1">
      <c r="A539" s="20"/>
      <c r="B539" s="20"/>
      <c r="C539" s="552">
        <v>21</v>
      </c>
      <c r="D539" s="553"/>
      <c r="E539" s="566" t="s">
        <v>844</v>
      </c>
      <c r="F539" s="567"/>
      <c r="G539" s="567"/>
      <c r="H539" s="567"/>
      <c r="I539" s="567"/>
      <c r="J539" s="567"/>
      <c r="K539" s="567"/>
      <c r="L539" s="567"/>
      <c r="M539" s="567"/>
      <c r="N539" s="567"/>
      <c r="O539" s="567"/>
      <c r="P539" s="567"/>
      <c r="Q539" s="567"/>
      <c r="R539" s="567"/>
      <c r="S539" s="567"/>
      <c r="T539" s="568"/>
      <c r="U539" s="220" t="s">
        <v>845</v>
      </c>
      <c r="V539" s="557" t="s">
        <v>107</v>
      </c>
      <c r="W539" s="558"/>
      <c r="X539" s="558"/>
      <c r="Y539" s="558"/>
      <c r="Z539" s="559"/>
      <c r="AA539" s="557" t="s">
        <v>102</v>
      </c>
      <c r="AB539" s="558"/>
      <c r="AC539" s="559"/>
      <c r="AD539" s="419">
        <v>9</v>
      </c>
      <c r="AE539" s="419" t="s">
        <v>103</v>
      </c>
      <c r="AF539" s="569" t="s">
        <v>109</v>
      </c>
      <c r="AG539" s="570"/>
      <c r="AH539" s="560"/>
      <c r="AI539" s="561"/>
      <c r="AJ539" s="562"/>
      <c r="AK539" s="333" t="s">
        <v>399</v>
      </c>
      <c r="AL539" s="29"/>
      <c r="AM539" s="16"/>
      <c r="AN539" s="3" t="str">
        <f t="shared" si="17"/>
        <v>■</v>
      </c>
    </row>
    <row r="540" spans="1:40" ht="13" customHeight="1">
      <c r="A540" s="20"/>
      <c r="B540" s="20"/>
      <c r="C540" s="552">
        <v>22</v>
      </c>
      <c r="D540" s="553"/>
      <c r="E540" s="566" t="s">
        <v>846</v>
      </c>
      <c r="F540" s="567"/>
      <c r="G540" s="567"/>
      <c r="H540" s="567"/>
      <c r="I540" s="567"/>
      <c r="J540" s="567"/>
      <c r="K540" s="567"/>
      <c r="L540" s="567"/>
      <c r="M540" s="567"/>
      <c r="N540" s="567"/>
      <c r="O540" s="567"/>
      <c r="P540" s="567"/>
      <c r="Q540" s="567"/>
      <c r="R540" s="567"/>
      <c r="S540" s="567"/>
      <c r="T540" s="568"/>
      <c r="U540" s="220" t="s">
        <v>847</v>
      </c>
      <c r="V540" s="557" t="s">
        <v>107</v>
      </c>
      <c r="W540" s="558"/>
      <c r="X540" s="558"/>
      <c r="Y540" s="558"/>
      <c r="Z540" s="559"/>
      <c r="AA540" s="557" t="s">
        <v>102</v>
      </c>
      <c r="AB540" s="558"/>
      <c r="AC540" s="559"/>
      <c r="AD540" s="419">
        <v>9</v>
      </c>
      <c r="AE540" s="419" t="s">
        <v>103</v>
      </c>
      <c r="AF540" s="569" t="s">
        <v>109</v>
      </c>
      <c r="AG540" s="570"/>
      <c r="AH540" s="560"/>
      <c r="AI540" s="561"/>
      <c r="AJ540" s="562"/>
      <c r="AK540" s="333" t="s">
        <v>399</v>
      </c>
      <c r="AL540" s="29"/>
      <c r="AM540" s="16"/>
      <c r="AN540" s="3" t="str">
        <f t="shared" si="17"/>
        <v>■</v>
      </c>
    </row>
    <row r="541" spans="1:40" ht="13" customHeight="1">
      <c r="A541" s="20"/>
      <c r="B541" s="20"/>
      <c r="C541" s="552">
        <v>23</v>
      </c>
      <c r="D541" s="553"/>
      <c r="E541" s="566" t="s">
        <v>848</v>
      </c>
      <c r="F541" s="567"/>
      <c r="G541" s="567"/>
      <c r="H541" s="567"/>
      <c r="I541" s="567"/>
      <c r="J541" s="567"/>
      <c r="K541" s="567"/>
      <c r="L541" s="567"/>
      <c r="M541" s="567"/>
      <c r="N541" s="567"/>
      <c r="O541" s="567"/>
      <c r="P541" s="567"/>
      <c r="Q541" s="567"/>
      <c r="R541" s="567"/>
      <c r="S541" s="567"/>
      <c r="T541" s="568"/>
      <c r="U541" s="220" t="s">
        <v>849</v>
      </c>
      <c r="V541" s="557" t="s">
        <v>107</v>
      </c>
      <c r="W541" s="558"/>
      <c r="X541" s="558"/>
      <c r="Y541" s="558"/>
      <c r="Z541" s="559"/>
      <c r="AA541" s="557" t="s">
        <v>102</v>
      </c>
      <c r="AB541" s="558"/>
      <c r="AC541" s="559"/>
      <c r="AD541" s="419">
        <v>9</v>
      </c>
      <c r="AE541" s="419" t="s">
        <v>103</v>
      </c>
      <c r="AF541" s="569" t="s">
        <v>109</v>
      </c>
      <c r="AG541" s="570"/>
      <c r="AH541" s="560"/>
      <c r="AI541" s="561"/>
      <c r="AJ541" s="562"/>
      <c r="AK541" s="333" t="s">
        <v>399</v>
      </c>
      <c r="AL541" s="29"/>
      <c r="AM541" s="16"/>
      <c r="AN541" s="3" t="str">
        <f t="shared" si="17"/>
        <v>■</v>
      </c>
    </row>
    <row r="542" spans="1:40" ht="13" customHeight="1">
      <c r="A542" s="20"/>
      <c r="B542" s="20"/>
      <c r="C542" s="552">
        <v>24</v>
      </c>
      <c r="D542" s="553"/>
      <c r="E542" s="566" t="s">
        <v>850</v>
      </c>
      <c r="F542" s="567"/>
      <c r="G542" s="567"/>
      <c r="H542" s="567"/>
      <c r="I542" s="567"/>
      <c r="J542" s="567"/>
      <c r="K542" s="567"/>
      <c r="L542" s="567"/>
      <c r="M542" s="567"/>
      <c r="N542" s="567"/>
      <c r="O542" s="567"/>
      <c r="P542" s="567"/>
      <c r="Q542" s="567"/>
      <c r="R542" s="567"/>
      <c r="S542" s="567"/>
      <c r="T542" s="568"/>
      <c r="U542" s="220" t="s">
        <v>851</v>
      </c>
      <c r="V542" s="557" t="s">
        <v>107</v>
      </c>
      <c r="W542" s="558"/>
      <c r="X542" s="558"/>
      <c r="Y542" s="558"/>
      <c r="Z542" s="559"/>
      <c r="AA542" s="557" t="s">
        <v>102</v>
      </c>
      <c r="AB542" s="558"/>
      <c r="AC542" s="559"/>
      <c r="AD542" s="419">
        <v>9</v>
      </c>
      <c r="AE542" s="419" t="s">
        <v>103</v>
      </c>
      <c r="AF542" s="569" t="s">
        <v>109</v>
      </c>
      <c r="AG542" s="570"/>
      <c r="AH542" s="560"/>
      <c r="AI542" s="561"/>
      <c r="AJ542" s="562"/>
      <c r="AK542" s="333" t="s">
        <v>399</v>
      </c>
      <c r="AL542" s="29"/>
      <c r="AM542" s="16"/>
      <c r="AN542" s="3" t="str">
        <f t="shared" si="17"/>
        <v>■</v>
      </c>
    </row>
    <row r="543" spans="1:40" ht="13" customHeight="1">
      <c r="A543" s="20"/>
      <c r="B543" s="20"/>
      <c r="C543" s="552">
        <v>25</v>
      </c>
      <c r="D543" s="553"/>
      <c r="E543" s="566" t="s">
        <v>852</v>
      </c>
      <c r="F543" s="567"/>
      <c r="G543" s="567"/>
      <c r="H543" s="567"/>
      <c r="I543" s="567"/>
      <c r="J543" s="567"/>
      <c r="K543" s="567"/>
      <c r="L543" s="567"/>
      <c r="M543" s="567"/>
      <c r="N543" s="567"/>
      <c r="O543" s="567"/>
      <c r="P543" s="567"/>
      <c r="Q543" s="567"/>
      <c r="R543" s="567"/>
      <c r="S543" s="567"/>
      <c r="T543" s="568"/>
      <c r="U543" s="220" t="s">
        <v>853</v>
      </c>
      <c r="V543" s="557" t="s">
        <v>107</v>
      </c>
      <c r="W543" s="558"/>
      <c r="X543" s="558"/>
      <c r="Y543" s="558"/>
      <c r="Z543" s="559"/>
      <c r="AA543" s="557" t="s">
        <v>102</v>
      </c>
      <c r="AB543" s="558"/>
      <c r="AC543" s="559"/>
      <c r="AD543" s="419">
        <v>9</v>
      </c>
      <c r="AE543" s="419" t="s">
        <v>103</v>
      </c>
      <c r="AF543" s="569" t="s">
        <v>109</v>
      </c>
      <c r="AG543" s="570"/>
      <c r="AH543" s="560"/>
      <c r="AI543" s="561"/>
      <c r="AJ543" s="562"/>
      <c r="AK543" s="333" t="s">
        <v>399</v>
      </c>
      <c r="AL543" s="29"/>
      <c r="AM543" s="16"/>
      <c r="AN543" s="3" t="str">
        <f t="shared" si="17"/>
        <v>■</v>
      </c>
    </row>
    <row r="544" spans="1:40" ht="13" customHeight="1">
      <c r="A544" s="20"/>
      <c r="B544" s="20"/>
      <c r="C544" s="552">
        <v>26</v>
      </c>
      <c r="D544" s="553"/>
      <c r="E544" s="566" t="s">
        <v>854</v>
      </c>
      <c r="F544" s="567"/>
      <c r="G544" s="567"/>
      <c r="H544" s="567"/>
      <c r="I544" s="567"/>
      <c r="J544" s="567"/>
      <c r="K544" s="567"/>
      <c r="L544" s="567"/>
      <c r="M544" s="567"/>
      <c r="N544" s="567"/>
      <c r="O544" s="567"/>
      <c r="P544" s="567"/>
      <c r="Q544" s="567"/>
      <c r="R544" s="567"/>
      <c r="S544" s="567"/>
      <c r="T544" s="568"/>
      <c r="U544" s="220" t="s">
        <v>855</v>
      </c>
      <c r="V544" s="557" t="s">
        <v>107</v>
      </c>
      <c r="W544" s="558"/>
      <c r="X544" s="558"/>
      <c r="Y544" s="558"/>
      <c r="Z544" s="559"/>
      <c r="AA544" s="557" t="s">
        <v>102</v>
      </c>
      <c r="AB544" s="558"/>
      <c r="AC544" s="559"/>
      <c r="AD544" s="419">
        <v>9</v>
      </c>
      <c r="AE544" s="419" t="s">
        <v>103</v>
      </c>
      <c r="AF544" s="569" t="s">
        <v>109</v>
      </c>
      <c r="AG544" s="570"/>
      <c r="AH544" s="560"/>
      <c r="AI544" s="561"/>
      <c r="AJ544" s="562"/>
      <c r="AK544" s="333" t="s">
        <v>399</v>
      </c>
      <c r="AL544" s="29"/>
      <c r="AM544" s="16"/>
      <c r="AN544" s="3" t="str">
        <f t="shared" si="17"/>
        <v>■</v>
      </c>
    </row>
    <row r="545" spans="1:40" ht="13" customHeight="1">
      <c r="A545" s="20"/>
      <c r="B545" s="20"/>
      <c r="C545" s="552">
        <v>27</v>
      </c>
      <c r="D545" s="553"/>
      <c r="E545" s="566" t="s">
        <v>856</v>
      </c>
      <c r="F545" s="567"/>
      <c r="G545" s="567"/>
      <c r="H545" s="567"/>
      <c r="I545" s="567"/>
      <c r="J545" s="567"/>
      <c r="K545" s="567"/>
      <c r="L545" s="567"/>
      <c r="M545" s="567"/>
      <c r="N545" s="567"/>
      <c r="O545" s="567"/>
      <c r="P545" s="567"/>
      <c r="Q545" s="567"/>
      <c r="R545" s="567"/>
      <c r="S545" s="567"/>
      <c r="T545" s="568"/>
      <c r="U545" s="220" t="s">
        <v>857</v>
      </c>
      <c r="V545" s="557" t="s">
        <v>107</v>
      </c>
      <c r="W545" s="558"/>
      <c r="X545" s="558"/>
      <c r="Y545" s="558"/>
      <c r="Z545" s="559"/>
      <c r="AA545" s="557" t="s">
        <v>102</v>
      </c>
      <c r="AB545" s="558"/>
      <c r="AC545" s="559"/>
      <c r="AD545" s="419">
        <v>9</v>
      </c>
      <c r="AE545" s="419" t="s">
        <v>103</v>
      </c>
      <c r="AF545" s="569" t="s">
        <v>109</v>
      </c>
      <c r="AG545" s="570"/>
      <c r="AH545" s="560"/>
      <c r="AI545" s="561"/>
      <c r="AJ545" s="562"/>
      <c r="AK545" s="333" t="s">
        <v>399</v>
      </c>
      <c r="AL545" s="29"/>
      <c r="AM545" s="16"/>
      <c r="AN545" s="3" t="str">
        <f t="shared" si="17"/>
        <v>■</v>
      </c>
    </row>
    <row r="546" spans="1:40" ht="13" customHeight="1">
      <c r="A546" s="20"/>
      <c r="B546" s="20"/>
      <c r="C546" s="552">
        <v>28</v>
      </c>
      <c r="D546" s="553"/>
      <c r="E546" s="566" t="s">
        <v>858</v>
      </c>
      <c r="F546" s="567"/>
      <c r="G546" s="567"/>
      <c r="H546" s="567"/>
      <c r="I546" s="567"/>
      <c r="J546" s="567"/>
      <c r="K546" s="567"/>
      <c r="L546" s="567"/>
      <c r="M546" s="567"/>
      <c r="N546" s="567"/>
      <c r="O546" s="567"/>
      <c r="P546" s="567"/>
      <c r="Q546" s="567"/>
      <c r="R546" s="567"/>
      <c r="S546" s="567"/>
      <c r="T546" s="568"/>
      <c r="U546" s="220" t="s">
        <v>859</v>
      </c>
      <c r="V546" s="557" t="s">
        <v>107</v>
      </c>
      <c r="W546" s="558"/>
      <c r="X546" s="558"/>
      <c r="Y546" s="558"/>
      <c r="Z546" s="559"/>
      <c r="AA546" s="557" t="s">
        <v>102</v>
      </c>
      <c r="AB546" s="558"/>
      <c r="AC546" s="559"/>
      <c r="AD546" s="419">
        <v>9</v>
      </c>
      <c r="AE546" s="419" t="s">
        <v>103</v>
      </c>
      <c r="AF546" s="569" t="s">
        <v>109</v>
      </c>
      <c r="AG546" s="570"/>
      <c r="AH546" s="560"/>
      <c r="AI546" s="561"/>
      <c r="AJ546" s="562"/>
      <c r="AK546" s="333" t="s">
        <v>399</v>
      </c>
      <c r="AL546" s="29"/>
      <c r="AM546" s="16"/>
      <c r="AN546" s="3" t="str">
        <f t="shared" si="17"/>
        <v>■</v>
      </c>
    </row>
    <row r="547" spans="1:40" ht="13" customHeight="1">
      <c r="A547" s="20"/>
      <c r="B547" s="20"/>
      <c r="C547" s="552">
        <v>29</v>
      </c>
      <c r="D547" s="553"/>
      <c r="E547" s="566" t="s">
        <v>860</v>
      </c>
      <c r="F547" s="567"/>
      <c r="G547" s="567"/>
      <c r="H547" s="567"/>
      <c r="I547" s="567"/>
      <c r="J547" s="567"/>
      <c r="K547" s="567"/>
      <c r="L547" s="567"/>
      <c r="M547" s="567"/>
      <c r="N547" s="567"/>
      <c r="O547" s="567"/>
      <c r="P547" s="567"/>
      <c r="Q547" s="567"/>
      <c r="R547" s="567"/>
      <c r="S547" s="567"/>
      <c r="T547" s="568"/>
      <c r="U547" s="220" t="s">
        <v>861</v>
      </c>
      <c r="V547" s="557" t="s">
        <v>107</v>
      </c>
      <c r="W547" s="558"/>
      <c r="X547" s="558"/>
      <c r="Y547" s="558"/>
      <c r="Z547" s="559"/>
      <c r="AA547" s="557" t="s">
        <v>102</v>
      </c>
      <c r="AB547" s="558"/>
      <c r="AC547" s="559"/>
      <c r="AD547" s="419">
        <v>9</v>
      </c>
      <c r="AE547" s="419" t="s">
        <v>103</v>
      </c>
      <c r="AF547" s="569" t="s">
        <v>109</v>
      </c>
      <c r="AG547" s="570"/>
      <c r="AH547" s="560"/>
      <c r="AI547" s="561"/>
      <c r="AJ547" s="562"/>
      <c r="AK547" s="333" t="s">
        <v>399</v>
      </c>
      <c r="AL547" s="29"/>
      <c r="AM547" s="16"/>
      <c r="AN547" s="3" t="str">
        <f t="shared" si="17"/>
        <v>■</v>
      </c>
    </row>
    <row r="548" spans="1:40" ht="13" customHeight="1">
      <c r="A548" s="20"/>
      <c r="B548" s="20"/>
      <c r="C548" s="552">
        <v>30</v>
      </c>
      <c r="D548" s="553"/>
      <c r="E548" s="566" t="s">
        <v>862</v>
      </c>
      <c r="F548" s="567"/>
      <c r="G548" s="567"/>
      <c r="H548" s="567"/>
      <c r="I548" s="567"/>
      <c r="J548" s="567"/>
      <c r="K548" s="567"/>
      <c r="L548" s="567"/>
      <c r="M548" s="567"/>
      <c r="N548" s="567"/>
      <c r="O548" s="567"/>
      <c r="P548" s="567"/>
      <c r="Q548" s="567"/>
      <c r="R548" s="567"/>
      <c r="S548" s="567"/>
      <c r="T548" s="568"/>
      <c r="U548" s="220" t="s">
        <v>863</v>
      </c>
      <c r="V548" s="557" t="s">
        <v>107</v>
      </c>
      <c r="W548" s="558"/>
      <c r="X548" s="558"/>
      <c r="Y548" s="558"/>
      <c r="Z548" s="559"/>
      <c r="AA548" s="557" t="s">
        <v>102</v>
      </c>
      <c r="AB548" s="558"/>
      <c r="AC548" s="559"/>
      <c r="AD548" s="419">
        <v>9</v>
      </c>
      <c r="AE548" s="419" t="s">
        <v>103</v>
      </c>
      <c r="AF548" s="569" t="s">
        <v>109</v>
      </c>
      <c r="AG548" s="570"/>
      <c r="AH548" s="560"/>
      <c r="AI548" s="561"/>
      <c r="AJ548" s="562"/>
      <c r="AK548" s="333" t="s">
        <v>399</v>
      </c>
      <c r="AL548" s="29"/>
      <c r="AM548" s="16"/>
      <c r="AN548" s="3" t="str">
        <f t="shared" si="17"/>
        <v>■</v>
      </c>
    </row>
    <row r="549" spans="1:40" ht="13" customHeight="1">
      <c r="A549" s="20"/>
      <c r="B549" s="20"/>
      <c r="C549" s="552">
        <v>31</v>
      </c>
      <c r="D549" s="553"/>
      <c r="E549" s="566" t="s">
        <v>864</v>
      </c>
      <c r="F549" s="567"/>
      <c r="G549" s="567"/>
      <c r="H549" s="567"/>
      <c r="I549" s="567"/>
      <c r="J549" s="567"/>
      <c r="K549" s="567"/>
      <c r="L549" s="567"/>
      <c r="M549" s="567"/>
      <c r="N549" s="567"/>
      <c r="O549" s="567"/>
      <c r="P549" s="567"/>
      <c r="Q549" s="567"/>
      <c r="R549" s="567"/>
      <c r="S549" s="567"/>
      <c r="T549" s="568"/>
      <c r="U549" s="220" t="s">
        <v>865</v>
      </c>
      <c r="V549" s="557" t="s">
        <v>107</v>
      </c>
      <c r="W549" s="558"/>
      <c r="X549" s="558"/>
      <c r="Y549" s="558"/>
      <c r="Z549" s="559"/>
      <c r="AA549" s="557" t="s">
        <v>102</v>
      </c>
      <c r="AB549" s="558"/>
      <c r="AC549" s="559"/>
      <c r="AD549" s="419">
        <v>9</v>
      </c>
      <c r="AE549" s="419" t="s">
        <v>103</v>
      </c>
      <c r="AF549" s="569" t="s">
        <v>109</v>
      </c>
      <c r="AG549" s="570"/>
      <c r="AH549" s="560"/>
      <c r="AI549" s="561"/>
      <c r="AJ549" s="562"/>
      <c r="AK549" s="333" t="s">
        <v>399</v>
      </c>
      <c r="AL549" s="29"/>
      <c r="AM549" s="16"/>
      <c r="AN549" s="3" t="str">
        <f t="shared" si="17"/>
        <v>■</v>
      </c>
    </row>
    <row r="550" spans="1:40" ht="13" customHeight="1">
      <c r="A550" s="20"/>
      <c r="B550" s="20"/>
      <c r="C550" s="552">
        <v>32</v>
      </c>
      <c r="D550" s="553"/>
      <c r="E550" s="566" t="s">
        <v>866</v>
      </c>
      <c r="F550" s="567"/>
      <c r="G550" s="567"/>
      <c r="H550" s="567"/>
      <c r="I550" s="567"/>
      <c r="J550" s="567"/>
      <c r="K550" s="567"/>
      <c r="L550" s="567"/>
      <c r="M550" s="567"/>
      <c r="N550" s="567"/>
      <c r="O550" s="567"/>
      <c r="P550" s="567"/>
      <c r="Q550" s="567"/>
      <c r="R550" s="567"/>
      <c r="S550" s="567"/>
      <c r="T550" s="568"/>
      <c r="U550" s="220" t="s">
        <v>867</v>
      </c>
      <c r="V550" s="557" t="s">
        <v>107</v>
      </c>
      <c r="W550" s="558"/>
      <c r="X550" s="558"/>
      <c r="Y550" s="558"/>
      <c r="Z550" s="559"/>
      <c r="AA550" s="557" t="s">
        <v>102</v>
      </c>
      <c r="AB550" s="558"/>
      <c r="AC550" s="559"/>
      <c r="AD550" s="419">
        <v>9</v>
      </c>
      <c r="AE550" s="419" t="s">
        <v>103</v>
      </c>
      <c r="AF550" s="569" t="s">
        <v>109</v>
      </c>
      <c r="AG550" s="570"/>
      <c r="AH550" s="560"/>
      <c r="AI550" s="561"/>
      <c r="AJ550" s="562"/>
      <c r="AK550" s="333" t="s">
        <v>399</v>
      </c>
      <c r="AL550" s="29"/>
      <c r="AM550" s="16"/>
      <c r="AN550" s="3" t="str">
        <f t="shared" si="17"/>
        <v>■</v>
      </c>
    </row>
    <row r="551" spans="1:40" ht="13" customHeight="1">
      <c r="A551" s="20"/>
      <c r="B551" s="20"/>
      <c r="C551" s="552">
        <v>33</v>
      </c>
      <c r="D551" s="553"/>
      <c r="E551" s="566" t="s">
        <v>868</v>
      </c>
      <c r="F551" s="567"/>
      <c r="G551" s="567"/>
      <c r="H551" s="567"/>
      <c r="I551" s="567"/>
      <c r="J551" s="567"/>
      <c r="K551" s="567"/>
      <c r="L551" s="567"/>
      <c r="M551" s="567"/>
      <c r="N551" s="567"/>
      <c r="O551" s="567"/>
      <c r="P551" s="567"/>
      <c r="Q551" s="567"/>
      <c r="R551" s="567"/>
      <c r="S551" s="567"/>
      <c r="T551" s="568"/>
      <c r="U551" s="220" t="s">
        <v>869</v>
      </c>
      <c r="V551" s="557" t="s">
        <v>107</v>
      </c>
      <c r="W551" s="558"/>
      <c r="X551" s="558"/>
      <c r="Y551" s="558"/>
      <c r="Z551" s="559"/>
      <c r="AA551" s="557" t="s">
        <v>102</v>
      </c>
      <c r="AB551" s="558"/>
      <c r="AC551" s="559"/>
      <c r="AD551" s="419">
        <v>9</v>
      </c>
      <c r="AE551" s="419" t="s">
        <v>103</v>
      </c>
      <c r="AF551" s="569" t="s">
        <v>109</v>
      </c>
      <c r="AG551" s="570"/>
      <c r="AH551" s="560"/>
      <c r="AI551" s="561"/>
      <c r="AJ551" s="562"/>
      <c r="AK551" s="333" t="s">
        <v>399</v>
      </c>
      <c r="AL551" s="29"/>
      <c r="AM551" s="16"/>
      <c r="AN551" s="3" t="str">
        <f t="shared" si="17"/>
        <v>■</v>
      </c>
    </row>
    <row r="552" spans="1:40" ht="13" customHeight="1">
      <c r="A552" s="20"/>
      <c r="B552" s="20"/>
      <c r="C552" s="552">
        <v>34</v>
      </c>
      <c r="D552" s="553"/>
      <c r="E552" s="566" t="s">
        <v>870</v>
      </c>
      <c r="F552" s="567"/>
      <c r="G552" s="567"/>
      <c r="H552" s="567"/>
      <c r="I552" s="567"/>
      <c r="J552" s="567"/>
      <c r="K552" s="567"/>
      <c r="L552" s="567"/>
      <c r="M552" s="567"/>
      <c r="N552" s="567"/>
      <c r="O552" s="567"/>
      <c r="P552" s="567"/>
      <c r="Q552" s="567"/>
      <c r="R552" s="567"/>
      <c r="S552" s="567"/>
      <c r="T552" s="568"/>
      <c r="U552" s="220" t="s">
        <v>871</v>
      </c>
      <c r="V552" s="557" t="s">
        <v>107</v>
      </c>
      <c r="W552" s="558"/>
      <c r="X552" s="558"/>
      <c r="Y552" s="558"/>
      <c r="Z552" s="559"/>
      <c r="AA552" s="557" t="s">
        <v>102</v>
      </c>
      <c r="AB552" s="558"/>
      <c r="AC552" s="559"/>
      <c r="AD552" s="419">
        <v>9</v>
      </c>
      <c r="AE552" s="419" t="s">
        <v>103</v>
      </c>
      <c r="AF552" s="569" t="s">
        <v>109</v>
      </c>
      <c r="AG552" s="570"/>
      <c r="AH552" s="560"/>
      <c r="AI552" s="561"/>
      <c r="AJ552" s="562"/>
      <c r="AK552" s="333" t="s">
        <v>399</v>
      </c>
      <c r="AL552" s="29"/>
      <c r="AM552" s="16"/>
      <c r="AN552" s="3" t="str">
        <f t="shared" si="17"/>
        <v>■</v>
      </c>
    </row>
    <row r="553" spans="1:40" ht="13" customHeight="1">
      <c r="A553" s="20"/>
      <c r="B553" s="20"/>
      <c r="C553" s="552">
        <v>35</v>
      </c>
      <c r="D553" s="553"/>
      <c r="E553" s="566" t="s">
        <v>872</v>
      </c>
      <c r="F553" s="567"/>
      <c r="G553" s="567"/>
      <c r="H553" s="567"/>
      <c r="I553" s="567"/>
      <c r="J553" s="567"/>
      <c r="K553" s="567"/>
      <c r="L553" s="567"/>
      <c r="M553" s="567"/>
      <c r="N553" s="567"/>
      <c r="O553" s="567"/>
      <c r="P553" s="567"/>
      <c r="Q553" s="567"/>
      <c r="R553" s="567"/>
      <c r="S553" s="567"/>
      <c r="T553" s="568"/>
      <c r="U553" s="220" t="s">
        <v>873</v>
      </c>
      <c r="V553" s="557" t="s">
        <v>107</v>
      </c>
      <c r="W553" s="558"/>
      <c r="X553" s="558"/>
      <c r="Y553" s="558"/>
      <c r="Z553" s="559"/>
      <c r="AA553" s="557" t="s">
        <v>102</v>
      </c>
      <c r="AB553" s="558"/>
      <c r="AC553" s="559"/>
      <c r="AD553" s="419">
        <v>9</v>
      </c>
      <c r="AE553" s="419" t="s">
        <v>103</v>
      </c>
      <c r="AF553" s="569" t="s">
        <v>109</v>
      </c>
      <c r="AG553" s="570"/>
      <c r="AH553" s="560"/>
      <c r="AI553" s="561"/>
      <c r="AJ553" s="562"/>
      <c r="AK553" s="333" t="s">
        <v>399</v>
      </c>
      <c r="AL553" s="29"/>
      <c r="AM553" s="16"/>
      <c r="AN553" s="3" t="str">
        <f t="shared" si="17"/>
        <v>■</v>
      </c>
    </row>
    <row r="554" spans="1:40" ht="13" customHeight="1">
      <c r="A554" s="20"/>
      <c r="B554" s="20"/>
      <c r="C554" s="552">
        <v>36</v>
      </c>
      <c r="D554" s="553"/>
      <c r="E554" s="566" t="s">
        <v>874</v>
      </c>
      <c r="F554" s="567"/>
      <c r="G554" s="567"/>
      <c r="H554" s="567"/>
      <c r="I554" s="567"/>
      <c r="J554" s="567"/>
      <c r="K554" s="567"/>
      <c r="L554" s="567"/>
      <c r="M554" s="567"/>
      <c r="N554" s="567"/>
      <c r="O554" s="567"/>
      <c r="P554" s="567"/>
      <c r="Q554" s="567"/>
      <c r="R554" s="567"/>
      <c r="S554" s="567"/>
      <c r="T554" s="568"/>
      <c r="U554" s="220" t="s">
        <v>875</v>
      </c>
      <c r="V554" s="557" t="s">
        <v>107</v>
      </c>
      <c r="W554" s="558"/>
      <c r="X554" s="558"/>
      <c r="Y554" s="558"/>
      <c r="Z554" s="559"/>
      <c r="AA554" s="557" t="s">
        <v>102</v>
      </c>
      <c r="AB554" s="558"/>
      <c r="AC554" s="559"/>
      <c r="AD554" s="419">
        <v>9</v>
      </c>
      <c r="AE554" s="419" t="s">
        <v>103</v>
      </c>
      <c r="AF554" s="569" t="s">
        <v>109</v>
      </c>
      <c r="AG554" s="570"/>
      <c r="AH554" s="560"/>
      <c r="AI554" s="561"/>
      <c r="AJ554" s="562"/>
      <c r="AK554" s="333" t="s">
        <v>399</v>
      </c>
      <c r="AL554" s="29"/>
      <c r="AM554" s="16"/>
      <c r="AN554" s="3" t="str">
        <f>$S$21</f>
        <v>■</v>
      </c>
    </row>
    <row r="555" spans="1:40" ht="13" customHeight="1">
      <c r="A555" s="20"/>
      <c r="B555" s="20"/>
      <c r="C555" s="552">
        <v>37</v>
      </c>
      <c r="D555" s="553"/>
      <c r="E555" s="566" t="s">
        <v>876</v>
      </c>
      <c r="F555" s="567"/>
      <c r="G555" s="567"/>
      <c r="H555" s="567"/>
      <c r="I555" s="567"/>
      <c r="J555" s="567"/>
      <c r="K555" s="567"/>
      <c r="L555" s="567"/>
      <c r="M555" s="567"/>
      <c r="N555" s="567"/>
      <c r="O555" s="567"/>
      <c r="P555" s="567"/>
      <c r="Q555" s="567"/>
      <c r="R555" s="567"/>
      <c r="S555" s="567"/>
      <c r="T555" s="568"/>
      <c r="U555" s="220" t="s">
        <v>877</v>
      </c>
      <c r="V555" s="557" t="s">
        <v>107</v>
      </c>
      <c r="W555" s="558"/>
      <c r="X555" s="558"/>
      <c r="Y555" s="558"/>
      <c r="Z555" s="559"/>
      <c r="AA555" s="557" t="s">
        <v>102</v>
      </c>
      <c r="AB555" s="558"/>
      <c r="AC555" s="559"/>
      <c r="AD555" s="419">
        <v>9</v>
      </c>
      <c r="AE555" s="419" t="s">
        <v>103</v>
      </c>
      <c r="AF555" s="569" t="s">
        <v>109</v>
      </c>
      <c r="AG555" s="570"/>
      <c r="AH555" s="560"/>
      <c r="AI555" s="561"/>
      <c r="AJ555" s="562"/>
      <c r="AK555" s="333" t="s">
        <v>399</v>
      </c>
      <c r="AL555" s="29"/>
      <c r="AM555" s="16"/>
      <c r="AN555" s="3" t="str">
        <f t="shared" si="17"/>
        <v>■</v>
      </c>
    </row>
    <row r="556" spans="1:40">
      <c r="A556" s="20"/>
      <c r="B556" s="25"/>
      <c r="C556" s="541">
        <v>38</v>
      </c>
      <c r="D556" s="542"/>
      <c r="E556" s="543" t="s">
        <v>1785</v>
      </c>
      <c r="F556" s="544"/>
      <c r="G556" s="544"/>
      <c r="H556" s="544"/>
      <c r="I556" s="544"/>
      <c r="J556" s="544"/>
      <c r="K556" s="544"/>
      <c r="L556" s="544"/>
      <c r="M556" s="544"/>
      <c r="N556" s="544"/>
      <c r="O556" s="544"/>
      <c r="P556" s="544"/>
      <c r="Q556" s="544"/>
      <c r="R556" s="544"/>
      <c r="S556" s="544"/>
      <c r="T556" s="545"/>
      <c r="U556" s="221" t="s">
        <v>453</v>
      </c>
      <c r="V556" s="546" t="s">
        <v>107</v>
      </c>
      <c r="W556" s="547"/>
      <c r="X556" s="547"/>
      <c r="Y556" s="547"/>
      <c r="Z556" s="548"/>
      <c r="AA556" s="546" t="s">
        <v>102</v>
      </c>
      <c r="AB556" s="547"/>
      <c r="AC556" s="548"/>
      <c r="AD556" s="415">
        <v>6</v>
      </c>
      <c r="AE556" s="415" t="s">
        <v>103</v>
      </c>
      <c r="AF556" s="646"/>
      <c r="AG556" s="647"/>
      <c r="AH556" s="549"/>
      <c r="AI556" s="550"/>
      <c r="AJ556" s="551"/>
      <c r="AK556" s="332"/>
      <c r="AL556" s="29"/>
      <c r="AM556" s="16"/>
      <c r="AN556" s="3" t="str">
        <f t="shared" si="17"/>
        <v>■</v>
      </c>
    </row>
    <row r="557" spans="1:40">
      <c r="A557" s="20"/>
      <c r="B557" s="25"/>
      <c r="C557" s="541">
        <v>39</v>
      </c>
      <c r="D557" s="542"/>
      <c r="E557" s="543" t="s">
        <v>411</v>
      </c>
      <c r="F557" s="544"/>
      <c r="G557" s="544"/>
      <c r="H557" s="544"/>
      <c r="I557" s="544"/>
      <c r="J557" s="544"/>
      <c r="K557" s="544"/>
      <c r="L557" s="544"/>
      <c r="M557" s="544"/>
      <c r="N557" s="544"/>
      <c r="O557" s="544"/>
      <c r="P557" s="544"/>
      <c r="Q557" s="544"/>
      <c r="R557" s="544"/>
      <c r="S557" s="544"/>
      <c r="T557" s="545"/>
      <c r="U557" s="221" t="s">
        <v>516</v>
      </c>
      <c r="V557" s="546" t="s">
        <v>107</v>
      </c>
      <c r="W557" s="547"/>
      <c r="X557" s="547"/>
      <c r="Y557" s="547"/>
      <c r="Z557" s="548"/>
      <c r="AA557" s="546" t="s">
        <v>102</v>
      </c>
      <c r="AB557" s="547"/>
      <c r="AC557" s="548"/>
      <c r="AD557" s="415">
        <v>6</v>
      </c>
      <c r="AE557" s="415" t="s">
        <v>103</v>
      </c>
      <c r="AF557" s="646"/>
      <c r="AG557" s="647"/>
      <c r="AH557" s="549"/>
      <c r="AI557" s="550"/>
      <c r="AJ557" s="551"/>
      <c r="AK557" s="332"/>
      <c r="AL557" s="29"/>
      <c r="AM557" s="16"/>
      <c r="AN557" s="3" t="str">
        <f t="shared" si="17"/>
        <v>■</v>
      </c>
    </row>
    <row r="558" spans="1:40" ht="14.15" customHeight="1">
      <c r="A558" s="20"/>
      <c r="B558" s="25"/>
      <c r="C558" s="124"/>
      <c r="D558" s="124"/>
      <c r="E558" s="207"/>
      <c r="F558" s="207"/>
      <c r="G558" s="207"/>
      <c r="H558" s="207"/>
      <c r="I558" s="207"/>
      <c r="J558" s="207"/>
      <c r="K558" s="207"/>
      <c r="L558" s="207"/>
      <c r="M558" s="207"/>
      <c r="N558" s="207"/>
      <c r="O558" s="207"/>
      <c r="P558" s="207"/>
      <c r="Q558" s="207"/>
      <c r="R558" s="207"/>
      <c r="S558" s="207"/>
      <c r="T558" s="207"/>
      <c r="U558" s="214"/>
      <c r="V558" s="205"/>
      <c r="W558" s="205"/>
      <c r="X558" s="205"/>
      <c r="Y558" s="205"/>
      <c r="Z558" s="205"/>
      <c r="AA558" s="619"/>
      <c r="AB558" s="619"/>
      <c r="AC558" s="619"/>
      <c r="AD558" s="206"/>
      <c r="AE558" s="206"/>
      <c r="AF558" s="326"/>
      <c r="AG558" s="412"/>
      <c r="AH558" s="238"/>
      <c r="AI558" s="238"/>
      <c r="AJ558" s="238"/>
      <c r="AK558" s="26"/>
      <c r="AL558" s="29"/>
      <c r="AM558" s="16"/>
    </row>
    <row r="559" spans="1:40" ht="14.15" customHeight="1">
      <c r="A559" s="20"/>
      <c r="B559" s="25"/>
      <c r="C559" s="52" t="s">
        <v>380</v>
      </c>
      <c r="D559" s="124"/>
      <c r="E559" s="207"/>
      <c r="F559" s="207"/>
      <c r="G559" s="207"/>
      <c r="H559" s="207"/>
      <c r="I559" s="207"/>
      <c r="J559" s="207" t="s">
        <v>878</v>
      </c>
      <c r="K559" s="207"/>
      <c r="L559" s="207"/>
      <c r="M559" s="207"/>
      <c r="N559" s="207"/>
      <c r="O559" s="207"/>
      <c r="P559" s="207"/>
      <c r="Q559" s="207"/>
      <c r="R559" s="207"/>
      <c r="S559" s="207"/>
      <c r="T559" s="207"/>
      <c r="U559" s="214" t="s">
        <v>1788</v>
      </c>
      <c r="V559" s="205"/>
      <c r="W559" s="205"/>
      <c r="X559" s="205"/>
      <c r="Y559" s="205"/>
      <c r="Z559" s="205"/>
      <c r="AA559" s="620"/>
      <c r="AB559" s="620"/>
      <c r="AC559" s="620"/>
      <c r="AD559" s="206"/>
      <c r="AE559" s="206"/>
      <c r="AF559" s="326"/>
      <c r="AG559" s="239"/>
      <c r="AH559" s="238"/>
      <c r="AI559" s="238"/>
      <c r="AJ559" s="238"/>
      <c r="AK559" s="26"/>
      <c r="AL559" s="29"/>
      <c r="AM559" s="16"/>
    </row>
    <row r="560" spans="1:40" ht="14.15" customHeight="1">
      <c r="A560" s="20"/>
      <c r="B560" s="25"/>
      <c r="C560" s="583" t="s">
        <v>73</v>
      </c>
      <c r="D560" s="573"/>
      <c r="E560" s="583" t="s">
        <v>94</v>
      </c>
      <c r="F560" s="583"/>
      <c r="G560" s="583"/>
      <c r="H560" s="583"/>
      <c r="I560" s="583"/>
      <c r="J560" s="583"/>
      <c r="K560" s="583"/>
      <c r="L560" s="583"/>
      <c r="M560" s="583"/>
      <c r="N560" s="583"/>
      <c r="O560" s="583"/>
      <c r="P560" s="583"/>
      <c r="Q560" s="583"/>
      <c r="R560" s="583"/>
      <c r="S560" s="583"/>
      <c r="T560" s="583"/>
      <c r="U560" s="226" t="s">
        <v>1789</v>
      </c>
      <c r="V560" s="572" t="s">
        <v>138</v>
      </c>
      <c r="W560" s="572"/>
      <c r="X560" s="572"/>
      <c r="Y560" s="572"/>
      <c r="Z560" s="572"/>
      <c r="AA560" s="598" t="s">
        <v>959</v>
      </c>
      <c r="AB560" s="599"/>
      <c r="AC560" s="600"/>
      <c r="AD560" s="572" t="s">
        <v>97</v>
      </c>
      <c r="AE560" s="572"/>
      <c r="AF560" s="572" t="s">
        <v>98</v>
      </c>
      <c r="AG560" s="572"/>
      <c r="AH560" s="583" t="s">
        <v>75</v>
      </c>
      <c r="AI560" s="583"/>
      <c r="AJ560" s="583"/>
      <c r="AK560" s="572" t="s">
        <v>159</v>
      </c>
      <c r="AL560" s="29"/>
      <c r="AM560" s="16"/>
    </row>
    <row r="561" spans="1:40" ht="14.15" customHeight="1">
      <c r="A561" s="20"/>
      <c r="B561" s="25"/>
      <c r="C561" s="573"/>
      <c r="D561" s="573"/>
      <c r="E561" s="583"/>
      <c r="F561" s="583"/>
      <c r="G561" s="583"/>
      <c r="H561" s="583"/>
      <c r="I561" s="583"/>
      <c r="J561" s="583"/>
      <c r="K561" s="583"/>
      <c r="L561" s="583"/>
      <c r="M561" s="583"/>
      <c r="N561" s="583"/>
      <c r="O561" s="583"/>
      <c r="P561" s="583"/>
      <c r="Q561" s="583"/>
      <c r="R561" s="583"/>
      <c r="S561" s="583"/>
      <c r="T561" s="583"/>
      <c r="U561" s="227"/>
      <c r="V561" s="572"/>
      <c r="W561" s="572"/>
      <c r="X561" s="572"/>
      <c r="Y561" s="572"/>
      <c r="Z561" s="572"/>
      <c r="AA561" s="601"/>
      <c r="AB561" s="602"/>
      <c r="AC561" s="603"/>
      <c r="AD561" s="572"/>
      <c r="AE561" s="572"/>
      <c r="AF561" s="572"/>
      <c r="AG561" s="572"/>
      <c r="AH561" s="583"/>
      <c r="AI561" s="583"/>
      <c r="AJ561" s="583"/>
      <c r="AK561" s="572"/>
      <c r="AL561" s="29"/>
      <c r="AM561" s="16"/>
    </row>
    <row r="562" spans="1:40" ht="14.15" customHeight="1">
      <c r="A562" s="20"/>
      <c r="B562" s="25"/>
      <c r="C562" s="541">
        <v>1</v>
      </c>
      <c r="D562" s="542"/>
      <c r="E562" s="563" t="s">
        <v>440</v>
      </c>
      <c r="F562" s="564"/>
      <c r="G562" s="564"/>
      <c r="H562" s="564"/>
      <c r="I562" s="564"/>
      <c r="J562" s="564"/>
      <c r="K562" s="564"/>
      <c r="L562" s="564"/>
      <c r="M562" s="564"/>
      <c r="N562" s="564"/>
      <c r="O562" s="564"/>
      <c r="P562" s="564"/>
      <c r="Q562" s="564"/>
      <c r="R562" s="564"/>
      <c r="S562" s="564"/>
      <c r="T562" s="565"/>
      <c r="U562" s="219" t="s">
        <v>441</v>
      </c>
      <c r="V562" s="546" t="s">
        <v>101</v>
      </c>
      <c r="W562" s="547"/>
      <c r="X562" s="547"/>
      <c r="Y562" s="547"/>
      <c r="Z562" s="548"/>
      <c r="AA562" s="546" t="s">
        <v>102</v>
      </c>
      <c r="AB562" s="547"/>
      <c r="AC562" s="548"/>
      <c r="AD562" s="415">
        <v>10</v>
      </c>
      <c r="AE562" s="415" t="s">
        <v>103</v>
      </c>
      <c r="AF562" s="646"/>
      <c r="AG562" s="647"/>
      <c r="AH562" s="549"/>
      <c r="AI562" s="550"/>
      <c r="AJ562" s="551"/>
      <c r="AK562" s="332"/>
      <c r="AL562" s="29"/>
      <c r="AM562" s="16"/>
      <c r="AN562" s="3" t="str">
        <f>$G$22</f>
        <v>■</v>
      </c>
    </row>
    <row r="563" spans="1:40" ht="14.15" customHeight="1">
      <c r="A563" s="20"/>
      <c r="B563" s="25"/>
      <c r="C563" s="541">
        <v>2</v>
      </c>
      <c r="D563" s="542"/>
      <c r="E563" s="563" t="s">
        <v>442</v>
      </c>
      <c r="F563" s="564"/>
      <c r="G563" s="564"/>
      <c r="H563" s="564"/>
      <c r="I563" s="564"/>
      <c r="J563" s="564"/>
      <c r="K563" s="564"/>
      <c r="L563" s="564"/>
      <c r="M563" s="564"/>
      <c r="N563" s="564"/>
      <c r="O563" s="564"/>
      <c r="P563" s="564"/>
      <c r="Q563" s="564"/>
      <c r="R563" s="564"/>
      <c r="S563" s="564"/>
      <c r="T563" s="565"/>
      <c r="U563" s="219" t="s">
        <v>443</v>
      </c>
      <c r="V563" s="546" t="s">
        <v>101</v>
      </c>
      <c r="W563" s="547"/>
      <c r="X563" s="547"/>
      <c r="Y563" s="547"/>
      <c r="Z563" s="548"/>
      <c r="AA563" s="546" t="s">
        <v>102</v>
      </c>
      <c r="AB563" s="547"/>
      <c r="AC563" s="548"/>
      <c r="AD563" s="415">
        <v>51</v>
      </c>
      <c r="AE563" s="415" t="s">
        <v>103</v>
      </c>
      <c r="AF563" s="646"/>
      <c r="AG563" s="647"/>
      <c r="AH563" s="549"/>
      <c r="AI563" s="550"/>
      <c r="AJ563" s="551"/>
      <c r="AK563" s="332"/>
      <c r="AL563" s="29"/>
      <c r="AM563" s="16"/>
      <c r="AN563" s="3" t="str">
        <f>$G$22</f>
        <v>■</v>
      </c>
    </row>
    <row r="564" spans="1:40" ht="14.15" customHeight="1">
      <c r="A564" s="20"/>
      <c r="B564" s="25"/>
      <c r="C564" s="552">
        <v>3</v>
      </c>
      <c r="D564" s="553"/>
      <c r="E564" s="566" t="s">
        <v>106</v>
      </c>
      <c r="F564" s="567"/>
      <c r="G564" s="567"/>
      <c r="H564" s="567"/>
      <c r="I564" s="567"/>
      <c r="J564" s="567"/>
      <c r="K564" s="567"/>
      <c r="L564" s="567"/>
      <c r="M564" s="567"/>
      <c r="N564" s="567"/>
      <c r="O564" s="567"/>
      <c r="P564" s="567"/>
      <c r="Q564" s="567"/>
      <c r="R564" s="567"/>
      <c r="S564" s="567"/>
      <c r="T564" s="568"/>
      <c r="U564" s="220" t="s">
        <v>444</v>
      </c>
      <c r="V564" s="557" t="s">
        <v>107</v>
      </c>
      <c r="W564" s="558"/>
      <c r="X564" s="558"/>
      <c r="Y564" s="558"/>
      <c r="Z564" s="559"/>
      <c r="AA564" s="557" t="s">
        <v>108</v>
      </c>
      <c r="AB564" s="558"/>
      <c r="AC564" s="559"/>
      <c r="AD564" s="419">
        <v>1</v>
      </c>
      <c r="AE564" s="419">
        <v>0</v>
      </c>
      <c r="AF564" s="569" t="s">
        <v>109</v>
      </c>
      <c r="AG564" s="570"/>
      <c r="AH564" s="560"/>
      <c r="AI564" s="561"/>
      <c r="AJ564" s="562"/>
      <c r="AK564" s="333" t="s">
        <v>416</v>
      </c>
      <c r="AL564" s="29"/>
      <c r="AM564" s="16"/>
      <c r="AN564" s="3" t="str">
        <f t="shared" ref="AN564:AN582" si="18">$G$22</f>
        <v>■</v>
      </c>
    </row>
    <row r="565" spans="1:40" ht="14.15" customHeight="1">
      <c r="A565" s="20"/>
      <c r="B565" s="25"/>
      <c r="C565" s="541">
        <v>4</v>
      </c>
      <c r="D565" s="542"/>
      <c r="E565" s="563" t="s">
        <v>110</v>
      </c>
      <c r="F565" s="564"/>
      <c r="G565" s="564"/>
      <c r="H565" s="564"/>
      <c r="I565" s="564"/>
      <c r="J565" s="564"/>
      <c r="K565" s="564"/>
      <c r="L565" s="564"/>
      <c r="M565" s="564"/>
      <c r="N565" s="564"/>
      <c r="O565" s="564"/>
      <c r="P565" s="564"/>
      <c r="Q565" s="564"/>
      <c r="R565" s="564"/>
      <c r="S565" s="564"/>
      <c r="T565" s="565"/>
      <c r="U565" s="221" t="s">
        <v>445</v>
      </c>
      <c r="V565" s="546" t="s">
        <v>107</v>
      </c>
      <c r="W565" s="547"/>
      <c r="X565" s="547"/>
      <c r="Y565" s="547"/>
      <c r="Z565" s="548"/>
      <c r="AA565" s="546" t="s">
        <v>108</v>
      </c>
      <c r="AB565" s="547"/>
      <c r="AC565" s="548"/>
      <c r="AD565" s="415">
        <v>1</v>
      </c>
      <c r="AE565" s="415">
        <v>0</v>
      </c>
      <c r="AF565" s="646"/>
      <c r="AG565" s="647"/>
      <c r="AH565" s="549"/>
      <c r="AI565" s="550"/>
      <c r="AJ565" s="551"/>
      <c r="AK565" s="332"/>
      <c r="AL565" s="29"/>
      <c r="AM565" s="16"/>
      <c r="AN565" s="3" t="str">
        <f t="shared" si="18"/>
        <v>■</v>
      </c>
    </row>
    <row r="566" spans="1:40" ht="14.15" customHeight="1">
      <c r="A566" s="20"/>
      <c r="B566" s="25"/>
      <c r="C566" s="541">
        <v>5</v>
      </c>
      <c r="D566" s="542"/>
      <c r="E566" s="543" t="s">
        <v>80</v>
      </c>
      <c r="F566" s="544"/>
      <c r="G566" s="544"/>
      <c r="H566" s="544"/>
      <c r="I566" s="544"/>
      <c r="J566" s="544"/>
      <c r="K566" s="544"/>
      <c r="L566" s="544"/>
      <c r="M566" s="544"/>
      <c r="N566" s="544"/>
      <c r="O566" s="544"/>
      <c r="P566" s="544"/>
      <c r="Q566" s="544"/>
      <c r="R566" s="544"/>
      <c r="S566" s="544"/>
      <c r="T566" s="545"/>
      <c r="U566" s="221" t="s">
        <v>446</v>
      </c>
      <c r="V566" s="546" t="s">
        <v>101</v>
      </c>
      <c r="W566" s="547"/>
      <c r="X566" s="547"/>
      <c r="Y566" s="547"/>
      <c r="Z566" s="548"/>
      <c r="AA566" s="546" t="s">
        <v>102</v>
      </c>
      <c r="AB566" s="547"/>
      <c r="AC566" s="548"/>
      <c r="AD566" s="415">
        <v>2</v>
      </c>
      <c r="AE566" s="415" t="s">
        <v>103</v>
      </c>
      <c r="AF566" s="646"/>
      <c r="AG566" s="647"/>
      <c r="AH566" s="549"/>
      <c r="AI566" s="550"/>
      <c r="AJ566" s="551"/>
      <c r="AK566" s="332"/>
      <c r="AL566" s="29"/>
      <c r="AM566" s="16"/>
      <c r="AN566" s="3" t="str">
        <f t="shared" si="18"/>
        <v>■</v>
      </c>
    </row>
    <row r="567" spans="1:40" ht="14.15" customHeight="1">
      <c r="A567" s="20"/>
      <c r="B567" s="25"/>
      <c r="C567" s="541">
        <v>6</v>
      </c>
      <c r="D567" s="542"/>
      <c r="E567" s="543" t="s">
        <v>779</v>
      </c>
      <c r="F567" s="544"/>
      <c r="G567" s="544"/>
      <c r="H567" s="544"/>
      <c r="I567" s="544"/>
      <c r="J567" s="544"/>
      <c r="K567" s="544"/>
      <c r="L567" s="544"/>
      <c r="M567" s="544"/>
      <c r="N567" s="544"/>
      <c r="O567" s="544"/>
      <c r="P567" s="544"/>
      <c r="Q567" s="544"/>
      <c r="R567" s="544"/>
      <c r="S567" s="544"/>
      <c r="T567" s="545"/>
      <c r="U567" s="221" t="s">
        <v>780</v>
      </c>
      <c r="V567" s="546" t="s">
        <v>107</v>
      </c>
      <c r="W567" s="547"/>
      <c r="X567" s="547"/>
      <c r="Y567" s="547"/>
      <c r="Z567" s="548"/>
      <c r="AA567" s="546" t="s">
        <v>108</v>
      </c>
      <c r="AB567" s="547"/>
      <c r="AC567" s="548"/>
      <c r="AD567" s="415">
        <v>1</v>
      </c>
      <c r="AE567" s="415">
        <v>0</v>
      </c>
      <c r="AF567" s="646"/>
      <c r="AG567" s="647"/>
      <c r="AH567" s="549"/>
      <c r="AI567" s="550"/>
      <c r="AJ567" s="551"/>
      <c r="AK567" s="332"/>
      <c r="AL567" s="29"/>
      <c r="AM567" s="16"/>
      <c r="AN567" s="3" t="str">
        <f t="shared" si="18"/>
        <v>■</v>
      </c>
    </row>
    <row r="568" spans="1:40" ht="14.15" customHeight="1">
      <c r="A568" s="20"/>
      <c r="B568" s="25"/>
      <c r="C568" s="541">
        <v>7</v>
      </c>
      <c r="D568" s="542"/>
      <c r="E568" s="543" t="s">
        <v>880</v>
      </c>
      <c r="F568" s="544"/>
      <c r="G568" s="544"/>
      <c r="H568" s="544"/>
      <c r="I568" s="544"/>
      <c r="J568" s="544"/>
      <c r="K568" s="544"/>
      <c r="L568" s="544"/>
      <c r="M568" s="544"/>
      <c r="N568" s="544"/>
      <c r="O568" s="544"/>
      <c r="P568" s="544"/>
      <c r="Q568" s="544"/>
      <c r="R568" s="544"/>
      <c r="S568" s="544"/>
      <c r="T568" s="545"/>
      <c r="U568" s="221" t="s">
        <v>881</v>
      </c>
      <c r="V568" s="546" t="s">
        <v>107</v>
      </c>
      <c r="W568" s="547"/>
      <c r="X568" s="547"/>
      <c r="Y568" s="547"/>
      <c r="Z568" s="548"/>
      <c r="AA568" s="546" t="s">
        <v>102</v>
      </c>
      <c r="AB568" s="547"/>
      <c r="AC568" s="548"/>
      <c r="AD568" s="415">
        <v>8</v>
      </c>
      <c r="AE568" s="415" t="s">
        <v>103</v>
      </c>
      <c r="AF568" s="646"/>
      <c r="AG568" s="647"/>
      <c r="AH568" s="549"/>
      <c r="AI568" s="550"/>
      <c r="AJ568" s="551"/>
      <c r="AK568" s="332"/>
      <c r="AL568" s="29"/>
      <c r="AM568" s="16"/>
      <c r="AN568" s="3" t="str">
        <f t="shared" si="18"/>
        <v>■</v>
      </c>
    </row>
    <row r="569" spans="1:40" ht="14.15" customHeight="1">
      <c r="A569" s="20"/>
      <c r="B569" s="25"/>
      <c r="C569" s="541">
        <v>8</v>
      </c>
      <c r="D569" s="542"/>
      <c r="E569" s="543" t="s">
        <v>882</v>
      </c>
      <c r="F569" s="544"/>
      <c r="G569" s="544"/>
      <c r="H569" s="544"/>
      <c r="I569" s="544"/>
      <c r="J569" s="544"/>
      <c r="K569" s="544"/>
      <c r="L569" s="544"/>
      <c r="M569" s="544"/>
      <c r="N569" s="544"/>
      <c r="O569" s="544"/>
      <c r="P569" s="544"/>
      <c r="Q569" s="544"/>
      <c r="R569" s="544"/>
      <c r="S569" s="544"/>
      <c r="T569" s="545"/>
      <c r="U569" s="221" t="s">
        <v>883</v>
      </c>
      <c r="V569" s="546" t="s">
        <v>107</v>
      </c>
      <c r="W569" s="547"/>
      <c r="X569" s="547"/>
      <c r="Y569" s="547"/>
      <c r="Z569" s="548"/>
      <c r="AA569" s="546" t="s">
        <v>102</v>
      </c>
      <c r="AB569" s="547"/>
      <c r="AC569" s="548"/>
      <c r="AD569" s="415">
        <v>8</v>
      </c>
      <c r="AE569" s="415" t="s">
        <v>103</v>
      </c>
      <c r="AF569" s="646"/>
      <c r="AG569" s="647"/>
      <c r="AH569" s="549"/>
      <c r="AI569" s="550"/>
      <c r="AJ569" s="551"/>
      <c r="AK569" s="332"/>
      <c r="AL569" s="29"/>
      <c r="AM569" s="16"/>
      <c r="AN569" s="3" t="str">
        <f t="shared" si="18"/>
        <v>■</v>
      </c>
    </row>
    <row r="570" spans="1:40" ht="14.15" customHeight="1">
      <c r="A570" s="20"/>
      <c r="B570" s="25"/>
      <c r="C570" s="541">
        <v>9</v>
      </c>
      <c r="D570" s="542"/>
      <c r="E570" s="543" t="s">
        <v>884</v>
      </c>
      <c r="F570" s="544"/>
      <c r="G570" s="544"/>
      <c r="H570" s="544"/>
      <c r="I570" s="544"/>
      <c r="J570" s="544"/>
      <c r="K570" s="544"/>
      <c r="L570" s="544"/>
      <c r="M570" s="544"/>
      <c r="N570" s="544"/>
      <c r="O570" s="544"/>
      <c r="P570" s="544"/>
      <c r="Q570" s="544"/>
      <c r="R570" s="544"/>
      <c r="S570" s="544"/>
      <c r="T570" s="545"/>
      <c r="U570" s="221" t="s">
        <v>885</v>
      </c>
      <c r="V570" s="546" t="s">
        <v>107</v>
      </c>
      <c r="W570" s="547"/>
      <c r="X570" s="547"/>
      <c r="Y570" s="547"/>
      <c r="Z570" s="548"/>
      <c r="AA570" s="546" t="s">
        <v>102</v>
      </c>
      <c r="AB570" s="547"/>
      <c r="AC570" s="548"/>
      <c r="AD570" s="415">
        <v>12</v>
      </c>
      <c r="AE570" s="415" t="s">
        <v>103</v>
      </c>
      <c r="AF570" s="646"/>
      <c r="AG570" s="647"/>
      <c r="AH570" s="549"/>
      <c r="AI570" s="550"/>
      <c r="AJ570" s="551"/>
      <c r="AK570" s="332"/>
      <c r="AL570" s="29"/>
      <c r="AM570" s="16"/>
      <c r="AN570" s="3" t="str">
        <f t="shared" si="18"/>
        <v>■</v>
      </c>
    </row>
    <row r="571" spans="1:40" ht="14.15" customHeight="1">
      <c r="A571" s="20"/>
      <c r="B571" s="25"/>
      <c r="C571" s="541">
        <v>10</v>
      </c>
      <c r="D571" s="542"/>
      <c r="E571" s="543" t="s">
        <v>886</v>
      </c>
      <c r="F571" s="544"/>
      <c r="G571" s="544"/>
      <c r="H571" s="544"/>
      <c r="I571" s="544"/>
      <c r="J571" s="544"/>
      <c r="K571" s="544"/>
      <c r="L571" s="544"/>
      <c r="M571" s="544"/>
      <c r="N571" s="544"/>
      <c r="O571" s="544"/>
      <c r="P571" s="544"/>
      <c r="Q571" s="544"/>
      <c r="R571" s="544"/>
      <c r="S571" s="544"/>
      <c r="T571" s="545"/>
      <c r="U571" s="221" t="s">
        <v>887</v>
      </c>
      <c r="V571" s="546" t="s">
        <v>107</v>
      </c>
      <c r="W571" s="547"/>
      <c r="X571" s="547"/>
      <c r="Y571" s="547"/>
      <c r="Z571" s="548"/>
      <c r="AA571" s="546" t="s">
        <v>102</v>
      </c>
      <c r="AB571" s="547"/>
      <c r="AC571" s="548"/>
      <c r="AD571" s="415">
        <v>30</v>
      </c>
      <c r="AE571" s="415" t="s">
        <v>103</v>
      </c>
      <c r="AF571" s="646"/>
      <c r="AG571" s="647"/>
      <c r="AH571" s="549"/>
      <c r="AI571" s="550"/>
      <c r="AJ571" s="551"/>
      <c r="AK571" s="332"/>
      <c r="AL571" s="29"/>
      <c r="AM571" s="16"/>
      <c r="AN571" s="3" t="str">
        <f t="shared" si="18"/>
        <v>■</v>
      </c>
    </row>
    <row r="572" spans="1:40" ht="14.15" customHeight="1">
      <c r="A572" s="20"/>
      <c r="B572" s="25"/>
      <c r="C572" s="541">
        <v>11</v>
      </c>
      <c r="D572" s="542"/>
      <c r="E572" s="543" t="s">
        <v>888</v>
      </c>
      <c r="F572" s="544"/>
      <c r="G572" s="544"/>
      <c r="H572" s="544"/>
      <c r="I572" s="544"/>
      <c r="J572" s="544"/>
      <c r="K572" s="544"/>
      <c r="L572" s="544"/>
      <c r="M572" s="544"/>
      <c r="N572" s="544"/>
      <c r="O572" s="544"/>
      <c r="P572" s="544"/>
      <c r="Q572" s="544"/>
      <c r="R572" s="544"/>
      <c r="S572" s="544"/>
      <c r="T572" s="545"/>
      <c r="U572" s="221" t="s">
        <v>889</v>
      </c>
      <c r="V572" s="546" t="s">
        <v>107</v>
      </c>
      <c r="W572" s="547"/>
      <c r="X572" s="547"/>
      <c r="Y572" s="547"/>
      <c r="Z572" s="548"/>
      <c r="AA572" s="546" t="s">
        <v>108</v>
      </c>
      <c r="AB572" s="547"/>
      <c r="AC572" s="548"/>
      <c r="AD572" s="415">
        <v>1</v>
      </c>
      <c r="AE572" s="415">
        <v>0</v>
      </c>
      <c r="AF572" s="646"/>
      <c r="AG572" s="647"/>
      <c r="AH572" s="549"/>
      <c r="AI572" s="550"/>
      <c r="AJ572" s="551"/>
      <c r="AK572" s="332"/>
      <c r="AL572" s="29"/>
      <c r="AM572" s="16"/>
      <c r="AN572" s="3" t="str">
        <f t="shared" si="18"/>
        <v>■</v>
      </c>
    </row>
    <row r="573" spans="1:40" ht="14.15" customHeight="1">
      <c r="A573" s="20"/>
      <c r="B573" s="20"/>
      <c r="C573" s="552">
        <v>12</v>
      </c>
      <c r="D573" s="553"/>
      <c r="E573" s="566" t="s">
        <v>1790</v>
      </c>
      <c r="F573" s="567"/>
      <c r="G573" s="567"/>
      <c r="H573" s="567"/>
      <c r="I573" s="567"/>
      <c r="J573" s="567"/>
      <c r="K573" s="567"/>
      <c r="L573" s="567"/>
      <c r="M573" s="567"/>
      <c r="N573" s="567"/>
      <c r="O573" s="567"/>
      <c r="P573" s="567"/>
      <c r="Q573" s="567"/>
      <c r="R573" s="567"/>
      <c r="S573" s="567"/>
      <c r="T573" s="568"/>
      <c r="U573" s="220" t="s">
        <v>1791</v>
      </c>
      <c r="V573" s="557" t="s">
        <v>101</v>
      </c>
      <c r="W573" s="558"/>
      <c r="X573" s="558"/>
      <c r="Y573" s="558"/>
      <c r="Z573" s="559"/>
      <c r="AA573" s="557" t="s">
        <v>102</v>
      </c>
      <c r="AB573" s="558"/>
      <c r="AC573" s="559"/>
      <c r="AD573" s="419">
        <v>100</v>
      </c>
      <c r="AE573" s="419" t="s">
        <v>103</v>
      </c>
      <c r="AF573" s="569" t="s">
        <v>109</v>
      </c>
      <c r="AG573" s="570"/>
      <c r="AH573" s="560"/>
      <c r="AI573" s="561"/>
      <c r="AJ573" s="562"/>
      <c r="AK573" s="333" t="s">
        <v>399</v>
      </c>
      <c r="AL573" s="29"/>
      <c r="AM573" s="16"/>
      <c r="AN573" s="3" t="str">
        <f t="shared" si="18"/>
        <v>■</v>
      </c>
    </row>
    <row r="574" spans="1:40" ht="14.15" customHeight="1">
      <c r="A574" s="20"/>
      <c r="B574" s="25"/>
      <c r="C574" s="541">
        <v>13</v>
      </c>
      <c r="D574" s="542"/>
      <c r="E574" s="543" t="s">
        <v>892</v>
      </c>
      <c r="F574" s="544"/>
      <c r="G574" s="544"/>
      <c r="H574" s="544"/>
      <c r="I574" s="544"/>
      <c r="J574" s="544"/>
      <c r="K574" s="544"/>
      <c r="L574" s="544"/>
      <c r="M574" s="544"/>
      <c r="N574" s="544"/>
      <c r="O574" s="544"/>
      <c r="P574" s="544"/>
      <c r="Q574" s="544"/>
      <c r="R574" s="544"/>
      <c r="S574" s="544"/>
      <c r="T574" s="545"/>
      <c r="U574" s="221" t="s">
        <v>893</v>
      </c>
      <c r="V574" s="546" t="s">
        <v>107</v>
      </c>
      <c r="W574" s="547"/>
      <c r="X574" s="547"/>
      <c r="Y574" s="547"/>
      <c r="Z574" s="548"/>
      <c r="AA574" s="546" t="s">
        <v>102</v>
      </c>
      <c r="AB574" s="547"/>
      <c r="AC574" s="548"/>
      <c r="AD574" s="415">
        <v>8</v>
      </c>
      <c r="AE574" s="415" t="s">
        <v>103</v>
      </c>
      <c r="AF574" s="646"/>
      <c r="AG574" s="647"/>
      <c r="AH574" s="549"/>
      <c r="AI574" s="550"/>
      <c r="AJ574" s="551"/>
      <c r="AK574" s="332"/>
      <c r="AL574" s="29"/>
      <c r="AM574" s="16"/>
      <c r="AN574" s="3" t="str">
        <f t="shared" si="18"/>
        <v>■</v>
      </c>
    </row>
    <row r="575" spans="1:40">
      <c r="A575" s="20"/>
      <c r="B575" s="25"/>
      <c r="C575" s="541">
        <v>14</v>
      </c>
      <c r="D575" s="542"/>
      <c r="E575" s="543" t="s">
        <v>894</v>
      </c>
      <c r="F575" s="544"/>
      <c r="G575" s="544"/>
      <c r="H575" s="544"/>
      <c r="I575" s="544"/>
      <c r="J575" s="544"/>
      <c r="K575" s="544"/>
      <c r="L575" s="544"/>
      <c r="M575" s="544"/>
      <c r="N575" s="544"/>
      <c r="O575" s="544"/>
      <c r="P575" s="544"/>
      <c r="Q575" s="544"/>
      <c r="R575" s="544"/>
      <c r="S575" s="544"/>
      <c r="T575" s="545"/>
      <c r="U575" s="221" t="s">
        <v>895</v>
      </c>
      <c r="V575" s="546" t="s">
        <v>107</v>
      </c>
      <c r="W575" s="547"/>
      <c r="X575" s="547"/>
      <c r="Y575" s="547"/>
      <c r="Z575" s="548"/>
      <c r="AA575" s="546" t="s">
        <v>102</v>
      </c>
      <c r="AB575" s="547"/>
      <c r="AC575" s="548"/>
      <c r="AD575" s="415">
        <v>8</v>
      </c>
      <c r="AE575" s="415" t="s">
        <v>103</v>
      </c>
      <c r="AF575" s="646"/>
      <c r="AG575" s="647"/>
      <c r="AH575" s="549"/>
      <c r="AI575" s="550"/>
      <c r="AJ575" s="551"/>
      <c r="AK575" s="332"/>
      <c r="AL575" s="29"/>
      <c r="AM575" s="16"/>
      <c r="AN575" s="3" t="str">
        <f t="shared" si="18"/>
        <v>■</v>
      </c>
    </row>
    <row r="576" spans="1:40">
      <c r="A576" s="20"/>
      <c r="B576" s="25"/>
      <c r="C576" s="541">
        <v>15</v>
      </c>
      <c r="D576" s="542"/>
      <c r="E576" s="543" t="s">
        <v>896</v>
      </c>
      <c r="F576" s="544"/>
      <c r="G576" s="544"/>
      <c r="H576" s="544"/>
      <c r="I576" s="544"/>
      <c r="J576" s="544"/>
      <c r="K576" s="544"/>
      <c r="L576" s="544"/>
      <c r="M576" s="544"/>
      <c r="N576" s="544"/>
      <c r="O576" s="544"/>
      <c r="P576" s="544"/>
      <c r="Q576" s="544"/>
      <c r="R576" s="544"/>
      <c r="S576" s="544"/>
      <c r="T576" s="545"/>
      <c r="U576" s="221" t="s">
        <v>897</v>
      </c>
      <c r="V576" s="546" t="s">
        <v>107</v>
      </c>
      <c r="W576" s="547"/>
      <c r="X576" s="547"/>
      <c r="Y576" s="547"/>
      <c r="Z576" s="548"/>
      <c r="AA576" s="546" t="s">
        <v>102</v>
      </c>
      <c r="AB576" s="547"/>
      <c r="AC576" s="548"/>
      <c r="AD576" s="415">
        <v>8</v>
      </c>
      <c r="AE576" s="415" t="s">
        <v>103</v>
      </c>
      <c r="AF576" s="646"/>
      <c r="AG576" s="647"/>
      <c r="AH576" s="549"/>
      <c r="AI576" s="550"/>
      <c r="AJ576" s="551"/>
      <c r="AK576" s="332"/>
      <c r="AL576" s="29"/>
      <c r="AM576" s="16"/>
      <c r="AN576" s="3" t="str">
        <f t="shared" si="18"/>
        <v>■</v>
      </c>
    </row>
    <row r="577" spans="1:40">
      <c r="A577" s="20"/>
      <c r="B577" s="25"/>
      <c r="C577" s="541">
        <v>16</v>
      </c>
      <c r="D577" s="542"/>
      <c r="E577" s="543" t="s">
        <v>898</v>
      </c>
      <c r="F577" s="544"/>
      <c r="G577" s="544"/>
      <c r="H577" s="544"/>
      <c r="I577" s="544"/>
      <c r="J577" s="544"/>
      <c r="K577" s="544"/>
      <c r="L577" s="544"/>
      <c r="M577" s="544"/>
      <c r="N577" s="544"/>
      <c r="O577" s="544"/>
      <c r="P577" s="544"/>
      <c r="Q577" s="544"/>
      <c r="R577" s="544"/>
      <c r="S577" s="544"/>
      <c r="T577" s="545"/>
      <c r="U577" s="221" t="s">
        <v>899</v>
      </c>
      <c r="V577" s="546" t="s">
        <v>107</v>
      </c>
      <c r="W577" s="547"/>
      <c r="X577" s="547"/>
      <c r="Y577" s="547"/>
      <c r="Z577" s="548"/>
      <c r="AA577" s="546" t="s">
        <v>102</v>
      </c>
      <c r="AB577" s="547"/>
      <c r="AC577" s="548"/>
      <c r="AD577" s="415">
        <v>8</v>
      </c>
      <c r="AE577" s="415" t="s">
        <v>103</v>
      </c>
      <c r="AF577" s="646"/>
      <c r="AG577" s="647"/>
      <c r="AH577" s="549"/>
      <c r="AI577" s="550"/>
      <c r="AJ577" s="551"/>
      <c r="AK577" s="332"/>
      <c r="AL577" s="29"/>
      <c r="AM577" s="16"/>
      <c r="AN577" s="3" t="str">
        <f t="shared" si="18"/>
        <v>■</v>
      </c>
    </row>
    <row r="578" spans="1:40">
      <c r="A578" s="20"/>
      <c r="B578" s="25"/>
      <c r="C578" s="541">
        <v>17</v>
      </c>
      <c r="D578" s="542"/>
      <c r="E578" s="543" t="s">
        <v>900</v>
      </c>
      <c r="F578" s="544"/>
      <c r="G578" s="544"/>
      <c r="H578" s="544"/>
      <c r="I578" s="544"/>
      <c r="J578" s="544"/>
      <c r="K578" s="544"/>
      <c r="L578" s="544"/>
      <c r="M578" s="544"/>
      <c r="N578" s="544"/>
      <c r="O578" s="544"/>
      <c r="P578" s="544"/>
      <c r="Q578" s="544"/>
      <c r="R578" s="544"/>
      <c r="S578" s="544"/>
      <c r="T578" s="545"/>
      <c r="U578" s="221" t="s">
        <v>901</v>
      </c>
      <c r="V578" s="546" t="s">
        <v>107</v>
      </c>
      <c r="W578" s="547"/>
      <c r="X578" s="547"/>
      <c r="Y578" s="547"/>
      <c r="Z578" s="548"/>
      <c r="AA578" s="546" t="s">
        <v>102</v>
      </c>
      <c r="AB578" s="547"/>
      <c r="AC578" s="548"/>
      <c r="AD578" s="415">
        <v>8</v>
      </c>
      <c r="AE578" s="415" t="s">
        <v>103</v>
      </c>
      <c r="AF578" s="646"/>
      <c r="AG578" s="647"/>
      <c r="AH578" s="549"/>
      <c r="AI578" s="550"/>
      <c r="AJ578" s="551"/>
      <c r="AK578" s="332"/>
      <c r="AL578" s="29"/>
      <c r="AM578" s="16"/>
      <c r="AN578" s="3" t="str">
        <f t="shared" si="18"/>
        <v>■</v>
      </c>
    </row>
    <row r="579" spans="1:40">
      <c r="A579" s="20"/>
      <c r="B579" s="25"/>
      <c r="C579" s="541">
        <v>18</v>
      </c>
      <c r="D579" s="542"/>
      <c r="E579" s="543" t="s">
        <v>902</v>
      </c>
      <c r="F579" s="544"/>
      <c r="G579" s="544"/>
      <c r="H579" s="544"/>
      <c r="I579" s="544"/>
      <c r="J579" s="544"/>
      <c r="K579" s="544"/>
      <c r="L579" s="544"/>
      <c r="M579" s="544"/>
      <c r="N579" s="544"/>
      <c r="O579" s="544"/>
      <c r="P579" s="544"/>
      <c r="Q579" s="544"/>
      <c r="R579" s="544"/>
      <c r="S579" s="544"/>
      <c r="T579" s="545"/>
      <c r="U579" s="221" t="s">
        <v>903</v>
      </c>
      <c r="V579" s="546" t="s">
        <v>107</v>
      </c>
      <c r="W579" s="547"/>
      <c r="X579" s="547"/>
      <c r="Y579" s="547"/>
      <c r="Z579" s="548"/>
      <c r="AA579" s="546" t="s">
        <v>102</v>
      </c>
      <c r="AB579" s="547"/>
      <c r="AC579" s="548"/>
      <c r="AD579" s="415">
        <v>8</v>
      </c>
      <c r="AE579" s="415" t="s">
        <v>103</v>
      </c>
      <c r="AF579" s="646"/>
      <c r="AG579" s="647"/>
      <c r="AH579" s="549"/>
      <c r="AI579" s="550"/>
      <c r="AJ579" s="551"/>
      <c r="AK579" s="332"/>
      <c r="AL579" s="29"/>
      <c r="AM579" s="16"/>
      <c r="AN579" s="3" t="str">
        <f t="shared" si="18"/>
        <v>■</v>
      </c>
    </row>
    <row r="580" spans="1:40">
      <c r="A580" s="20"/>
      <c r="B580" s="20"/>
      <c r="C580" s="552">
        <v>19</v>
      </c>
      <c r="D580" s="553"/>
      <c r="E580" s="554" t="s">
        <v>904</v>
      </c>
      <c r="F580" s="555"/>
      <c r="G580" s="555"/>
      <c r="H580" s="555"/>
      <c r="I580" s="555"/>
      <c r="J580" s="555"/>
      <c r="K580" s="555"/>
      <c r="L580" s="555"/>
      <c r="M580" s="555"/>
      <c r="N580" s="555"/>
      <c r="O580" s="555"/>
      <c r="P580" s="555"/>
      <c r="Q580" s="555"/>
      <c r="R580" s="555"/>
      <c r="S580" s="555"/>
      <c r="T580" s="556"/>
      <c r="U580" s="220" t="s">
        <v>905</v>
      </c>
      <c r="V580" s="557" t="s">
        <v>101</v>
      </c>
      <c r="W580" s="558"/>
      <c r="X580" s="558"/>
      <c r="Y580" s="558"/>
      <c r="Z580" s="559"/>
      <c r="AA580" s="557" t="s">
        <v>102</v>
      </c>
      <c r="AB580" s="558"/>
      <c r="AC580" s="559"/>
      <c r="AD580" s="419">
        <v>50</v>
      </c>
      <c r="AE580" s="419" t="s">
        <v>103</v>
      </c>
      <c r="AF580" s="569" t="s">
        <v>109</v>
      </c>
      <c r="AG580" s="570"/>
      <c r="AH580" s="560"/>
      <c r="AI580" s="561"/>
      <c r="AJ580" s="562"/>
      <c r="AK580" s="333" t="s">
        <v>399</v>
      </c>
      <c r="AL580" s="29"/>
      <c r="AM580" s="16"/>
      <c r="AN580" s="3" t="str">
        <f t="shared" si="18"/>
        <v>■</v>
      </c>
    </row>
    <row r="581" spans="1:40">
      <c r="A581" s="20"/>
      <c r="B581" s="25"/>
      <c r="C581" s="541">
        <v>20</v>
      </c>
      <c r="D581" s="542"/>
      <c r="E581" s="543" t="s">
        <v>1785</v>
      </c>
      <c r="F581" s="544"/>
      <c r="G581" s="544"/>
      <c r="H581" s="544"/>
      <c r="I581" s="544"/>
      <c r="J581" s="544"/>
      <c r="K581" s="544"/>
      <c r="L581" s="544"/>
      <c r="M581" s="544"/>
      <c r="N581" s="544"/>
      <c r="O581" s="544"/>
      <c r="P581" s="544"/>
      <c r="Q581" s="544"/>
      <c r="R581" s="544"/>
      <c r="S581" s="544"/>
      <c r="T581" s="545"/>
      <c r="U581" s="221" t="s">
        <v>453</v>
      </c>
      <c r="V581" s="546" t="s">
        <v>107</v>
      </c>
      <c r="W581" s="547"/>
      <c r="X581" s="547"/>
      <c r="Y581" s="547"/>
      <c r="Z581" s="548"/>
      <c r="AA581" s="546" t="s">
        <v>102</v>
      </c>
      <c r="AB581" s="547"/>
      <c r="AC581" s="548"/>
      <c r="AD581" s="415">
        <v>6</v>
      </c>
      <c r="AE581" s="415" t="s">
        <v>103</v>
      </c>
      <c r="AF581" s="646"/>
      <c r="AG581" s="647"/>
      <c r="AH581" s="549"/>
      <c r="AI581" s="550"/>
      <c r="AJ581" s="551"/>
      <c r="AK581" s="332"/>
      <c r="AL581" s="29"/>
      <c r="AM581" s="16"/>
      <c r="AN581" s="3" t="str">
        <f t="shared" si="18"/>
        <v>■</v>
      </c>
    </row>
    <row r="582" spans="1:40">
      <c r="A582" s="20"/>
      <c r="B582" s="25"/>
      <c r="C582" s="541">
        <v>21</v>
      </c>
      <c r="D582" s="542"/>
      <c r="E582" s="543" t="s">
        <v>411</v>
      </c>
      <c r="F582" s="544"/>
      <c r="G582" s="544"/>
      <c r="H582" s="544"/>
      <c r="I582" s="544"/>
      <c r="J582" s="544"/>
      <c r="K582" s="544"/>
      <c r="L582" s="544"/>
      <c r="M582" s="544"/>
      <c r="N582" s="544"/>
      <c r="O582" s="544"/>
      <c r="P582" s="544"/>
      <c r="Q582" s="544"/>
      <c r="R582" s="544"/>
      <c r="S582" s="544"/>
      <c r="T582" s="545"/>
      <c r="U582" s="221" t="s">
        <v>516</v>
      </c>
      <c r="V582" s="546" t="s">
        <v>107</v>
      </c>
      <c r="W582" s="547"/>
      <c r="X582" s="547"/>
      <c r="Y582" s="547"/>
      <c r="Z582" s="548"/>
      <c r="AA582" s="546" t="s">
        <v>102</v>
      </c>
      <c r="AB582" s="547"/>
      <c r="AC582" s="548"/>
      <c r="AD582" s="415">
        <v>6</v>
      </c>
      <c r="AE582" s="415" t="s">
        <v>103</v>
      </c>
      <c r="AF582" s="646"/>
      <c r="AG582" s="647"/>
      <c r="AH582" s="549"/>
      <c r="AI582" s="550"/>
      <c r="AJ582" s="551"/>
      <c r="AK582" s="332"/>
      <c r="AL582" s="29"/>
      <c r="AM582" s="16"/>
      <c r="AN582" s="3" t="str">
        <f t="shared" si="18"/>
        <v>■</v>
      </c>
    </row>
    <row r="583" spans="1:40">
      <c r="A583" s="20"/>
      <c r="B583" s="25"/>
      <c r="C583" s="124"/>
      <c r="D583" s="124"/>
      <c r="E583" s="207"/>
      <c r="F583" s="207"/>
      <c r="G583" s="207"/>
      <c r="H583" s="207"/>
      <c r="I583" s="207"/>
      <c r="J583" s="207"/>
      <c r="K583" s="207"/>
      <c r="L583" s="207"/>
      <c r="M583" s="207"/>
      <c r="N583" s="207"/>
      <c r="O583" s="207"/>
      <c r="P583" s="207"/>
      <c r="Q583" s="207"/>
      <c r="R583" s="207"/>
      <c r="S583" s="207"/>
      <c r="T583" s="207"/>
      <c r="U583" s="16" t="s">
        <v>1124</v>
      </c>
      <c r="Z583" s="205"/>
      <c r="AA583" s="205"/>
      <c r="AB583" s="205"/>
      <c r="AC583" s="205"/>
      <c r="AD583" s="206"/>
      <c r="AE583" s="206"/>
      <c r="AF583" s="49"/>
      <c r="AG583" s="24"/>
      <c r="AK583" s="26"/>
      <c r="AL583" s="29"/>
      <c r="AM583" s="16"/>
    </row>
    <row r="584" spans="1:40">
      <c r="A584" s="25"/>
      <c r="B584" s="25"/>
      <c r="C584" s="27" t="s">
        <v>908</v>
      </c>
      <c r="AK584" s="55"/>
      <c r="AL584" s="29"/>
      <c r="AM584" s="16"/>
    </row>
    <row r="585" spans="1:40">
      <c r="A585" s="25"/>
      <c r="B585" s="25"/>
      <c r="AK585" s="55"/>
      <c r="AL585" s="29"/>
      <c r="AM585" s="16"/>
    </row>
    <row r="586" spans="1:40">
      <c r="A586" s="25"/>
      <c r="B586" s="25"/>
      <c r="C586"/>
      <c r="AK586" s="55"/>
      <c r="AL586" s="29"/>
      <c r="AM586" s="16"/>
    </row>
    <row r="587" spans="1:40">
      <c r="A587" s="25"/>
      <c r="B587" s="25"/>
      <c r="AK587" s="55"/>
      <c r="AL587" s="29"/>
      <c r="AM587" s="16"/>
    </row>
    <row r="588" spans="1:40">
      <c r="A588" s="21"/>
      <c r="B588" s="21"/>
      <c r="C588" s="22"/>
      <c r="D588" s="22"/>
      <c r="E588" s="22"/>
      <c r="F588" s="22"/>
      <c r="G588" s="22"/>
      <c r="H588" s="22"/>
      <c r="I588" s="22"/>
      <c r="J588" s="22"/>
      <c r="K588" s="22"/>
      <c r="L588" s="22"/>
      <c r="M588" s="22"/>
      <c r="N588" s="22"/>
      <c r="O588" s="22"/>
      <c r="P588" s="22"/>
      <c r="Q588" s="22"/>
      <c r="R588" s="22"/>
      <c r="S588" s="22"/>
      <c r="T588" s="22"/>
      <c r="U588" s="58"/>
      <c r="V588" s="22"/>
      <c r="W588" s="22"/>
      <c r="X588" s="22"/>
      <c r="Y588" s="22"/>
      <c r="Z588" s="22"/>
      <c r="AA588" s="22"/>
      <c r="AB588" s="22"/>
      <c r="AC588" s="22"/>
      <c r="AD588" s="22"/>
      <c r="AE588" s="22"/>
      <c r="AF588" s="22"/>
      <c r="AG588" s="22"/>
      <c r="AH588" s="22"/>
      <c r="AI588" s="22"/>
      <c r="AJ588" s="22"/>
      <c r="AK588" s="245"/>
      <c r="AL588" s="62"/>
      <c r="AM588" s="16"/>
    </row>
    <row r="589" spans="1:40">
      <c r="AK589" s="55"/>
      <c r="AL589" s="16"/>
      <c r="AM589" s="16"/>
    </row>
    <row r="590" spans="1:40">
      <c r="AK590" s="55"/>
      <c r="AL590" s="16"/>
      <c r="AM590" s="16"/>
    </row>
    <row r="591" spans="1:40">
      <c r="AK591" s="55"/>
    </row>
    <row r="592" spans="1:40">
      <c r="AK592" s="55"/>
    </row>
    <row r="593" spans="2:37">
      <c r="AK593" s="55"/>
    </row>
    <row r="594" spans="2:37">
      <c r="AK594" s="55"/>
    </row>
    <row r="595" spans="2:37">
      <c r="AK595" s="55"/>
    </row>
    <row r="596" spans="2:37">
      <c r="AK596" s="55"/>
    </row>
    <row r="597" spans="2:37">
      <c r="AK597" s="55"/>
    </row>
    <row r="598" spans="2:37">
      <c r="B598" t="s">
        <v>909</v>
      </c>
      <c r="C598" t="s">
        <v>910</v>
      </c>
      <c r="D598" t="s">
        <v>911</v>
      </c>
      <c r="E598" t="s">
        <v>912</v>
      </c>
      <c r="F598" t="s">
        <v>913</v>
      </c>
      <c r="G598" t="s">
        <v>914</v>
      </c>
      <c r="AK598" s="55"/>
    </row>
    <row r="599" spans="2:37">
      <c r="B599" t="s">
        <v>340</v>
      </c>
      <c r="C599" t="s">
        <v>915</v>
      </c>
      <c r="D599" s="3" t="s">
        <v>82</v>
      </c>
      <c r="E599" t="s">
        <v>916</v>
      </c>
      <c r="F599" t="s">
        <v>917</v>
      </c>
      <c r="G599" t="s">
        <v>918</v>
      </c>
      <c r="AK599" s="55"/>
    </row>
    <row r="600" spans="2:37">
      <c r="B600" t="s">
        <v>920</v>
      </c>
      <c r="C600" t="s">
        <v>921</v>
      </c>
      <c r="D600" s="3" t="s">
        <v>922</v>
      </c>
      <c r="E600" t="s">
        <v>923</v>
      </c>
      <c r="F600" t="s">
        <v>924</v>
      </c>
      <c r="G600" t="s">
        <v>925</v>
      </c>
      <c r="AK600" s="55"/>
    </row>
    <row r="601" spans="2:37">
      <c r="B601" t="s">
        <v>927</v>
      </c>
      <c r="C601"/>
      <c r="D601" s="3" t="s">
        <v>928</v>
      </c>
      <c r="E601"/>
      <c r="F601" t="s">
        <v>929</v>
      </c>
      <c r="G601" t="s">
        <v>930</v>
      </c>
      <c r="AK601" s="55"/>
    </row>
    <row r="602" spans="2:37">
      <c r="B602"/>
      <c r="C602"/>
      <c r="D602" s="3" t="s">
        <v>931</v>
      </c>
      <c r="E602"/>
      <c r="F602" t="s">
        <v>932</v>
      </c>
      <c r="G602" t="s">
        <v>933</v>
      </c>
      <c r="AK602" s="55"/>
    </row>
    <row r="603" spans="2:37">
      <c r="B603"/>
      <c r="C603"/>
      <c r="D603" s="3" t="s">
        <v>230</v>
      </c>
      <c r="E603"/>
      <c r="F603"/>
      <c r="G603" t="s">
        <v>934</v>
      </c>
      <c r="AK603" s="55"/>
    </row>
    <row r="604" spans="2:37">
      <c r="B604"/>
      <c r="C604"/>
      <c r="D604" s="3" t="s">
        <v>177</v>
      </c>
      <c r="E604"/>
      <c r="F604"/>
      <c r="G604" t="s">
        <v>935</v>
      </c>
      <c r="AK604" s="55"/>
    </row>
    <row r="605" spans="2:37">
      <c r="B605"/>
      <c r="C605"/>
      <c r="D605"/>
      <c r="E605"/>
      <c r="F605"/>
      <c r="G605" t="s">
        <v>936</v>
      </c>
      <c r="AK605" s="55"/>
    </row>
    <row r="606" spans="2:37">
      <c r="B606"/>
      <c r="C606"/>
      <c r="D606"/>
      <c r="E606"/>
      <c r="F606"/>
      <c r="G606" t="s">
        <v>937</v>
      </c>
      <c r="AK606" s="55"/>
    </row>
    <row r="607" spans="2:37">
      <c r="B607"/>
      <c r="C607"/>
      <c r="D607"/>
      <c r="E607"/>
      <c r="F607"/>
      <c r="G607" t="s">
        <v>938</v>
      </c>
      <c r="AK607" s="55"/>
    </row>
    <row r="608" spans="2:37">
      <c r="B608"/>
      <c r="C608"/>
      <c r="D608"/>
      <c r="E608"/>
      <c r="F608"/>
      <c r="G608" t="s">
        <v>939</v>
      </c>
      <c r="AK608" s="55"/>
    </row>
    <row r="609" spans="2:37">
      <c r="B609"/>
      <c r="C609"/>
      <c r="D609"/>
      <c r="E609"/>
      <c r="F609"/>
      <c r="G609" t="s">
        <v>940</v>
      </c>
      <c r="AK609" s="55"/>
    </row>
    <row r="610" spans="2:37">
      <c r="B610"/>
      <c r="C610"/>
      <c r="D610"/>
      <c r="E610"/>
      <c r="F610"/>
      <c r="G610" t="s">
        <v>941</v>
      </c>
      <c r="AK610" s="55"/>
    </row>
    <row r="611" spans="2:37">
      <c r="B611"/>
      <c r="C611"/>
      <c r="D611"/>
      <c r="E611"/>
      <c r="F611"/>
      <c r="G611" t="s">
        <v>942</v>
      </c>
    </row>
    <row r="612" spans="2:37">
      <c r="B612"/>
      <c r="C612"/>
      <c r="D612"/>
      <c r="E612"/>
      <c r="F612"/>
      <c r="G612" t="s">
        <v>943</v>
      </c>
    </row>
    <row r="613" spans="2:37">
      <c r="B613"/>
      <c r="C613"/>
      <c r="D613"/>
      <c r="E613"/>
      <c r="F613"/>
      <c r="G613" t="s">
        <v>944</v>
      </c>
    </row>
    <row r="614" spans="2:37">
      <c r="B614"/>
      <c r="C614"/>
      <c r="D614"/>
      <c r="E614"/>
      <c r="F614"/>
      <c r="G614" t="s">
        <v>945</v>
      </c>
    </row>
    <row r="650" spans="3:3">
      <c r="C650" s="45"/>
    </row>
    <row r="651" spans="3:3">
      <c r="C651" s="45"/>
    </row>
    <row r="652" spans="3:3">
      <c r="C652" s="45"/>
    </row>
    <row r="653" spans="3:3">
      <c r="C653" s="45"/>
    </row>
    <row r="654" spans="3:3">
      <c r="C654" s="45"/>
    </row>
    <row r="655" spans="3:3">
      <c r="C655" s="45"/>
    </row>
    <row r="656" spans="3:3">
      <c r="C656" s="45"/>
    </row>
    <row r="657" spans="3:3">
      <c r="C657" s="45"/>
    </row>
    <row r="658" spans="3:3">
      <c r="C658" s="45"/>
    </row>
    <row r="659" spans="3:3">
      <c r="C659" s="45"/>
    </row>
    <row r="660" spans="3:3">
      <c r="C660" s="45"/>
    </row>
    <row r="661" spans="3:3">
      <c r="C661" s="45"/>
    </row>
    <row r="662" spans="3:3">
      <c r="C662" s="45"/>
    </row>
    <row r="663" spans="3:3">
      <c r="C663" s="45"/>
    </row>
    <row r="664" spans="3:3">
      <c r="C664" s="45"/>
    </row>
    <row r="665" spans="3:3">
      <c r="C665" s="45"/>
    </row>
    <row r="666" spans="3:3">
      <c r="C666" s="45"/>
    </row>
    <row r="667" spans="3:3">
      <c r="C667" s="45"/>
    </row>
    <row r="668" spans="3:3">
      <c r="C668" s="45"/>
    </row>
    <row r="669" spans="3:3">
      <c r="C669" s="45"/>
    </row>
    <row r="670" spans="3:3">
      <c r="C670" s="45"/>
    </row>
    <row r="671" spans="3:3">
      <c r="C671" s="45"/>
    </row>
    <row r="672" spans="3:3">
      <c r="C672" s="45"/>
    </row>
    <row r="673" spans="3:3">
      <c r="C673" s="45"/>
    </row>
    <row r="674" spans="3:3">
      <c r="C674" s="45"/>
    </row>
    <row r="675" spans="3:3">
      <c r="C675" s="45"/>
    </row>
    <row r="676" spans="3:3">
      <c r="C676" s="45"/>
    </row>
    <row r="677" spans="3:3">
      <c r="C677" s="45"/>
    </row>
    <row r="678" spans="3:3">
      <c r="C678" s="45"/>
    </row>
    <row r="679" spans="3:3">
      <c r="C679" s="45"/>
    </row>
    <row r="680" spans="3:3">
      <c r="C680" s="45"/>
    </row>
  </sheetData>
  <mergeCells count="3147">
    <mergeCell ref="G14:S14"/>
    <mergeCell ref="G16:S16"/>
    <mergeCell ref="H19:I19"/>
    <mergeCell ref="K19:L19"/>
    <mergeCell ref="N19:O19"/>
    <mergeCell ref="Q19:R19"/>
    <mergeCell ref="S6:T6"/>
    <mergeCell ref="W6:X6"/>
    <mergeCell ref="G8:M8"/>
    <mergeCell ref="G10:M10"/>
    <mergeCell ref="R10:V10"/>
    <mergeCell ref="G12:S12"/>
    <mergeCell ref="G4:N4"/>
    <mergeCell ref="G6:H6"/>
    <mergeCell ref="I6:J6"/>
    <mergeCell ref="L6:M6"/>
    <mergeCell ref="O6:P6"/>
    <mergeCell ref="Q6:R6"/>
    <mergeCell ref="AA25:AC26"/>
    <mergeCell ref="AD25:AE26"/>
    <mergeCell ref="AF25:AG26"/>
    <mergeCell ref="AH25:AJ26"/>
    <mergeCell ref="AK25:AK26"/>
    <mergeCell ref="C27:D27"/>
    <mergeCell ref="E27:T27"/>
    <mergeCell ref="V27:Z27"/>
    <mergeCell ref="AA27:AC27"/>
    <mergeCell ref="AF27:AG27"/>
    <mergeCell ref="X20:Y20"/>
    <mergeCell ref="H21:I21"/>
    <mergeCell ref="K21:L21"/>
    <mergeCell ref="C25:D26"/>
    <mergeCell ref="E25:T26"/>
    <mergeCell ref="V25:Z26"/>
    <mergeCell ref="T19:V19"/>
    <mergeCell ref="H20:I20"/>
    <mergeCell ref="K20:L20"/>
    <mergeCell ref="N20:O20"/>
    <mergeCell ref="Q20:R20"/>
    <mergeCell ref="T20:V20"/>
    <mergeCell ref="C30:D30"/>
    <mergeCell ref="E30:T30"/>
    <mergeCell ref="V30:Z30"/>
    <mergeCell ref="AA30:AC30"/>
    <mergeCell ref="AF30:AG30"/>
    <mergeCell ref="AH30:AJ30"/>
    <mergeCell ref="C29:D29"/>
    <mergeCell ref="E29:T29"/>
    <mergeCell ref="V29:Z29"/>
    <mergeCell ref="AA29:AC29"/>
    <mergeCell ref="AF29:AG29"/>
    <mergeCell ref="AH29:AJ29"/>
    <mergeCell ref="AH27:AJ27"/>
    <mergeCell ref="C28:D28"/>
    <mergeCell ref="E28:T28"/>
    <mergeCell ref="V28:Z28"/>
    <mergeCell ref="AA28:AC28"/>
    <mergeCell ref="AF28:AG28"/>
    <mergeCell ref="AH28:AJ28"/>
    <mergeCell ref="C33:D33"/>
    <mergeCell ref="E33:T33"/>
    <mergeCell ref="V33:Z33"/>
    <mergeCell ref="AA33:AC33"/>
    <mergeCell ref="AF33:AG33"/>
    <mergeCell ref="AH33:AJ33"/>
    <mergeCell ref="C32:D32"/>
    <mergeCell ref="E32:T32"/>
    <mergeCell ref="V32:Z32"/>
    <mergeCell ref="AA32:AC32"/>
    <mergeCell ref="AF32:AG32"/>
    <mergeCell ref="AH32:AJ32"/>
    <mergeCell ref="C31:D31"/>
    <mergeCell ref="E31:T31"/>
    <mergeCell ref="V31:Z31"/>
    <mergeCell ref="AA31:AC31"/>
    <mergeCell ref="AF31:AG31"/>
    <mergeCell ref="AH31:AJ31"/>
    <mergeCell ref="C36:D36"/>
    <mergeCell ref="E36:T36"/>
    <mergeCell ref="V36:Z36"/>
    <mergeCell ref="AA36:AC36"/>
    <mergeCell ref="AF36:AG36"/>
    <mergeCell ref="AH36:AJ36"/>
    <mergeCell ref="C35:D35"/>
    <mergeCell ref="E35:T35"/>
    <mergeCell ref="V35:Z35"/>
    <mergeCell ref="AA35:AC35"/>
    <mergeCell ref="AF35:AG35"/>
    <mergeCell ref="AH35:AJ35"/>
    <mergeCell ref="C34:D34"/>
    <mergeCell ref="E34:T34"/>
    <mergeCell ref="V34:Z34"/>
    <mergeCell ref="AA34:AC34"/>
    <mergeCell ref="AF34:AG34"/>
    <mergeCell ref="AH34:AJ34"/>
    <mergeCell ref="C39:D39"/>
    <mergeCell ref="E39:T39"/>
    <mergeCell ref="V39:Z39"/>
    <mergeCell ref="AA39:AC39"/>
    <mergeCell ref="AF39:AG39"/>
    <mergeCell ref="AH39:AJ39"/>
    <mergeCell ref="C38:D38"/>
    <mergeCell ref="E38:T38"/>
    <mergeCell ref="V38:Z38"/>
    <mergeCell ref="AA38:AC38"/>
    <mergeCell ref="AF38:AG38"/>
    <mergeCell ref="AH38:AJ38"/>
    <mergeCell ref="C37:D37"/>
    <mergeCell ref="E37:T37"/>
    <mergeCell ref="V37:Z37"/>
    <mergeCell ref="AA37:AC37"/>
    <mergeCell ref="AF37:AG37"/>
    <mergeCell ref="AH37:AJ37"/>
    <mergeCell ref="C45:D45"/>
    <mergeCell ref="E45:T45"/>
    <mergeCell ref="V45:Z45"/>
    <mergeCell ref="AA45:AC45"/>
    <mergeCell ref="AF45:AG45"/>
    <mergeCell ref="AH45:AJ45"/>
    <mergeCell ref="AD42:AE43"/>
    <mergeCell ref="AF42:AG43"/>
    <mergeCell ref="AH42:AJ43"/>
    <mergeCell ref="AK42:AK43"/>
    <mergeCell ref="C44:D44"/>
    <mergeCell ref="E44:T44"/>
    <mergeCell ref="V44:Z44"/>
    <mergeCell ref="AA44:AC44"/>
    <mergeCell ref="AF44:AG44"/>
    <mergeCell ref="AH44:AJ44"/>
    <mergeCell ref="AA40:AC40"/>
    <mergeCell ref="AA41:AC41"/>
    <mergeCell ref="C42:D43"/>
    <mergeCell ref="E42:T43"/>
    <mergeCell ref="V42:Z43"/>
    <mergeCell ref="AA42:AC43"/>
    <mergeCell ref="C48:D48"/>
    <mergeCell ref="E48:T48"/>
    <mergeCell ref="V48:Z48"/>
    <mergeCell ref="AA48:AC48"/>
    <mergeCell ref="AF48:AG48"/>
    <mergeCell ref="AH48:AJ48"/>
    <mergeCell ref="C47:D47"/>
    <mergeCell ref="E47:T47"/>
    <mergeCell ref="V47:Z47"/>
    <mergeCell ref="AA47:AC47"/>
    <mergeCell ref="AF47:AG47"/>
    <mergeCell ref="AH47:AJ47"/>
    <mergeCell ref="C46:D46"/>
    <mergeCell ref="E46:T46"/>
    <mergeCell ref="V46:Z46"/>
    <mergeCell ref="AA46:AC46"/>
    <mergeCell ref="AF46:AG46"/>
    <mergeCell ref="AH46:AJ46"/>
    <mergeCell ref="C51:D51"/>
    <mergeCell ref="E51:T51"/>
    <mergeCell ref="V51:Z51"/>
    <mergeCell ref="AA51:AC51"/>
    <mergeCell ref="AF51:AG51"/>
    <mergeCell ref="AH51:AJ51"/>
    <mergeCell ref="C50:D50"/>
    <mergeCell ref="E50:T50"/>
    <mergeCell ref="V50:Z50"/>
    <mergeCell ref="AA50:AC50"/>
    <mergeCell ref="AF50:AG50"/>
    <mergeCell ref="AH50:AJ50"/>
    <mergeCell ref="C49:D49"/>
    <mergeCell ref="E49:T49"/>
    <mergeCell ref="V49:Z49"/>
    <mergeCell ref="AA49:AC49"/>
    <mergeCell ref="AF49:AG49"/>
    <mergeCell ref="AH49:AJ49"/>
    <mergeCell ref="C54:D54"/>
    <mergeCell ref="E54:T54"/>
    <mergeCell ref="V54:Z54"/>
    <mergeCell ref="AA54:AC54"/>
    <mergeCell ref="AF54:AG54"/>
    <mergeCell ref="AH54:AJ54"/>
    <mergeCell ref="C53:D53"/>
    <mergeCell ref="E53:T53"/>
    <mergeCell ref="V53:Z53"/>
    <mergeCell ref="AA53:AC53"/>
    <mergeCell ref="AF53:AG53"/>
    <mergeCell ref="AH53:AJ53"/>
    <mergeCell ref="C52:D52"/>
    <mergeCell ref="E52:T52"/>
    <mergeCell ref="V52:Z52"/>
    <mergeCell ref="AA52:AC52"/>
    <mergeCell ref="AF52:AG52"/>
    <mergeCell ref="AH52:AJ52"/>
    <mergeCell ref="C57:D57"/>
    <mergeCell ref="E57:T57"/>
    <mergeCell ref="V57:Z57"/>
    <mergeCell ref="AA57:AC57"/>
    <mergeCell ref="AF57:AG57"/>
    <mergeCell ref="AH57:AJ57"/>
    <mergeCell ref="C56:D56"/>
    <mergeCell ref="E56:T56"/>
    <mergeCell ref="V56:Z56"/>
    <mergeCell ref="AA56:AC56"/>
    <mergeCell ref="AF56:AG56"/>
    <mergeCell ref="AH56:AJ56"/>
    <mergeCell ref="C55:D55"/>
    <mergeCell ref="E55:T55"/>
    <mergeCell ref="V55:Z55"/>
    <mergeCell ref="AA55:AC55"/>
    <mergeCell ref="AF55:AG55"/>
    <mergeCell ref="AH55:AJ55"/>
    <mergeCell ref="AD61:AE62"/>
    <mergeCell ref="AF61:AG62"/>
    <mergeCell ref="AH61:AJ62"/>
    <mergeCell ref="AK61:AK62"/>
    <mergeCell ref="C63:D63"/>
    <mergeCell ref="E63:T63"/>
    <mergeCell ref="V63:Z63"/>
    <mergeCell ref="AA63:AC63"/>
    <mergeCell ref="AF63:AG63"/>
    <mergeCell ref="AH63:AJ63"/>
    <mergeCell ref="AA59:AC59"/>
    <mergeCell ref="AA60:AC60"/>
    <mergeCell ref="C61:D62"/>
    <mergeCell ref="E61:T62"/>
    <mergeCell ref="V61:Z62"/>
    <mergeCell ref="AA61:AC62"/>
    <mergeCell ref="C58:D58"/>
    <mergeCell ref="E58:T58"/>
    <mergeCell ref="V58:Z58"/>
    <mergeCell ref="AA58:AC58"/>
    <mergeCell ref="AF58:AG58"/>
    <mergeCell ref="AH58:AJ58"/>
    <mergeCell ref="C66:D66"/>
    <mergeCell ref="E66:T66"/>
    <mergeCell ref="V66:Z66"/>
    <mergeCell ref="AA66:AC66"/>
    <mergeCell ref="AF66:AG66"/>
    <mergeCell ref="AH66:AJ66"/>
    <mergeCell ref="C65:D65"/>
    <mergeCell ref="E65:T65"/>
    <mergeCell ref="V65:Z65"/>
    <mergeCell ref="AA65:AC65"/>
    <mergeCell ref="AF65:AG65"/>
    <mergeCell ref="AH65:AJ65"/>
    <mergeCell ref="C64:D64"/>
    <mergeCell ref="E64:T64"/>
    <mergeCell ref="V64:Z64"/>
    <mergeCell ref="AA64:AC64"/>
    <mergeCell ref="AF64:AG64"/>
    <mergeCell ref="AH64:AJ64"/>
    <mergeCell ref="C69:D69"/>
    <mergeCell ref="E69:T69"/>
    <mergeCell ref="V69:Z69"/>
    <mergeCell ref="AA69:AC69"/>
    <mergeCell ref="AF69:AG69"/>
    <mergeCell ref="AH69:AJ69"/>
    <mergeCell ref="C68:D68"/>
    <mergeCell ref="E68:T68"/>
    <mergeCell ref="V68:Z68"/>
    <mergeCell ref="AA68:AC68"/>
    <mergeCell ref="AF68:AG68"/>
    <mergeCell ref="AH68:AJ68"/>
    <mergeCell ref="C67:D67"/>
    <mergeCell ref="E67:T67"/>
    <mergeCell ref="V67:Z67"/>
    <mergeCell ref="AA67:AC67"/>
    <mergeCell ref="AF67:AG67"/>
    <mergeCell ref="AH67:AJ67"/>
    <mergeCell ref="C72:D72"/>
    <mergeCell ref="E72:T72"/>
    <mergeCell ref="V72:Z72"/>
    <mergeCell ref="AA72:AC72"/>
    <mergeCell ref="AF72:AG72"/>
    <mergeCell ref="AH72:AJ72"/>
    <mergeCell ref="C71:D71"/>
    <mergeCell ref="E71:T71"/>
    <mergeCell ref="V71:Z71"/>
    <mergeCell ref="AA71:AC71"/>
    <mergeCell ref="AF71:AG71"/>
    <mergeCell ref="AH71:AJ71"/>
    <mergeCell ref="C70:D70"/>
    <mergeCell ref="E70:T70"/>
    <mergeCell ref="V70:Z70"/>
    <mergeCell ref="AA70:AC70"/>
    <mergeCell ref="AF70:AG70"/>
    <mergeCell ref="AH70:AJ70"/>
    <mergeCell ref="C75:D75"/>
    <mergeCell ref="E75:T75"/>
    <mergeCell ref="V75:Z75"/>
    <mergeCell ref="AA75:AC75"/>
    <mergeCell ref="AF75:AG75"/>
    <mergeCell ref="AH75:AJ75"/>
    <mergeCell ref="C74:D74"/>
    <mergeCell ref="E74:T74"/>
    <mergeCell ref="V74:Z74"/>
    <mergeCell ref="AA74:AC74"/>
    <mergeCell ref="AF74:AG74"/>
    <mergeCell ref="AH74:AJ74"/>
    <mergeCell ref="C73:D73"/>
    <mergeCell ref="E73:T73"/>
    <mergeCell ref="V73:Z73"/>
    <mergeCell ref="AA73:AC73"/>
    <mergeCell ref="AF73:AG73"/>
    <mergeCell ref="AH73:AJ73"/>
    <mergeCell ref="C78:D78"/>
    <mergeCell ref="E78:T78"/>
    <mergeCell ref="V78:Z78"/>
    <mergeCell ref="AA78:AC78"/>
    <mergeCell ref="AF78:AG78"/>
    <mergeCell ref="AH78:AJ78"/>
    <mergeCell ref="C77:D77"/>
    <mergeCell ref="E77:T77"/>
    <mergeCell ref="V77:Z77"/>
    <mergeCell ref="AA77:AC77"/>
    <mergeCell ref="AF77:AG77"/>
    <mergeCell ref="AH77:AJ77"/>
    <mergeCell ref="C76:D76"/>
    <mergeCell ref="E76:T76"/>
    <mergeCell ref="V76:Z76"/>
    <mergeCell ref="AA76:AC76"/>
    <mergeCell ref="AF76:AG76"/>
    <mergeCell ref="AH76:AJ76"/>
    <mergeCell ref="C81:D81"/>
    <mergeCell ref="E81:T81"/>
    <mergeCell ref="V81:Z81"/>
    <mergeCell ref="AA81:AC81"/>
    <mergeCell ref="AF81:AG81"/>
    <mergeCell ref="AH81:AJ81"/>
    <mergeCell ref="C80:D80"/>
    <mergeCell ref="E80:T80"/>
    <mergeCell ref="V80:Z80"/>
    <mergeCell ref="AA80:AC80"/>
    <mergeCell ref="AF80:AG80"/>
    <mergeCell ref="AH80:AJ80"/>
    <mergeCell ref="C79:D79"/>
    <mergeCell ref="E79:T79"/>
    <mergeCell ref="V79:Z79"/>
    <mergeCell ref="AA79:AC79"/>
    <mergeCell ref="AF79:AG79"/>
    <mergeCell ref="AH79:AJ79"/>
    <mergeCell ref="C84:D84"/>
    <mergeCell ref="E84:T84"/>
    <mergeCell ref="V84:Z84"/>
    <mergeCell ref="AA84:AC84"/>
    <mergeCell ref="AF84:AG84"/>
    <mergeCell ref="AH84:AJ84"/>
    <mergeCell ref="C83:D83"/>
    <mergeCell ref="E83:T83"/>
    <mergeCell ref="V83:Z83"/>
    <mergeCell ref="AA83:AC83"/>
    <mergeCell ref="AF83:AG83"/>
    <mergeCell ref="AH83:AJ83"/>
    <mergeCell ref="C82:D82"/>
    <mergeCell ref="E82:T82"/>
    <mergeCell ref="V82:Z82"/>
    <mergeCell ref="AA82:AC82"/>
    <mergeCell ref="AF82:AG82"/>
    <mergeCell ref="AH82:AJ82"/>
    <mergeCell ref="C87:D87"/>
    <mergeCell ref="E87:T87"/>
    <mergeCell ref="V87:Z87"/>
    <mergeCell ref="AA87:AC87"/>
    <mergeCell ref="AF87:AG87"/>
    <mergeCell ref="AH87:AJ87"/>
    <mergeCell ref="C86:D86"/>
    <mergeCell ref="E86:T86"/>
    <mergeCell ref="V86:Z86"/>
    <mergeCell ref="AA86:AC86"/>
    <mergeCell ref="AF86:AG86"/>
    <mergeCell ref="AH86:AJ86"/>
    <mergeCell ref="C85:D85"/>
    <mergeCell ref="E85:T85"/>
    <mergeCell ref="V85:Z85"/>
    <mergeCell ref="AA85:AC85"/>
    <mergeCell ref="AF85:AG85"/>
    <mergeCell ref="AH85:AJ85"/>
    <mergeCell ref="C90:D90"/>
    <mergeCell ref="E90:T90"/>
    <mergeCell ref="V90:Z90"/>
    <mergeCell ref="AA90:AC90"/>
    <mergeCell ref="AF90:AG90"/>
    <mergeCell ref="AH90:AJ90"/>
    <mergeCell ref="C89:D89"/>
    <mergeCell ref="E89:T89"/>
    <mergeCell ref="V89:Z89"/>
    <mergeCell ref="AA89:AC89"/>
    <mergeCell ref="AF89:AG89"/>
    <mergeCell ref="AH89:AJ89"/>
    <mergeCell ref="C88:D88"/>
    <mergeCell ref="E88:T88"/>
    <mergeCell ref="V88:Z88"/>
    <mergeCell ref="AA88:AC88"/>
    <mergeCell ref="AF88:AG88"/>
    <mergeCell ref="AH88:AJ88"/>
    <mergeCell ref="C93:D93"/>
    <mergeCell ref="E93:T93"/>
    <mergeCell ref="V93:Z93"/>
    <mergeCell ref="AA93:AC93"/>
    <mergeCell ref="AF93:AG93"/>
    <mergeCell ref="AH93:AJ93"/>
    <mergeCell ref="C92:D92"/>
    <mergeCell ref="E92:T92"/>
    <mergeCell ref="V92:Z92"/>
    <mergeCell ref="AA92:AC92"/>
    <mergeCell ref="AF92:AG92"/>
    <mergeCell ref="AH92:AJ92"/>
    <mergeCell ref="C91:D91"/>
    <mergeCell ref="E91:T91"/>
    <mergeCell ref="V91:Z91"/>
    <mergeCell ref="AA91:AC91"/>
    <mergeCell ref="AF91:AG91"/>
    <mergeCell ref="AH91:AJ91"/>
    <mergeCell ref="C96:D96"/>
    <mergeCell ref="E96:T96"/>
    <mergeCell ref="V96:Z96"/>
    <mergeCell ref="AA96:AC96"/>
    <mergeCell ref="AF96:AG96"/>
    <mergeCell ref="AH96:AJ96"/>
    <mergeCell ref="C95:D95"/>
    <mergeCell ref="E95:T95"/>
    <mergeCell ref="V95:Z95"/>
    <mergeCell ref="AA95:AC95"/>
    <mergeCell ref="AF95:AG95"/>
    <mergeCell ref="AH95:AJ95"/>
    <mergeCell ref="C94:D94"/>
    <mergeCell ref="E94:T94"/>
    <mergeCell ref="V94:Z94"/>
    <mergeCell ref="AA94:AC94"/>
    <mergeCell ref="AF94:AG94"/>
    <mergeCell ref="AH94:AJ94"/>
    <mergeCell ref="C99:D99"/>
    <mergeCell ref="E99:T99"/>
    <mergeCell ref="V99:Z99"/>
    <mergeCell ref="AA99:AC99"/>
    <mergeCell ref="AF99:AG99"/>
    <mergeCell ref="AH99:AJ99"/>
    <mergeCell ref="C98:D98"/>
    <mergeCell ref="E98:T98"/>
    <mergeCell ref="V98:Z98"/>
    <mergeCell ref="AA98:AC98"/>
    <mergeCell ref="AF98:AG98"/>
    <mergeCell ref="AH98:AJ98"/>
    <mergeCell ref="C97:D97"/>
    <mergeCell ref="E97:T97"/>
    <mergeCell ref="V97:Z97"/>
    <mergeCell ref="AA97:AC97"/>
    <mergeCell ref="AF97:AG97"/>
    <mergeCell ref="AH97:AJ97"/>
    <mergeCell ref="C105:D105"/>
    <mergeCell ref="E105:T105"/>
    <mergeCell ref="V105:Z105"/>
    <mergeCell ref="AA105:AC105"/>
    <mergeCell ref="AF105:AG105"/>
    <mergeCell ref="AH105:AJ105"/>
    <mergeCell ref="AD102:AE103"/>
    <mergeCell ref="AF102:AG103"/>
    <mergeCell ref="AH102:AJ103"/>
    <mergeCell ref="AK102:AK103"/>
    <mergeCell ref="C104:D104"/>
    <mergeCell ref="E104:T104"/>
    <mergeCell ref="V104:Z104"/>
    <mergeCell ref="AA104:AC104"/>
    <mergeCell ref="AF104:AG104"/>
    <mergeCell ref="AH104:AJ104"/>
    <mergeCell ref="AA100:AC100"/>
    <mergeCell ref="AA101:AC101"/>
    <mergeCell ref="C102:D103"/>
    <mergeCell ref="E102:T103"/>
    <mergeCell ref="V102:Z103"/>
    <mergeCell ref="AA102:AC103"/>
    <mergeCell ref="C108:D108"/>
    <mergeCell ref="E108:T108"/>
    <mergeCell ref="V108:Z108"/>
    <mergeCell ref="AA108:AC108"/>
    <mergeCell ref="AF108:AG108"/>
    <mergeCell ref="AH108:AJ108"/>
    <mergeCell ref="C107:D107"/>
    <mergeCell ref="E107:T107"/>
    <mergeCell ref="V107:Z107"/>
    <mergeCell ref="AA107:AC107"/>
    <mergeCell ref="AF107:AG107"/>
    <mergeCell ref="AH107:AJ107"/>
    <mergeCell ref="C106:D106"/>
    <mergeCell ref="E106:T106"/>
    <mergeCell ref="V106:Z106"/>
    <mergeCell ref="AA106:AC106"/>
    <mergeCell ref="AF106:AG106"/>
    <mergeCell ref="AH106:AJ106"/>
    <mergeCell ref="C111:D111"/>
    <mergeCell ref="E111:T111"/>
    <mergeCell ref="V111:Z111"/>
    <mergeCell ref="AA111:AC111"/>
    <mergeCell ref="AF111:AG111"/>
    <mergeCell ref="AH111:AJ111"/>
    <mergeCell ref="C110:D110"/>
    <mergeCell ref="E110:T110"/>
    <mergeCell ref="V110:Z110"/>
    <mergeCell ref="AA110:AC110"/>
    <mergeCell ref="AF110:AG110"/>
    <mergeCell ref="AH110:AJ110"/>
    <mergeCell ref="C109:D109"/>
    <mergeCell ref="E109:T109"/>
    <mergeCell ref="V109:Z109"/>
    <mergeCell ref="AA109:AC109"/>
    <mergeCell ref="AF109:AG109"/>
    <mergeCell ref="AH109:AJ109"/>
    <mergeCell ref="C114:D114"/>
    <mergeCell ref="E114:T114"/>
    <mergeCell ref="V114:Z114"/>
    <mergeCell ref="AA114:AC114"/>
    <mergeCell ref="AF114:AG114"/>
    <mergeCell ref="AH114:AJ114"/>
    <mergeCell ref="C113:D113"/>
    <mergeCell ref="E113:T113"/>
    <mergeCell ref="V113:Z113"/>
    <mergeCell ref="AA113:AC113"/>
    <mergeCell ref="AF113:AG113"/>
    <mergeCell ref="AH113:AJ113"/>
    <mergeCell ref="C112:D112"/>
    <mergeCell ref="E112:T112"/>
    <mergeCell ref="V112:Z112"/>
    <mergeCell ref="AA112:AC112"/>
    <mergeCell ref="AF112:AG112"/>
    <mergeCell ref="AH112:AJ112"/>
    <mergeCell ref="C117:D117"/>
    <mergeCell ref="E117:T117"/>
    <mergeCell ref="V117:Z117"/>
    <mergeCell ref="AA117:AC117"/>
    <mergeCell ref="AF117:AG117"/>
    <mergeCell ref="AH117:AJ117"/>
    <mergeCell ref="C116:D116"/>
    <mergeCell ref="E116:T116"/>
    <mergeCell ref="V116:Z116"/>
    <mergeCell ref="AA116:AC116"/>
    <mergeCell ref="AF116:AG116"/>
    <mergeCell ref="AH116:AJ116"/>
    <mergeCell ref="C115:D115"/>
    <mergeCell ref="E115:T115"/>
    <mergeCell ref="V115:Z115"/>
    <mergeCell ref="AA115:AC115"/>
    <mergeCell ref="AF115:AG115"/>
    <mergeCell ref="AH115:AJ115"/>
    <mergeCell ref="C120:D120"/>
    <mergeCell ref="E120:T120"/>
    <mergeCell ref="V120:Z120"/>
    <mergeCell ref="AA120:AC120"/>
    <mergeCell ref="AF120:AG120"/>
    <mergeCell ref="AH120:AJ120"/>
    <mergeCell ref="C119:D119"/>
    <mergeCell ref="E119:T119"/>
    <mergeCell ref="V119:Z119"/>
    <mergeCell ref="AA119:AC119"/>
    <mergeCell ref="AF119:AG119"/>
    <mergeCell ref="AH119:AJ119"/>
    <mergeCell ref="C118:D118"/>
    <mergeCell ref="E118:T118"/>
    <mergeCell ref="V118:Z118"/>
    <mergeCell ref="AA118:AC118"/>
    <mergeCell ref="AF118:AG118"/>
    <mergeCell ref="AH118:AJ118"/>
    <mergeCell ref="AA123:AC123"/>
    <mergeCell ref="AA124:AC124"/>
    <mergeCell ref="C125:D126"/>
    <mergeCell ref="E125:T126"/>
    <mergeCell ref="V125:Z126"/>
    <mergeCell ref="AA125:AC126"/>
    <mergeCell ref="C122:D122"/>
    <mergeCell ref="E122:T122"/>
    <mergeCell ref="V122:Z122"/>
    <mergeCell ref="AA122:AC122"/>
    <mergeCell ref="AF122:AG122"/>
    <mergeCell ref="AH122:AJ122"/>
    <mergeCell ref="C121:D121"/>
    <mergeCell ref="E121:T121"/>
    <mergeCell ref="V121:Z121"/>
    <mergeCell ref="AA121:AC121"/>
    <mergeCell ref="AF121:AG121"/>
    <mergeCell ref="AH121:AJ121"/>
    <mergeCell ref="C129:D129"/>
    <mergeCell ref="E129:T129"/>
    <mergeCell ref="V129:Z129"/>
    <mergeCell ref="AA129:AC129"/>
    <mergeCell ref="AF129:AG129"/>
    <mergeCell ref="AH129:AJ129"/>
    <mergeCell ref="C128:D128"/>
    <mergeCell ref="E128:T128"/>
    <mergeCell ref="V128:Z128"/>
    <mergeCell ref="AA128:AC128"/>
    <mergeCell ref="AF128:AG128"/>
    <mergeCell ref="AH128:AJ128"/>
    <mergeCell ref="AD125:AE126"/>
    <mergeCell ref="AF125:AG126"/>
    <mergeCell ref="AH125:AJ126"/>
    <mergeCell ref="AK125:AK126"/>
    <mergeCell ref="C127:D127"/>
    <mergeCell ref="E127:T127"/>
    <mergeCell ref="V127:Z127"/>
    <mergeCell ref="AA127:AC127"/>
    <mergeCell ref="AF127:AG127"/>
    <mergeCell ref="AH127:AJ127"/>
    <mergeCell ref="C132:D132"/>
    <mergeCell ref="E132:T132"/>
    <mergeCell ref="V132:Z132"/>
    <mergeCell ref="AA132:AC132"/>
    <mergeCell ref="AF132:AG132"/>
    <mergeCell ref="AH132:AJ132"/>
    <mergeCell ref="C131:D131"/>
    <mergeCell ref="E131:T131"/>
    <mergeCell ref="V131:Z131"/>
    <mergeCell ref="AA131:AC131"/>
    <mergeCell ref="AF131:AG131"/>
    <mergeCell ref="AH131:AJ131"/>
    <mergeCell ref="C130:D130"/>
    <mergeCell ref="E130:T130"/>
    <mergeCell ref="V130:Z130"/>
    <mergeCell ref="AA130:AC130"/>
    <mergeCell ref="AF130:AG130"/>
    <mergeCell ref="AH130:AJ130"/>
    <mergeCell ref="C135:D135"/>
    <mergeCell ref="E135:T135"/>
    <mergeCell ref="V135:Z135"/>
    <mergeCell ref="AA135:AC135"/>
    <mergeCell ref="AF135:AG135"/>
    <mergeCell ref="AH135:AJ135"/>
    <mergeCell ref="C134:D134"/>
    <mergeCell ref="E134:T134"/>
    <mergeCell ref="V134:Z134"/>
    <mergeCell ref="AA134:AC134"/>
    <mergeCell ref="AF134:AG134"/>
    <mergeCell ref="AH134:AJ134"/>
    <mergeCell ref="C133:D133"/>
    <mergeCell ref="E133:T133"/>
    <mergeCell ref="V133:Z133"/>
    <mergeCell ref="AA133:AC133"/>
    <mergeCell ref="AF133:AG133"/>
    <mergeCell ref="AH133:AJ133"/>
    <mergeCell ref="C138:D138"/>
    <mergeCell ref="E138:T138"/>
    <mergeCell ref="V138:Z138"/>
    <mergeCell ref="AA138:AC138"/>
    <mergeCell ref="AF138:AG138"/>
    <mergeCell ref="AH138:AJ138"/>
    <mergeCell ref="C137:D137"/>
    <mergeCell ref="E137:T137"/>
    <mergeCell ref="V137:Z137"/>
    <mergeCell ref="AA137:AC137"/>
    <mergeCell ref="AF137:AG137"/>
    <mergeCell ref="AH137:AJ137"/>
    <mergeCell ref="C136:D136"/>
    <mergeCell ref="E136:T136"/>
    <mergeCell ref="V136:Z136"/>
    <mergeCell ref="AA136:AC136"/>
    <mergeCell ref="AF136:AG136"/>
    <mergeCell ref="AH136:AJ136"/>
    <mergeCell ref="C141:D141"/>
    <mergeCell ref="E141:T141"/>
    <mergeCell ref="V141:Z141"/>
    <mergeCell ref="AA141:AC141"/>
    <mergeCell ref="AF141:AG141"/>
    <mergeCell ref="AH141:AJ141"/>
    <mergeCell ref="C140:D140"/>
    <mergeCell ref="E140:T140"/>
    <mergeCell ref="V140:Z140"/>
    <mergeCell ref="AA140:AC140"/>
    <mergeCell ref="AF140:AG140"/>
    <mergeCell ref="AH140:AJ140"/>
    <mergeCell ref="C139:D139"/>
    <mergeCell ref="E139:T139"/>
    <mergeCell ref="V139:Z139"/>
    <mergeCell ref="AA139:AC139"/>
    <mergeCell ref="AF139:AG139"/>
    <mergeCell ref="AH139:AJ139"/>
    <mergeCell ref="C147:D147"/>
    <mergeCell ref="E147:T147"/>
    <mergeCell ref="V147:Z147"/>
    <mergeCell ref="AA147:AC147"/>
    <mergeCell ref="AF147:AG147"/>
    <mergeCell ref="AH147:AJ147"/>
    <mergeCell ref="AD144:AE145"/>
    <mergeCell ref="AF144:AG145"/>
    <mergeCell ref="AH144:AJ145"/>
    <mergeCell ref="AK144:AK145"/>
    <mergeCell ref="C146:D146"/>
    <mergeCell ref="E146:T146"/>
    <mergeCell ref="V146:Z146"/>
    <mergeCell ref="AA146:AC146"/>
    <mergeCell ref="AF146:AG146"/>
    <mergeCell ref="AH146:AJ146"/>
    <mergeCell ref="AA142:AC142"/>
    <mergeCell ref="AA143:AC143"/>
    <mergeCell ref="C144:D145"/>
    <mergeCell ref="E144:T145"/>
    <mergeCell ref="V144:Z145"/>
    <mergeCell ref="AA144:AC145"/>
    <mergeCell ref="C150:D150"/>
    <mergeCell ref="E150:T150"/>
    <mergeCell ref="V150:Z150"/>
    <mergeCell ref="AA150:AC150"/>
    <mergeCell ref="AF150:AG150"/>
    <mergeCell ref="AH150:AJ150"/>
    <mergeCell ref="C149:D149"/>
    <mergeCell ref="E149:T149"/>
    <mergeCell ref="V149:Z149"/>
    <mergeCell ref="AA149:AC149"/>
    <mergeCell ref="AF149:AG149"/>
    <mergeCell ref="AH149:AJ149"/>
    <mergeCell ref="C148:D148"/>
    <mergeCell ref="E148:T148"/>
    <mergeCell ref="V148:Z148"/>
    <mergeCell ref="AA148:AC148"/>
    <mergeCell ref="AF148:AG148"/>
    <mergeCell ref="AH148:AJ148"/>
    <mergeCell ref="C153:D153"/>
    <mergeCell ref="E153:T153"/>
    <mergeCell ref="V153:Z153"/>
    <mergeCell ref="AA153:AC153"/>
    <mergeCell ref="AF153:AG153"/>
    <mergeCell ref="AH153:AJ153"/>
    <mergeCell ref="C152:D152"/>
    <mergeCell ref="E152:T152"/>
    <mergeCell ref="V152:Z152"/>
    <mergeCell ref="AA152:AC152"/>
    <mergeCell ref="AF152:AG152"/>
    <mergeCell ref="AH152:AJ152"/>
    <mergeCell ref="C151:D151"/>
    <mergeCell ref="E151:T151"/>
    <mergeCell ref="V151:Z151"/>
    <mergeCell ref="AA151:AC151"/>
    <mergeCell ref="AF151:AG151"/>
    <mergeCell ref="AH151:AJ151"/>
    <mergeCell ref="C156:D156"/>
    <mergeCell ref="E156:T156"/>
    <mergeCell ref="V156:Z156"/>
    <mergeCell ref="AA156:AC156"/>
    <mergeCell ref="AF156:AG156"/>
    <mergeCell ref="AH156:AJ156"/>
    <mergeCell ref="C155:D155"/>
    <mergeCell ref="E155:T155"/>
    <mergeCell ref="V155:Z155"/>
    <mergeCell ref="AA155:AC155"/>
    <mergeCell ref="AF155:AG155"/>
    <mergeCell ref="AH155:AJ155"/>
    <mergeCell ref="C154:D154"/>
    <mergeCell ref="E154:T154"/>
    <mergeCell ref="V154:Z154"/>
    <mergeCell ref="AA154:AC154"/>
    <mergeCell ref="AF154:AG154"/>
    <mergeCell ref="AH154:AJ154"/>
    <mergeCell ref="C159:D159"/>
    <mergeCell ref="E159:T159"/>
    <mergeCell ref="V159:Z159"/>
    <mergeCell ref="AA159:AC159"/>
    <mergeCell ref="AF159:AG159"/>
    <mergeCell ref="AH159:AJ159"/>
    <mergeCell ref="C158:D158"/>
    <mergeCell ref="E158:T158"/>
    <mergeCell ref="V158:Z158"/>
    <mergeCell ref="AA158:AC158"/>
    <mergeCell ref="AF158:AG158"/>
    <mergeCell ref="AH158:AJ158"/>
    <mergeCell ref="C157:D157"/>
    <mergeCell ref="E157:T157"/>
    <mergeCell ref="V157:Z157"/>
    <mergeCell ref="AA157:AC157"/>
    <mergeCell ref="AF157:AG157"/>
    <mergeCell ref="AH157:AJ157"/>
    <mergeCell ref="C162:D162"/>
    <mergeCell ref="E162:T162"/>
    <mergeCell ref="V162:Z162"/>
    <mergeCell ref="AA162:AC162"/>
    <mergeCell ref="AF162:AG162"/>
    <mergeCell ref="AH162:AJ162"/>
    <mergeCell ref="C161:D161"/>
    <mergeCell ref="E161:T161"/>
    <mergeCell ref="V161:Z161"/>
    <mergeCell ref="AA161:AC161"/>
    <mergeCell ref="AF161:AG161"/>
    <mergeCell ref="AH161:AJ161"/>
    <mergeCell ref="C160:D160"/>
    <mergeCell ref="E160:T160"/>
    <mergeCell ref="V160:Z160"/>
    <mergeCell ref="AA160:AC160"/>
    <mergeCell ref="AF160:AG160"/>
    <mergeCell ref="AH160:AJ160"/>
    <mergeCell ref="AD166:AE167"/>
    <mergeCell ref="AF166:AG167"/>
    <mergeCell ref="AH166:AJ167"/>
    <mergeCell ref="AK166:AK167"/>
    <mergeCell ref="C168:D168"/>
    <mergeCell ref="E168:T168"/>
    <mergeCell ref="V168:Z168"/>
    <mergeCell ref="AA168:AC168"/>
    <mergeCell ref="AF168:AG168"/>
    <mergeCell ref="AH168:AJ168"/>
    <mergeCell ref="AA164:AC164"/>
    <mergeCell ref="AA165:AC165"/>
    <mergeCell ref="C166:D167"/>
    <mergeCell ref="E166:T167"/>
    <mergeCell ref="V166:Z167"/>
    <mergeCell ref="AA166:AC167"/>
    <mergeCell ref="C163:D163"/>
    <mergeCell ref="E163:T163"/>
    <mergeCell ref="V163:Z163"/>
    <mergeCell ref="AA163:AC163"/>
    <mergeCell ref="AF163:AG163"/>
    <mergeCell ref="AH163:AJ163"/>
    <mergeCell ref="C171:D171"/>
    <mergeCell ref="E171:T171"/>
    <mergeCell ref="V171:Z171"/>
    <mergeCell ref="AA171:AC171"/>
    <mergeCell ref="AF171:AG171"/>
    <mergeCell ref="AH171:AJ171"/>
    <mergeCell ref="C170:D170"/>
    <mergeCell ref="E170:T170"/>
    <mergeCell ref="V170:Z170"/>
    <mergeCell ref="AA170:AC170"/>
    <mergeCell ref="AF170:AG170"/>
    <mergeCell ref="AH170:AJ170"/>
    <mergeCell ref="C169:D169"/>
    <mergeCell ref="E169:T169"/>
    <mergeCell ref="V169:Z169"/>
    <mergeCell ref="AA169:AC169"/>
    <mergeCell ref="AF169:AG169"/>
    <mergeCell ref="AH169:AJ169"/>
    <mergeCell ref="C174:D174"/>
    <mergeCell ref="E174:T174"/>
    <mergeCell ref="V174:Z174"/>
    <mergeCell ref="AA174:AC174"/>
    <mergeCell ref="AF174:AG174"/>
    <mergeCell ref="AH174:AJ174"/>
    <mergeCell ref="C173:D173"/>
    <mergeCell ref="E173:T173"/>
    <mergeCell ref="V173:Z173"/>
    <mergeCell ref="AA173:AC173"/>
    <mergeCell ref="AF173:AG173"/>
    <mergeCell ref="AH173:AJ173"/>
    <mergeCell ref="C172:D172"/>
    <mergeCell ref="E172:T172"/>
    <mergeCell ref="V172:Z172"/>
    <mergeCell ref="AA172:AC172"/>
    <mergeCell ref="AF172:AG172"/>
    <mergeCell ref="AH172:AJ172"/>
    <mergeCell ref="C177:D177"/>
    <mergeCell ref="E177:T177"/>
    <mergeCell ref="V177:Z177"/>
    <mergeCell ref="AA177:AC177"/>
    <mergeCell ref="AF177:AG177"/>
    <mergeCell ref="AH177:AJ177"/>
    <mergeCell ref="C176:D176"/>
    <mergeCell ref="E176:T176"/>
    <mergeCell ref="V176:Z176"/>
    <mergeCell ref="AA176:AC176"/>
    <mergeCell ref="AF176:AG176"/>
    <mergeCell ref="AH176:AJ176"/>
    <mergeCell ref="C175:D175"/>
    <mergeCell ref="E175:T175"/>
    <mergeCell ref="V175:Z175"/>
    <mergeCell ref="AA175:AC175"/>
    <mergeCell ref="AF175:AG175"/>
    <mergeCell ref="AH175:AJ175"/>
    <mergeCell ref="C180:D180"/>
    <mergeCell ref="E180:T180"/>
    <mergeCell ref="V180:Z180"/>
    <mergeCell ref="AA180:AC180"/>
    <mergeCell ref="AF180:AG180"/>
    <mergeCell ref="AH180:AJ180"/>
    <mergeCell ref="C179:D179"/>
    <mergeCell ref="E179:T179"/>
    <mergeCell ref="V179:Z179"/>
    <mergeCell ref="AA179:AC179"/>
    <mergeCell ref="AF179:AG179"/>
    <mergeCell ref="AH179:AJ179"/>
    <mergeCell ref="C178:D178"/>
    <mergeCell ref="E178:T178"/>
    <mergeCell ref="V178:Z178"/>
    <mergeCell ref="AA178:AC178"/>
    <mergeCell ref="AF178:AG178"/>
    <mergeCell ref="AH178:AJ178"/>
    <mergeCell ref="C183:D183"/>
    <mergeCell ref="E183:T183"/>
    <mergeCell ref="V183:Z183"/>
    <mergeCell ref="AA183:AC183"/>
    <mergeCell ref="AF183:AG183"/>
    <mergeCell ref="AH183:AJ183"/>
    <mergeCell ref="C182:D182"/>
    <mergeCell ref="E182:T182"/>
    <mergeCell ref="V182:Z182"/>
    <mergeCell ref="AA182:AC182"/>
    <mergeCell ref="AF182:AG182"/>
    <mergeCell ref="AH182:AJ182"/>
    <mergeCell ref="C181:D181"/>
    <mergeCell ref="E181:T181"/>
    <mergeCell ref="V181:Z181"/>
    <mergeCell ref="AA181:AC181"/>
    <mergeCell ref="AF181:AG181"/>
    <mergeCell ref="AH181:AJ181"/>
    <mergeCell ref="C186:D186"/>
    <mergeCell ref="E186:T186"/>
    <mergeCell ref="V186:Z186"/>
    <mergeCell ref="AA186:AC186"/>
    <mergeCell ref="AF186:AG186"/>
    <mergeCell ref="AH186:AJ186"/>
    <mergeCell ref="C185:D185"/>
    <mergeCell ref="E185:T185"/>
    <mergeCell ref="V185:Z185"/>
    <mergeCell ref="AA185:AC185"/>
    <mergeCell ref="AF185:AG185"/>
    <mergeCell ref="AH185:AJ185"/>
    <mergeCell ref="C184:D184"/>
    <mergeCell ref="E184:T184"/>
    <mergeCell ref="V184:Z184"/>
    <mergeCell ref="AA184:AC184"/>
    <mergeCell ref="AF184:AG184"/>
    <mergeCell ref="AH184:AJ184"/>
    <mergeCell ref="C189:D189"/>
    <mergeCell ref="E189:T189"/>
    <mergeCell ref="V189:Z189"/>
    <mergeCell ref="AA189:AC189"/>
    <mergeCell ref="AF189:AG189"/>
    <mergeCell ref="AH189:AJ189"/>
    <mergeCell ref="C188:D188"/>
    <mergeCell ref="E188:T188"/>
    <mergeCell ref="V188:Z188"/>
    <mergeCell ref="AA188:AC188"/>
    <mergeCell ref="AF188:AG188"/>
    <mergeCell ref="AH188:AJ188"/>
    <mergeCell ref="C187:D187"/>
    <mergeCell ref="E187:T187"/>
    <mergeCell ref="V187:Z187"/>
    <mergeCell ref="AA187:AC187"/>
    <mergeCell ref="AF187:AG187"/>
    <mergeCell ref="AH187:AJ187"/>
    <mergeCell ref="C192:D192"/>
    <mergeCell ref="E192:T192"/>
    <mergeCell ref="V192:Z192"/>
    <mergeCell ref="AA192:AC192"/>
    <mergeCell ref="AF192:AG192"/>
    <mergeCell ref="AH192:AJ192"/>
    <mergeCell ref="C191:D191"/>
    <mergeCell ref="E191:T191"/>
    <mergeCell ref="V191:Z191"/>
    <mergeCell ref="AA191:AC191"/>
    <mergeCell ref="AF191:AG191"/>
    <mergeCell ref="AH191:AJ191"/>
    <mergeCell ref="C190:D190"/>
    <mergeCell ref="E190:T190"/>
    <mergeCell ref="V190:Z190"/>
    <mergeCell ref="AA190:AC190"/>
    <mergeCell ref="AF190:AG190"/>
    <mergeCell ref="AH190:AJ190"/>
    <mergeCell ref="C195:D195"/>
    <mergeCell ref="E195:T195"/>
    <mergeCell ref="V195:Z195"/>
    <mergeCell ref="AA195:AC195"/>
    <mergeCell ref="AF195:AG195"/>
    <mergeCell ref="AH195:AJ195"/>
    <mergeCell ref="C194:D194"/>
    <mergeCell ref="E194:T194"/>
    <mergeCell ref="V194:Z194"/>
    <mergeCell ref="AA194:AC194"/>
    <mergeCell ref="AF194:AG194"/>
    <mergeCell ref="AH194:AJ194"/>
    <mergeCell ref="C193:D193"/>
    <mergeCell ref="E193:T193"/>
    <mergeCell ref="V193:Z193"/>
    <mergeCell ref="AA193:AC193"/>
    <mergeCell ref="AF193:AG193"/>
    <mergeCell ref="AH193:AJ193"/>
    <mergeCell ref="C198:D198"/>
    <mergeCell ref="E198:T198"/>
    <mergeCell ref="V198:Z198"/>
    <mergeCell ref="AA198:AC198"/>
    <mergeCell ref="AF198:AG198"/>
    <mergeCell ref="AH198:AJ198"/>
    <mergeCell ref="C197:D197"/>
    <mergeCell ref="E197:T197"/>
    <mergeCell ref="V197:Z197"/>
    <mergeCell ref="AA197:AC197"/>
    <mergeCell ref="AF197:AG197"/>
    <mergeCell ref="AH197:AJ197"/>
    <mergeCell ref="C196:D196"/>
    <mergeCell ref="E196:T196"/>
    <mergeCell ref="V196:Z196"/>
    <mergeCell ref="AA196:AC196"/>
    <mergeCell ref="AF196:AG196"/>
    <mergeCell ref="AH196:AJ196"/>
    <mergeCell ref="C201:D201"/>
    <mergeCell ref="E201:T201"/>
    <mergeCell ref="V201:Z201"/>
    <mergeCell ref="AA201:AC201"/>
    <mergeCell ref="AF201:AG201"/>
    <mergeCell ref="AH201:AJ201"/>
    <mergeCell ref="C200:D200"/>
    <mergeCell ref="E200:T200"/>
    <mergeCell ref="V200:Z200"/>
    <mergeCell ref="AA200:AC200"/>
    <mergeCell ref="AF200:AG200"/>
    <mergeCell ref="AH200:AJ200"/>
    <mergeCell ref="C199:D199"/>
    <mergeCell ref="E199:T199"/>
    <mergeCell ref="V199:Z199"/>
    <mergeCell ref="AA199:AC199"/>
    <mergeCell ref="AF199:AG199"/>
    <mergeCell ref="AH199:AJ199"/>
    <mergeCell ref="C204:D204"/>
    <mergeCell ref="E204:T204"/>
    <mergeCell ref="V204:Z204"/>
    <mergeCell ref="AA204:AC204"/>
    <mergeCell ref="AF204:AG204"/>
    <mergeCell ref="AH204:AJ204"/>
    <mergeCell ref="C203:D203"/>
    <mergeCell ref="E203:T203"/>
    <mergeCell ref="V203:Z203"/>
    <mergeCell ref="AA203:AC203"/>
    <mergeCell ref="AF203:AG203"/>
    <mergeCell ref="AH203:AJ203"/>
    <mergeCell ref="C202:D202"/>
    <mergeCell ref="E202:T202"/>
    <mergeCell ref="V202:Z202"/>
    <mergeCell ref="AA202:AC202"/>
    <mergeCell ref="AF202:AG202"/>
    <mergeCell ref="AH202:AJ202"/>
    <mergeCell ref="C207:D207"/>
    <mergeCell ref="E207:T207"/>
    <mergeCell ref="V207:Z207"/>
    <mergeCell ref="AA207:AC207"/>
    <mergeCell ref="AF207:AG207"/>
    <mergeCell ref="AH207:AJ207"/>
    <mergeCell ref="C206:D206"/>
    <mergeCell ref="E206:T206"/>
    <mergeCell ref="V206:Z206"/>
    <mergeCell ref="AA206:AC206"/>
    <mergeCell ref="AF206:AG206"/>
    <mergeCell ref="AH206:AJ206"/>
    <mergeCell ref="C205:D205"/>
    <mergeCell ref="E205:T205"/>
    <mergeCell ref="V205:Z205"/>
    <mergeCell ref="AA205:AC205"/>
    <mergeCell ref="AF205:AG205"/>
    <mergeCell ref="AH205:AJ205"/>
    <mergeCell ref="C210:D210"/>
    <mergeCell ref="E210:T210"/>
    <mergeCell ref="V210:Z210"/>
    <mergeCell ref="AA210:AC210"/>
    <mergeCell ref="AF210:AG210"/>
    <mergeCell ref="AH210:AJ210"/>
    <mergeCell ref="C209:D209"/>
    <mergeCell ref="E209:T209"/>
    <mergeCell ref="V209:Z209"/>
    <mergeCell ref="AA209:AC209"/>
    <mergeCell ref="AF209:AG209"/>
    <mergeCell ref="AH209:AJ209"/>
    <mergeCell ref="C208:D208"/>
    <mergeCell ref="E208:T208"/>
    <mergeCell ref="V208:Z208"/>
    <mergeCell ref="AA208:AC208"/>
    <mergeCell ref="AF208:AG208"/>
    <mergeCell ref="AH208:AJ208"/>
    <mergeCell ref="C213:D213"/>
    <mergeCell ref="E213:T213"/>
    <mergeCell ref="V213:Z213"/>
    <mergeCell ref="AA213:AC213"/>
    <mergeCell ref="AF213:AG213"/>
    <mergeCell ref="AH213:AJ213"/>
    <mergeCell ref="C212:D212"/>
    <mergeCell ref="E212:T212"/>
    <mergeCell ref="V212:Z212"/>
    <mergeCell ref="AA212:AC212"/>
    <mergeCell ref="AF212:AG212"/>
    <mergeCell ref="AH212:AJ212"/>
    <mergeCell ref="C211:D211"/>
    <mergeCell ref="E211:T211"/>
    <mergeCell ref="V211:Z211"/>
    <mergeCell ref="AA211:AC211"/>
    <mergeCell ref="AF211:AG211"/>
    <mergeCell ref="AH211:AJ211"/>
    <mergeCell ref="C216:D216"/>
    <mergeCell ref="E216:T216"/>
    <mergeCell ref="V216:Z216"/>
    <mergeCell ref="AA216:AC216"/>
    <mergeCell ref="AF216:AG216"/>
    <mergeCell ref="AH216:AJ216"/>
    <mergeCell ref="C215:D215"/>
    <mergeCell ref="E215:T215"/>
    <mergeCell ref="V215:Z215"/>
    <mergeCell ref="AA215:AC215"/>
    <mergeCell ref="AF215:AG215"/>
    <mergeCell ref="AH215:AJ215"/>
    <mergeCell ref="C214:D214"/>
    <mergeCell ref="E214:T214"/>
    <mergeCell ref="V214:Z214"/>
    <mergeCell ref="AA214:AC214"/>
    <mergeCell ref="AF214:AG214"/>
    <mergeCell ref="AH214:AJ214"/>
    <mergeCell ref="C219:D219"/>
    <mergeCell ref="E219:T219"/>
    <mergeCell ref="V219:Z219"/>
    <mergeCell ref="AA219:AC219"/>
    <mergeCell ref="AF219:AG219"/>
    <mergeCell ref="AH219:AJ219"/>
    <mergeCell ref="C218:D218"/>
    <mergeCell ref="E218:T218"/>
    <mergeCell ref="V218:Z218"/>
    <mergeCell ref="AA218:AC218"/>
    <mergeCell ref="AF218:AG218"/>
    <mergeCell ref="AH218:AJ218"/>
    <mergeCell ref="C217:D217"/>
    <mergeCell ref="E217:T217"/>
    <mergeCell ref="V217:Z217"/>
    <mergeCell ref="AA217:AC217"/>
    <mergeCell ref="AF217:AG217"/>
    <mergeCell ref="AH217:AJ217"/>
    <mergeCell ref="C222:D222"/>
    <mergeCell ref="E222:T222"/>
    <mergeCell ref="V222:Z222"/>
    <mergeCell ref="AA222:AC222"/>
    <mergeCell ref="AF222:AG222"/>
    <mergeCell ref="AH222:AJ222"/>
    <mergeCell ref="C221:D221"/>
    <mergeCell ref="E221:T221"/>
    <mergeCell ref="V221:Z221"/>
    <mergeCell ref="AA221:AC221"/>
    <mergeCell ref="AF221:AG221"/>
    <mergeCell ref="AH221:AJ221"/>
    <mergeCell ref="C220:D220"/>
    <mergeCell ref="E220:T220"/>
    <mergeCell ref="V220:Z220"/>
    <mergeCell ref="AA220:AC220"/>
    <mergeCell ref="AF220:AG220"/>
    <mergeCell ref="AH220:AJ220"/>
    <mergeCell ref="C225:D225"/>
    <mergeCell ref="E225:T225"/>
    <mergeCell ref="V225:Z225"/>
    <mergeCell ref="AA225:AC225"/>
    <mergeCell ref="AF225:AG225"/>
    <mergeCell ref="AH225:AJ225"/>
    <mergeCell ref="C224:D224"/>
    <mergeCell ref="E224:T224"/>
    <mergeCell ref="V224:Z224"/>
    <mergeCell ref="AA224:AC224"/>
    <mergeCell ref="AF224:AG224"/>
    <mergeCell ref="AH224:AJ224"/>
    <mergeCell ref="C223:D223"/>
    <mergeCell ref="E223:T223"/>
    <mergeCell ref="V223:Z223"/>
    <mergeCell ref="AA223:AC223"/>
    <mergeCell ref="AF223:AG223"/>
    <mergeCell ref="AH223:AJ223"/>
    <mergeCell ref="C228:D228"/>
    <mergeCell ref="E228:T228"/>
    <mergeCell ref="V228:Z228"/>
    <mergeCell ref="AA228:AC228"/>
    <mergeCell ref="AF228:AG228"/>
    <mergeCell ref="AH228:AJ228"/>
    <mergeCell ref="C227:D227"/>
    <mergeCell ref="E227:T227"/>
    <mergeCell ref="V227:Z227"/>
    <mergeCell ref="AA227:AC227"/>
    <mergeCell ref="AF227:AG227"/>
    <mergeCell ref="AH227:AJ227"/>
    <mergeCell ref="C226:D226"/>
    <mergeCell ref="E226:T226"/>
    <mergeCell ref="V226:Z226"/>
    <mergeCell ref="AA226:AC226"/>
    <mergeCell ref="AF226:AG226"/>
    <mergeCell ref="AH226:AJ226"/>
    <mergeCell ref="C231:D231"/>
    <mergeCell ref="E231:T231"/>
    <mergeCell ref="V231:Z231"/>
    <mergeCell ref="AA231:AC231"/>
    <mergeCell ref="AF231:AG231"/>
    <mergeCell ref="AH231:AJ231"/>
    <mergeCell ref="C230:D230"/>
    <mergeCell ref="E230:T230"/>
    <mergeCell ref="V230:Z230"/>
    <mergeCell ref="AA230:AC230"/>
    <mergeCell ref="AF230:AG230"/>
    <mergeCell ref="AH230:AJ230"/>
    <mergeCell ref="C229:D229"/>
    <mergeCell ref="E229:T229"/>
    <mergeCell ref="V229:Z229"/>
    <mergeCell ref="AA229:AC229"/>
    <mergeCell ref="AF229:AG229"/>
    <mergeCell ref="AH229:AJ229"/>
    <mergeCell ref="C234:D234"/>
    <mergeCell ref="E234:T234"/>
    <mergeCell ref="V234:Z234"/>
    <mergeCell ref="AA234:AC234"/>
    <mergeCell ref="AF234:AG234"/>
    <mergeCell ref="AH234:AJ234"/>
    <mergeCell ref="C233:D233"/>
    <mergeCell ref="E233:T233"/>
    <mergeCell ref="V233:Z233"/>
    <mergeCell ref="AA233:AC233"/>
    <mergeCell ref="AF233:AG233"/>
    <mergeCell ref="AH233:AJ233"/>
    <mergeCell ref="C232:D232"/>
    <mergeCell ref="E232:T232"/>
    <mergeCell ref="V232:Z232"/>
    <mergeCell ref="AA232:AC232"/>
    <mergeCell ref="AF232:AG232"/>
    <mergeCell ref="AH232:AJ232"/>
    <mergeCell ref="C237:D237"/>
    <mergeCell ref="E237:T237"/>
    <mergeCell ref="V237:Z237"/>
    <mergeCell ref="AA237:AC237"/>
    <mergeCell ref="AF237:AG237"/>
    <mergeCell ref="AH237:AJ237"/>
    <mergeCell ref="C236:D236"/>
    <mergeCell ref="E236:T236"/>
    <mergeCell ref="V236:Z236"/>
    <mergeCell ref="AA236:AC236"/>
    <mergeCell ref="AF236:AG236"/>
    <mergeCell ref="AH236:AJ236"/>
    <mergeCell ref="C235:D235"/>
    <mergeCell ref="E235:T235"/>
    <mergeCell ref="V235:Z235"/>
    <mergeCell ref="AA235:AC235"/>
    <mergeCell ref="AF235:AG235"/>
    <mergeCell ref="AH235:AJ235"/>
    <mergeCell ref="AA240:AC240"/>
    <mergeCell ref="AA241:AC241"/>
    <mergeCell ref="C242:D243"/>
    <mergeCell ref="E242:T243"/>
    <mergeCell ref="V242:Z243"/>
    <mergeCell ref="AA242:AC243"/>
    <mergeCell ref="C239:D239"/>
    <mergeCell ref="E239:T239"/>
    <mergeCell ref="V239:Z239"/>
    <mergeCell ref="AA239:AC239"/>
    <mergeCell ref="AF239:AG239"/>
    <mergeCell ref="AH239:AJ239"/>
    <mergeCell ref="C238:D238"/>
    <mergeCell ref="E238:T238"/>
    <mergeCell ref="V238:Z238"/>
    <mergeCell ref="AA238:AC238"/>
    <mergeCell ref="AF238:AG238"/>
    <mergeCell ref="AH238:AJ238"/>
    <mergeCell ref="C246:D246"/>
    <mergeCell ref="E246:T246"/>
    <mergeCell ref="V246:Z246"/>
    <mergeCell ref="AA246:AC246"/>
    <mergeCell ref="AF246:AG246"/>
    <mergeCell ref="AH246:AJ246"/>
    <mergeCell ref="C245:D245"/>
    <mergeCell ref="E245:T245"/>
    <mergeCell ref="V245:Z245"/>
    <mergeCell ref="AA245:AC245"/>
    <mergeCell ref="AF245:AG245"/>
    <mergeCell ref="AH245:AJ245"/>
    <mergeCell ref="AD242:AE243"/>
    <mergeCell ref="AF242:AG243"/>
    <mergeCell ref="AH242:AJ243"/>
    <mergeCell ref="AK242:AK243"/>
    <mergeCell ref="C244:D244"/>
    <mergeCell ref="E244:T244"/>
    <mergeCell ref="V244:Z244"/>
    <mergeCell ref="AA244:AC244"/>
    <mergeCell ref="AF244:AG244"/>
    <mergeCell ref="AH244:AJ244"/>
    <mergeCell ref="C249:D249"/>
    <mergeCell ref="E249:T249"/>
    <mergeCell ref="V249:Z249"/>
    <mergeCell ref="AA249:AC249"/>
    <mergeCell ref="AF249:AG249"/>
    <mergeCell ref="AH249:AJ249"/>
    <mergeCell ref="C248:D248"/>
    <mergeCell ref="E248:T248"/>
    <mergeCell ref="V248:Z248"/>
    <mergeCell ref="AA248:AC248"/>
    <mergeCell ref="AF248:AG248"/>
    <mergeCell ref="AH248:AJ248"/>
    <mergeCell ref="C247:D247"/>
    <mergeCell ref="E247:T247"/>
    <mergeCell ref="V247:Z247"/>
    <mergeCell ref="AA247:AC247"/>
    <mergeCell ref="AF247:AG247"/>
    <mergeCell ref="AH247:AJ247"/>
    <mergeCell ref="C252:D252"/>
    <mergeCell ref="E252:T252"/>
    <mergeCell ref="V252:Z252"/>
    <mergeCell ref="AA252:AC252"/>
    <mergeCell ref="AF252:AG252"/>
    <mergeCell ref="AH252:AJ252"/>
    <mergeCell ref="C251:D251"/>
    <mergeCell ref="E251:T251"/>
    <mergeCell ref="V251:Z251"/>
    <mergeCell ref="AA251:AC251"/>
    <mergeCell ref="AF251:AG251"/>
    <mergeCell ref="AH251:AJ251"/>
    <mergeCell ref="C250:D250"/>
    <mergeCell ref="E250:T250"/>
    <mergeCell ref="V250:Z250"/>
    <mergeCell ref="AA250:AC250"/>
    <mergeCell ref="AF250:AG250"/>
    <mergeCell ref="AH250:AJ250"/>
    <mergeCell ref="C255:D255"/>
    <mergeCell ref="E255:T255"/>
    <mergeCell ref="V255:Z255"/>
    <mergeCell ref="AA255:AC255"/>
    <mergeCell ref="AF255:AG255"/>
    <mergeCell ref="AH255:AJ255"/>
    <mergeCell ref="C254:D254"/>
    <mergeCell ref="E254:T254"/>
    <mergeCell ref="V254:Z254"/>
    <mergeCell ref="AA254:AC254"/>
    <mergeCell ref="AF254:AG254"/>
    <mergeCell ref="AH254:AJ254"/>
    <mergeCell ref="C253:D253"/>
    <mergeCell ref="E253:T253"/>
    <mergeCell ref="V253:Z253"/>
    <mergeCell ref="AA253:AC253"/>
    <mergeCell ref="AF253:AG253"/>
    <mergeCell ref="AH253:AJ253"/>
    <mergeCell ref="C258:D258"/>
    <mergeCell ref="E258:T258"/>
    <mergeCell ref="V258:Z258"/>
    <mergeCell ref="AA258:AC258"/>
    <mergeCell ref="AF258:AG258"/>
    <mergeCell ref="AH258:AJ258"/>
    <mergeCell ref="C257:D257"/>
    <mergeCell ref="E257:T257"/>
    <mergeCell ref="V257:Z257"/>
    <mergeCell ref="AA257:AC257"/>
    <mergeCell ref="AF257:AG257"/>
    <mergeCell ref="AH257:AJ257"/>
    <mergeCell ref="C256:D256"/>
    <mergeCell ref="E256:T256"/>
    <mergeCell ref="V256:Z256"/>
    <mergeCell ref="AA256:AC256"/>
    <mergeCell ref="AF256:AG256"/>
    <mergeCell ref="AH256:AJ256"/>
    <mergeCell ref="C261:D261"/>
    <mergeCell ref="E261:T261"/>
    <mergeCell ref="V261:Z261"/>
    <mergeCell ref="AA261:AC261"/>
    <mergeCell ref="AF261:AG261"/>
    <mergeCell ref="AH261:AJ261"/>
    <mergeCell ref="C260:D260"/>
    <mergeCell ref="E260:T260"/>
    <mergeCell ref="V260:Z260"/>
    <mergeCell ref="AA260:AC260"/>
    <mergeCell ref="AF260:AG260"/>
    <mergeCell ref="AH260:AJ260"/>
    <mergeCell ref="C259:D259"/>
    <mergeCell ref="E259:T259"/>
    <mergeCell ref="V259:Z259"/>
    <mergeCell ref="AA259:AC259"/>
    <mergeCell ref="AF259:AG259"/>
    <mergeCell ref="AH259:AJ259"/>
    <mergeCell ref="C267:D267"/>
    <mergeCell ref="E267:T267"/>
    <mergeCell ref="V267:Z267"/>
    <mergeCell ref="AA267:AC267"/>
    <mergeCell ref="AF267:AG267"/>
    <mergeCell ref="AH267:AJ267"/>
    <mergeCell ref="AD264:AE265"/>
    <mergeCell ref="AF264:AG265"/>
    <mergeCell ref="AH264:AJ265"/>
    <mergeCell ref="AK264:AK265"/>
    <mergeCell ref="C266:D266"/>
    <mergeCell ref="E266:T266"/>
    <mergeCell ref="V266:Z266"/>
    <mergeCell ref="AA266:AC266"/>
    <mergeCell ref="AF266:AG266"/>
    <mergeCell ref="AH266:AJ266"/>
    <mergeCell ref="AA262:AC262"/>
    <mergeCell ref="AA263:AC263"/>
    <mergeCell ref="C264:D265"/>
    <mergeCell ref="E264:T265"/>
    <mergeCell ref="V264:Z265"/>
    <mergeCell ref="AA264:AC265"/>
    <mergeCell ref="C270:D270"/>
    <mergeCell ref="E270:T270"/>
    <mergeCell ref="V270:Z270"/>
    <mergeCell ref="AA270:AC270"/>
    <mergeCell ref="AF270:AG270"/>
    <mergeCell ref="AH270:AJ270"/>
    <mergeCell ref="C269:D269"/>
    <mergeCell ref="E269:T269"/>
    <mergeCell ref="V269:Z269"/>
    <mergeCell ref="AA269:AC269"/>
    <mergeCell ref="AF269:AG269"/>
    <mergeCell ref="AH269:AJ269"/>
    <mergeCell ref="C268:D268"/>
    <mergeCell ref="E268:T268"/>
    <mergeCell ref="V268:Z268"/>
    <mergeCell ref="AA268:AC268"/>
    <mergeCell ref="AF268:AG268"/>
    <mergeCell ref="AH268:AJ268"/>
    <mergeCell ref="C273:D273"/>
    <mergeCell ref="E273:T273"/>
    <mergeCell ref="V273:Z273"/>
    <mergeCell ref="AA273:AC273"/>
    <mergeCell ref="AF273:AG273"/>
    <mergeCell ref="AH273:AJ273"/>
    <mergeCell ref="C272:D272"/>
    <mergeCell ref="E272:T272"/>
    <mergeCell ref="V272:Z272"/>
    <mergeCell ref="AA272:AC272"/>
    <mergeCell ref="AF272:AG272"/>
    <mergeCell ref="AH272:AJ272"/>
    <mergeCell ref="C271:D271"/>
    <mergeCell ref="E271:T271"/>
    <mergeCell ref="V271:Z271"/>
    <mergeCell ref="AA271:AC271"/>
    <mergeCell ref="AF271:AG271"/>
    <mergeCell ref="AH271:AJ271"/>
    <mergeCell ref="C276:D276"/>
    <mergeCell ref="E276:T276"/>
    <mergeCell ref="V276:Z276"/>
    <mergeCell ref="AA276:AC276"/>
    <mergeCell ref="AF276:AG276"/>
    <mergeCell ref="AH276:AJ276"/>
    <mergeCell ref="C275:D275"/>
    <mergeCell ref="E275:T275"/>
    <mergeCell ref="V275:Z275"/>
    <mergeCell ref="AA275:AC275"/>
    <mergeCell ref="AF275:AG275"/>
    <mergeCell ref="AH275:AJ275"/>
    <mergeCell ref="C274:D274"/>
    <mergeCell ref="E274:T274"/>
    <mergeCell ref="V274:Z274"/>
    <mergeCell ref="AA274:AC274"/>
    <mergeCell ref="AF274:AG274"/>
    <mergeCell ref="AH274:AJ274"/>
    <mergeCell ref="C279:D279"/>
    <mergeCell ref="E279:T279"/>
    <mergeCell ref="V279:Z279"/>
    <mergeCell ref="AA279:AC279"/>
    <mergeCell ref="AF279:AG279"/>
    <mergeCell ref="AH279:AJ279"/>
    <mergeCell ref="C278:D278"/>
    <mergeCell ref="E278:T278"/>
    <mergeCell ref="V278:Z278"/>
    <mergeCell ref="AA278:AC278"/>
    <mergeCell ref="AF278:AG278"/>
    <mergeCell ref="AH278:AJ278"/>
    <mergeCell ref="C277:D277"/>
    <mergeCell ref="E277:T277"/>
    <mergeCell ref="V277:Z277"/>
    <mergeCell ref="AA277:AC277"/>
    <mergeCell ref="AF277:AG277"/>
    <mergeCell ref="AH277:AJ277"/>
    <mergeCell ref="AD283:AE284"/>
    <mergeCell ref="AF283:AG284"/>
    <mergeCell ref="AH283:AJ284"/>
    <mergeCell ref="AK283:AK284"/>
    <mergeCell ref="C285:D285"/>
    <mergeCell ref="E285:T285"/>
    <mergeCell ref="V285:Z285"/>
    <mergeCell ref="AA285:AC285"/>
    <mergeCell ref="AF285:AG285"/>
    <mergeCell ref="AH285:AJ285"/>
    <mergeCell ref="AA281:AC281"/>
    <mergeCell ref="AA282:AC282"/>
    <mergeCell ref="C283:D284"/>
    <mergeCell ref="E283:T284"/>
    <mergeCell ref="V283:Z284"/>
    <mergeCell ref="AA283:AC284"/>
    <mergeCell ref="C280:D280"/>
    <mergeCell ref="E280:T280"/>
    <mergeCell ref="V280:Z280"/>
    <mergeCell ref="AA280:AC280"/>
    <mergeCell ref="AF280:AG280"/>
    <mergeCell ref="AH280:AJ280"/>
    <mergeCell ref="C288:D288"/>
    <mergeCell ref="E288:T288"/>
    <mergeCell ref="V288:Z288"/>
    <mergeCell ref="AA288:AC288"/>
    <mergeCell ref="AF288:AG288"/>
    <mergeCell ref="AH288:AJ288"/>
    <mergeCell ref="C287:D287"/>
    <mergeCell ref="E287:T287"/>
    <mergeCell ref="V287:Z287"/>
    <mergeCell ref="AA287:AC287"/>
    <mergeCell ref="AF287:AG287"/>
    <mergeCell ref="AH287:AJ287"/>
    <mergeCell ref="C286:D286"/>
    <mergeCell ref="E286:T286"/>
    <mergeCell ref="V286:Z286"/>
    <mergeCell ref="AA286:AC286"/>
    <mergeCell ref="AF286:AG286"/>
    <mergeCell ref="AH286:AJ286"/>
    <mergeCell ref="C291:D291"/>
    <mergeCell ref="E291:T291"/>
    <mergeCell ref="V291:Z291"/>
    <mergeCell ref="AA291:AC291"/>
    <mergeCell ref="AF291:AG291"/>
    <mergeCell ref="AH291:AJ291"/>
    <mergeCell ref="C290:D290"/>
    <mergeCell ref="E290:T290"/>
    <mergeCell ref="V290:Z290"/>
    <mergeCell ref="AA290:AC290"/>
    <mergeCell ref="AF290:AG290"/>
    <mergeCell ref="AH290:AJ290"/>
    <mergeCell ref="C289:D289"/>
    <mergeCell ref="E289:T289"/>
    <mergeCell ref="V289:Z289"/>
    <mergeCell ref="AA289:AC289"/>
    <mergeCell ref="AF289:AG289"/>
    <mergeCell ref="AH289:AJ289"/>
    <mergeCell ref="C294:D294"/>
    <mergeCell ref="E294:T294"/>
    <mergeCell ref="V294:Z294"/>
    <mergeCell ref="AA294:AC294"/>
    <mergeCell ref="AF294:AG294"/>
    <mergeCell ref="AH294:AJ294"/>
    <mergeCell ref="C293:D293"/>
    <mergeCell ref="E293:T293"/>
    <mergeCell ref="V293:Z293"/>
    <mergeCell ref="AA293:AC293"/>
    <mergeCell ref="AF293:AG293"/>
    <mergeCell ref="AH293:AJ293"/>
    <mergeCell ref="C292:D292"/>
    <mergeCell ref="E292:T292"/>
    <mergeCell ref="V292:Z292"/>
    <mergeCell ref="AA292:AC292"/>
    <mergeCell ref="AF292:AG292"/>
    <mergeCell ref="AH292:AJ292"/>
    <mergeCell ref="AD298:AE299"/>
    <mergeCell ref="AF298:AG299"/>
    <mergeCell ref="AH298:AJ299"/>
    <mergeCell ref="AK298:AK299"/>
    <mergeCell ref="C300:D300"/>
    <mergeCell ref="E300:T300"/>
    <mergeCell ref="V300:Z300"/>
    <mergeCell ref="AA300:AC300"/>
    <mergeCell ref="AF300:AG300"/>
    <mergeCell ref="AH300:AJ300"/>
    <mergeCell ref="AA296:AC296"/>
    <mergeCell ref="AA297:AC297"/>
    <mergeCell ref="C298:D299"/>
    <mergeCell ref="E298:T299"/>
    <mergeCell ref="V298:Z299"/>
    <mergeCell ref="AA298:AC299"/>
    <mergeCell ref="C295:D295"/>
    <mergeCell ref="E295:T295"/>
    <mergeCell ref="V295:Z295"/>
    <mergeCell ref="AA295:AC295"/>
    <mergeCell ref="AF295:AG295"/>
    <mergeCell ref="AH295:AJ295"/>
    <mergeCell ref="C303:D303"/>
    <mergeCell ref="E303:T303"/>
    <mergeCell ref="V303:Z303"/>
    <mergeCell ref="AA303:AC303"/>
    <mergeCell ref="AF303:AG303"/>
    <mergeCell ref="AH303:AJ303"/>
    <mergeCell ref="C302:D302"/>
    <mergeCell ref="E302:T302"/>
    <mergeCell ref="V302:Z302"/>
    <mergeCell ref="AA302:AC302"/>
    <mergeCell ref="AF302:AG302"/>
    <mergeCell ref="AH302:AJ302"/>
    <mergeCell ref="C301:D301"/>
    <mergeCell ref="E301:T301"/>
    <mergeCell ref="V301:Z301"/>
    <mergeCell ref="AA301:AC301"/>
    <mergeCell ref="AF301:AG301"/>
    <mergeCell ref="AH301:AJ301"/>
    <mergeCell ref="C306:D306"/>
    <mergeCell ref="E306:T306"/>
    <mergeCell ref="V306:Z306"/>
    <mergeCell ref="AA306:AC306"/>
    <mergeCell ref="AF306:AG306"/>
    <mergeCell ref="AH306:AJ306"/>
    <mergeCell ref="C305:D305"/>
    <mergeCell ref="E305:T305"/>
    <mergeCell ref="V305:Z305"/>
    <mergeCell ref="AA305:AC305"/>
    <mergeCell ref="AF305:AG305"/>
    <mergeCell ref="AH305:AJ305"/>
    <mergeCell ref="C304:D304"/>
    <mergeCell ref="E304:T304"/>
    <mergeCell ref="V304:Z304"/>
    <mergeCell ref="AA304:AC304"/>
    <mergeCell ref="AF304:AG304"/>
    <mergeCell ref="AH304:AJ304"/>
    <mergeCell ref="AA309:AC309"/>
    <mergeCell ref="AA310:AC310"/>
    <mergeCell ref="C311:D312"/>
    <mergeCell ref="E311:T312"/>
    <mergeCell ref="V311:Z312"/>
    <mergeCell ref="AA311:AC312"/>
    <mergeCell ref="C308:D308"/>
    <mergeCell ref="E308:T308"/>
    <mergeCell ref="V308:Z308"/>
    <mergeCell ref="AA308:AC308"/>
    <mergeCell ref="AF308:AG308"/>
    <mergeCell ref="AH308:AJ308"/>
    <mergeCell ref="C307:D307"/>
    <mergeCell ref="E307:T307"/>
    <mergeCell ref="V307:Z307"/>
    <mergeCell ref="AA307:AC307"/>
    <mergeCell ref="AF307:AG307"/>
    <mergeCell ref="AH307:AJ307"/>
    <mergeCell ref="C315:D315"/>
    <mergeCell ref="E315:T315"/>
    <mergeCell ref="V315:Z315"/>
    <mergeCell ref="AA315:AC315"/>
    <mergeCell ref="AF315:AG315"/>
    <mergeCell ref="AH315:AJ315"/>
    <mergeCell ref="C314:D314"/>
    <mergeCell ref="E314:T314"/>
    <mergeCell ref="V314:Z314"/>
    <mergeCell ref="AA314:AC314"/>
    <mergeCell ref="AF314:AG314"/>
    <mergeCell ref="AH314:AJ314"/>
    <mergeCell ref="AD311:AE312"/>
    <mergeCell ref="AF311:AG312"/>
    <mergeCell ref="AH311:AJ312"/>
    <mergeCell ref="AK311:AK312"/>
    <mergeCell ref="C313:D313"/>
    <mergeCell ref="E313:T313"/>
    <mergeCell ref="V313:Z313"/>
    <mergeCell ref="AA313:AC313"/>
    <mergeCell ref="AF313:AG313"/>
    <mergeCell ref="AH313:AJ313"/>
    <mergeCell ref="C318:D318"/>
    <mergeCell ref="E318:T318"/>
    <mergeCell ref="V318:Z318"/>
    <mergeCell ref="AA318:AC318"/>
    <mergeCell ref="AF318:AG318"/>
    <mergeCell ref="AH318:AJ318"/>
    <mergeCell ref="C317:D317"/>
    <mergeCell ref="E317:T317"/>
    <mergeCell ref="V317:Z317"/>
    <mergeCell ref="AA317:AC317"/>
    <mergeCell ref="AF317:AG317"/>
    <mergeCell ref="AH317:AJ317"/>
    <mergeCell ref="C316:D316"/>
    <mergeCell ref="E316:T316"/>
    <mergeCell ref="V316:Z316"/>
    <mergeCell ref="AA316:AC316"/>
    <mergeCell ref="AF316:AG316"/>
    <mergeCell ref="AH316:AJ316"/>
    <mergeCell ref="C321:D321"/>
    <mergeCell ref="E321:T321"/>
    <mergeCell ref="V321:Z321"/>
    <mergeCell ref="AA321:AC321"/>
    <mergeCell ref="AF321:AG321"/>
    <mergeCell ref="AH321:AJ321"/>
    <mergeCell ref="C320:D320"/>
    <mergeCell ref="E320:T320"/>
    <mergeCell ref="V320:Z320"/>
    <mergeCell ref="AA320:AC320"/>
    <mergeCell ref="AF320:AG320"/>
    <mergeCell ref="AH320:AJ320"/>
    <mergeCell ref="C319:D319"/>
    <mergeCell ref="E319:T319"/>
    <mergeCell ref="V319:Z319"/>
    <mergeCell ref="AA319:AC319"/>
    <mergeCell ref="AF319:AG319"/>
    <mergeCell ref="AH319:AJ319"/>
    <mergeCell ref="C324:D324"/>
    <mergeCell ref="E324:T324"/>
    <mergeCell ref="V324:Z324"/>
    <mergeCell ref="AA324:AC324"/>
    <mergeCell ref="AF324:AG324"/>
    <mergeCell ref="AH324:AJ324"/>
    <mergeCell ref="C323:D323"/>
    <mergeCell ref="E323:T323"/>
    <mergeCell ref="V323:Z323"/>
    <mergeCell ref="AA323:AC323"/>
    <mergeCell ref="AF323:AG323"/>
    <mergeCell ref="AH323:AJ323"/>
    <mergeCell ref="C322:D322"/>
    <mergeCell ref="E322:T322"/>
    <mergeCell ref="V322:Z322"/>
    <mergeCell ref="AA322:AC322"/>
    <mergeCell ref="AF322:AG322"/>
    <mergeCell ref="AH322:AJ322"/>
    <mergeCell ref="C327:D327"/>
    <mergeCell ref="E327:T327"/>
    <mergeCell ref="V327:Z327"/>
    <mergeCell ref="AA327:AC327"/>
    <mergeCell ref="AF327:AG327"/>
    <mergeCell ref="AH327:AJ327"/>
    <mergeCell ref="C326:D326"/>
    <mergeCell ref="E326:T326"/>
    <mergeCell ref="V326:Z326"/>
    <mergeCell ref="AA326:AC326"/>
    <mergeCell ref="AF326:AG326"/>
    <mergeCell ref="AH326:AJ326"/>
    <mergeCell ref="C325:D325"/>
    <mergeCell ref="E325:T325"/>
    <mergeCell ref="V325:Z325"/>
    <mergeCell ref="AA325:AC325"/>
    <mergeCell ref="AF325:AG325"/>
    <mergeCell ref="AH325:AJ325"/>
    <mergeCell ref="C330:D330"/>
    <mergeCell ref="E330:T330"/>
    <mergeCell ref="V330:Z330"/>
    <mergeCell ref="AA330:AC330"/>
    <mergeCell ref="AF330:AG330"/>
    <mergeCell ref="AH330:AJ330"/>
    <mergeCell ref="C329:D329"/>
    <mergeCell ref="E329:T329"/>
    <mergeCell ref="V329:Z329"/>
    <mergeCell ref="AA329:AC329"/>
    <mergeCell ref="AF329:AG329"/>
    <mergeCell ref="AH329:AJ329"/>
    <mergeCell ref="C328:D328"/>
    <mergeCell ref="E328:T328"/>
    <mergeCell ref="V328:Z328"/>
    <mergeCell ref="AA328:AC328"/>
    <mergeCell ref="AF328:AG328"/>
    <mergeCell ref="AH328:AJ328"/>
    <mergeCell ref="C333:D333"/>
    <mergeCell ref="E333:T333"/>
    <mergeCell ref="V333:Z333"/>
    <mergeCell ref="AA333:AC333"/>
    <mergeCell ref="AF333:AG333"/>
    <mergeCell ref="AH333:AJ333"/>
    <mergeCell ref="C332:D332"/>
    <mergeCell ref="E332:T332"/>
    <mergeCell ref="V332:Z332"/>
    <mergeCell ref="AA332:AC332"/>
    <mergeCell ref="AF332:AG332"/>
    <mergeCell ref="AH332:AJ332"/>
    <mergeCell ref="C331:D331"/>
    <mergeCell ref="E331:T331"/>
    <mergeCell ref="V331:Z331"/>
    <mergeCell ref="AA331:AC331"/>
    <mergeCell ref="AF331:AG331"/>
    <mergeCell ref="AH331:AJ331"/>
    <mergeCell ref="C336:D336"/>
    <mergeCell ref="E336:T336"/>
    <mergeCell ref="V336:Z336"/>
    <mergeCell ref="AA336:AC336"/>
    <mergeCell ref="AF336:AG336"/>
    <mergeCell ref="AH336:AJ336"/>
    <mergeCell ref="C335:D335"/>
    <mergeCell ref="E335:T335"/>
    <mergeCell ref="V335:Z335"/>
    <mergeCell ref="AA335:AC335"/>
    <mergeCell ref="AF335:AG335"/>
    <mergeCell ref="AH335:AJ335"/>
    <mergeCell ref="C334:D334"/>
    <mergeCell ref="E334:T334"/>
    <mergeCell ref="V334:Z334"/>
    <mergeCell ref="AA334:AC334"/>
    <mergeCell ref="AF334:AG334"/>
    <mergeCell ref="AH334:AJ334"/>
    <mergeCell ref="C339:D339"/>
    <mergeCell ref="E339:T339"/>
    <mergeCell ref="V339:Z339"/>
    <mergeCell ref="AA339:AC339"/>
    <mergeCell ref="AF339:AG339"/>
    <mergeCell ref="AH339:AJ339"/>
    <mergeCell ref="C338:D338"/>
    <mergeCell ref="E338:T338"/>
    <mergeCell ref="V338:Z338"/>
    <mergeCell ref="AA338:AC338"/>
    <mergeCell ref="AF338:AG338"/>
    <mergeCell ref="AH338:AJ338"/>
    <mergeCell ref="C337:D337"/>
    <mergeCell ref="E337:T337"/>
    <mergeCell ref="V337:Z337"/>
    <mergeCell ref="AA337:AC337"/>
    <mergeCell ref="AF337:AG337"/>
    <mergeCell ref="AH337:AJ337"/>
    <mergeCell ref="C342:D342"/>
    <mergeCell ref="E342:T342"/>
    <mergeCell ref="V342:Z342"/>
    <mergeCell ref="AA342:AC342"/>
    <mergeCell ref="AF342:AG342"/>
    <mergeCell ref="AH342:AJ342"/>
    <mergeCell ref="C341:D341"/>
    <mergeCell ref="E341:T341"/>
    <mergeCell ref="V341:Z341"/>
    <mergeCell ref="AA341:AC341"/>
    <mergeCell ref="AF341:AG341"/>
    <mergeCell ref="AH341:AJ341"/>
    <mergeCell ref="C340:D340"/>
    <mergeCell ref="E340:T340"/>
    <mergeCell ref="V340:Z340"/>
    <mergeCell ref="AA340:AC340"/>
    <mergeCell ref="AF340:AG340"/>
    <mergeCell ref="AH340:AJ340"/>
    <mergeCell ref="C345:D345"/>
    <mergeCell ref="E345:T345"/>
    <mergeCell ref="V345:Z345"/>
    <mergeCell ref="AA345:AC345"/>
    <mergeCell ref="AF345:AG345"/>
    <mergeCell ref="AH345:AJ345"/>
    <mergeCell ref="C344:D344"/>
    <mergeCell ref="E344:T344"/>
    <mergeCell ref="V344:Z344"/>
    <mergeCell ref="AA344:AC344"/>
    <mergeCell ref="AF344:AG344"/>
    <mergeCell ref="AH344:AJ344"/>
    <mergeCell ref="C343:D343"/>
    <mergeCell ref="E343:T343"/>
    <mergeCell ref="V343:Z343"/>
    <mergeCell ref="AA343:AC343"/>
    <mergeCell ref="AF343:AG343"/>
    <mergeCell ref="AH343:AJ343"/>
    <mergeCell ref="C348:D348"/>
    <mergeCell ref="E348:T348"/>
    <mergeCell ref="V348:Z348"/>
    <mergeCell ref="AA348:AC348"/>
    <mergeCell ref="AF348:AG348"/>
    <mergeCell ref="AH348:AJ348"/>
    <mergeCell ref="C347:D347"/>
    <mergeCell ref="E347:T347"/>
    <mergeCell ref="V347:Z347"/>
    <mergeCell ref="AA347:AC347"/>
    <mergeCell ref="AF347:AG347"/>
    <mergeCell ref="AH347:AJ347"/>
    <mergeCell ref="C346:D346"/>
    <mergeCell ref="E346:T346"/>
    <mergeCell ref="V346:Z346"/>
    <mergeCell ref="AA346:AC346"/>
    <mergeCell ref="AF346:AG346"/>
    <mergeCell ref="AH346:AJ346"/>
    <mergeCell ref="C351:D351"/>
    <mergeCell ref="E351:T351"/>
    <mergeCell ref="V351:Z351"/>
    <mergeCell ref="AA351:AC351"/>
    <mergeCell ref="AF351:AG351"/>
    <mergeCell ref="AH351:AJ351"/>
    <mergeCell ref="C350:D350"/>
    <mergeCell ref="E350:T350"/>
    <mergeCell ref="V350:Z350"/>
    <mergeCell ref="AA350:AC350"/>
    <mergeCell ref="AF350:AG350"/>
    <mergeCell ref="AH350:AJ350"/>
    <mergeCell ref="C349:D349"/>
    <mergeCell ref="E349:T349"/>
    <mergeCell ref="V349:Z349"/>
    <mergeCell ref="AA349:AC349"/>
    <mergeCell ref="AF349:AG349"/>
    <mergeCell ref="AH349:AJ349"/>
    <mergeCell ref="C354:D354"/>
    <mergeCell ref="E354:T354"/>
    <mergeCell ref="V354:Z354"/>
    <mergeCell ref="AA354:AC354"/>
    <mergeCell ref="AF354:AG354"/>
    <mergeCell ref="AH354:AJ354"/>
    <mergeCell ref="C353:D353"/>
    <mergeCell ref="E353:T353"/>
    <mergeCell ref="V353:Z353"/>
    <mergeCell ref="AA353:AC353"/>
    <mergeCell ref="AF353:AG353"/>
    <mergeCell ref="AH353:AJ353"/>
    <mergeCell ref="C352:D352"/>
    <mergeCell ref="E352:T352"/>
    <mergeCell ref="V352:Z352"/>
    <mergeCell ref="AA352:AC352"/>
    <mergeCell ref="AF352:AG352"/>
    <mergeCell ref="AH352:AJ352"/>
    <mergeCell ref="C357:D357"/>
    <mergeCell ref="E357:T357"/>
    <mergeCell ref="V357:Z357"/>
    <mergeCell ref="AA357:AC357"/>
    <mergeCell ref="AF357:AG357"/>
    <mergeCell ref="AH357:AJ357"/>
    <mergeCell ref="C356:D356"/>
    <mergeCell ref="E356:T356"/>
    <mergeCell ref="V356:Z356"/>
    <mergeCell ref="AA356:AC356"/>
    <mergeCell ref="AF356:AG356"/>
    <mergeCell ref="AH356:AJ356"/>
    <mergeCell ref="C355:D355"/>
    <mergeCell ref="E355:T355"/>
    <mergeCell ref="V355:Z355"/>
    <mergeCell ref="AA355:AC355"/>
    <mergeCell ref="AF355:AG355"/>
    <mergeCell ref="AH355:AJ355"/>
    <mergeCell ref="C360:D360"/>
    <mergeCell ref="E360:T360"/>
    <mergeCell ref="V360:Z360"/>
    <mergeCell ref="AA360:AC360"/>
    <mergeCell ref="AF360:AG360"/>
    <mergeCell ref="AH360:AJ360"/>
    <mergeCell ref="C359:D359"/>
    <mergeCell ref="E359:T359"/>
    <mergeCell ref="V359:Z359"/>
    <mergeCell ref="AA359:AC359"/>
    <mergeCell ref="AF359:AG359"/>
    <mergeCell ref="AH359:AJ359"/>
    <mergeCell ref="C358:D358"/>
    <mergeCell ref="E358:T358"/>
    <mergeCell ref="V358:Z358"/>
    <mergeCell ref="AA358:AC358"/>
    <mergeCell ref="AF358:AG358"/>
    <mergeCell ref="AH358:AJ358"/>
    <mergeCell ref="C363:D363"/>
    <mergeCell ref="E363:T363"/>
    <mergeCell ref="V363:Z363"/>
    <mergeCell ref="AA363:AC363"/>
    <mergeCell ref="AF363:AG363"/>
    <mergeCell ref="AH363:AJ363"/>
    <mergeCell ref="C362:D362"/>
    <mergeCell ref="E362:T362"/>
    <mergeCell ref="V362:Z362"/>
    <mergeCell ref="AA362:AC362"/>
    <mergeCell ref="AF362:AG362"/>
    <mergeCell ref="AH362:AJ362"/>
    <mergeCell ref="C361:D361"/>
    <mergeCell ref="E361:T361"/>
    <mergeCell ref="V361:Z361"/>
    <mergeCell ref="AA361:AC361"/>
    <mergeCell ref="AF361:AG361"/>
    <mergeCell ref="AH361:AJ361"/>
    <mergeCell ref="C366:D366"/>
    <mergeCell ref="E366:T366"/>
    <mergeCell ref="V366:Z366"/>
    <mergeCell ref="AA366:AC366"/>
    <mergeCell ref="AF366:AG366"/>
    <mergeCell ref="AH366:AJ366"/>
    <mergeCell ref="C365:D365"/>
    <mergeCell ref="E365:T365"/>
    <mergeCell ref="V365:Z365"/>
    <mergeCell ref="AA365:AC365"/>
    <mergeCell ref="AF365:AG365"/>
    <mergeCell ref="AH365:AJ365"/>
    <mergeCell ref="C364:D364"/>
    <mergeCell ref="E364:T364"/>
    <mergeCell ref="V364:Z364"/>
    <mergeCell ref="AA364:AC364"/>
    <mergeCell ref="AF364:AG364"/>
    <mergeCell ref="AH364:AJ364"/>
    <mergeCell ref="C369:D369"/>
    <mergeCell ref="E369:T369"/>
    <mergeCell ref="V369:Z369"/>
    <mergeCell ref="AA369:AC369"/>
    <mergeCell ref="AF369:AG369"/>
    <mergeCell ref="AH369:AJ369"/>
    <mergeCell ref="C368:D368"/>
    <mergeCell ref="E368:T368"/>
    <mergeCell ref="V368:Z368"/>
    <mergeCell ref="AA368:AC368"/>
    <mergeCell ref="AF368:AG368"/>
    <mergeCell ref="AH368:AJ368"/>
    <mergeCell ref="C367:D367"/>
    <mergeCell ref="E367:T367"/>
    <mergeCell ref="V367:Z367"/>
    <mergeCell ref="AA367:AC367"/>
    <mergeCell ref="AF367:AG367"/>
    <mergeCell ref="AH367:AJ367"/>
    <mergeCell ref="C372:D372"/>
    <mergeCell ref="E372:T372"/>
    <mergeCell ref="V372:Z372"/>
    <mergeCell ref="AA372:AC372"/>
    <mergeCell ref="AF372:AG372"/>
    <mergeCell ref="AH372:AJ372"/>
    <mergeCell ref="C371:D371"/>
    <mergeCell ref="E371:T371"/>
    <mergeCell ref="V371:Z371"/>
    <mergeCell ref="AA371:AC371"/>
    <mergeCell ref="AF371:AG371"/>
    <mergeCell ref="AH371:AJ371"/>
    <mergeCell ref="C370:D370"/>
    <mergeCell ref="E370:T370"/>
    <mergeCell ref="V370:Z370"/>
    <mergeCell ref="AA370:AC370"/>
    <mergeCell ref="AF370:AG370"/>
    <mergeCell ref="AH370:AJ370"/>
    <mergeCell ref="C375:D375"/>
    <mergeCell ref="E375:T375"/>
    <mergeCell ref="V375:Z375"/>
    <mergeCell ref="AA375:AC375"/>
    <mergeCell ref="AF375:AG375"/>
    <mergeCell ref="AH375:AJ375"/>
    <mergeCell ref="C374:D374"/>
    <mergeCell ref="E374:T374"/>
    <mergeCell ref="V374:Z374"/>
    <mergeCell ref="AA374:AC374"/>
    <mergeCell ref="AF374:AG374"/>
    <mergeCell ref="AH374:AJ374"/>
    <mergeCell ref="C373:D373"/>
    <mergeCell ref="E373:T373"/>
    <mergeCell ref="V373:Z373"/>
    <mergeCell ref="AA373:AC373"/>
    <mergeCell ref="AF373:AG373"/>
    <mergeCell ref="AH373:AJ373"/>
    <mergeCell ref="C378:D378"/>
    <mergeCell ref="E378:T378"/>
    <mergeCell ref="V378:Z378"/>
    <mergeCell ref="AA378:AC378"/>
    <mergeCell ref="AF378:AG378"/>
    <mergeCell ref="AH378:AJ378"/>
    <mergeCell ref="C377:D377"/>
    <mergeCell ref="E377:T377"/>
    <mergeCell ref="V377:Z377"/>
    <mergeCell ref="AA377:AC377"/>
    <mergeCell ref="AF377:AG377"/>
    <mergeCell ref="AH377:AJ377"/>
    <mergeCell ref="C376:D376"/>
    <mergeCell ref="E376:T376"/>
    <mergeCell ref="V376:Z376"/>
    <mergeCell ref="AA376:AC376"/>
    <mergeCell ref="AF376:AG376"/>
    <mergeCell ref="AH376:AJ376"/>
    <mergeCell ref="C381:D381"/>
    <mergeCell ref="E381:T381"/>
    <mergeCell ref="V381:Z381"/>
    <mergeCell ref="AA381:AC381"/>
    <mergeCell ref="AF381:AG381"/>
    <mergeCell ref="AH381:AJ381"/>
    <mergeCell ref="C380:D380"/>
    <mergeCell ref="E380:T380"/>
    <mergeCell ref="V380:Z380"/>
    <mergeCell ref="AA380:AC380"/>
    <mergeCell ref="AF380:AG380"/>
    <mergeCell ref="AH380:AJ380"/>
    <mergeCell ref="C379:D379"/>
    <mergeCell ref="E379:T379"/>
    <mergeCell ref="V379:Z379"/>
    <mergeCell ref="AA379:AC379"/>
    <mergeCell ref="AF379:AG379"/>
    <mergeCell ref="AH379:AJ379"/>
    <mergeCell ref="C384:D384"/>
    <mergeCell ref="E384:T384"/>
    <mergeCell ref="V384:Z384"/>
    <mergeCell ref="AA384:AC384"/>
    <mergeCell ref="AF384:AG384"/>
    <mergeCell ref="AH384:AJ384"/>
    <mergeCell ref="C383:D383"/>
    <mergeCell ref="E383:T383"/>
    <mergeCell ref="V383:Z383"/>
    <mergeCell ref="AA383:AC383"/>
    <mergeCell ref="AF383:AG383"/>
    <mergeCell ref="AH383:AJ383"/>
    <mergeCell ref="C382:D382"/>
    <mergeCell ref="E382:T382"/>
    <mergeCell ref="V382:Z382"/>
    <mergeCell ref="AA382:AC382"/>
    <mergeCell ref="AF382:AG382"/>
    <mergeCell ref="AH382:AJ382"/>
    <mergeCell ref="C387:D387"/>
    <mergeCell ref="E387:T387"/>
    <mergeCell ref="V387:Z387"/>
    <mergeCell ref="AA387:AC387"/>
    <mergeCell ref="AF387:AG387"/>
    <mergeCell ref="AH387:AJ387"/>
    <mergeCell ref="C386:D386"/>
    <mergeCell ref="E386:T386"/>
    <mergeCell ref="V386:Z386"/>
    <mergeCell ref="AA386:AC386"/>
    <mergeCell ref="AF386:AG386"/>
    <mergeCell ref="AH386:AJ386"/>
    <mergeCell ref="C385:D385"/>
    <mergeCell ref="E385:T385"/>
    <mergeCell ref="V385:Z385"/>
    <mergeCell ref="AA385:AC385"/>
    <mergeCell ref="AF385:AG385"/>
    <mergeCell ref="AH385:AJ385"/>
    <mergeCell ref="C390:D390"/>
    <mergeCell ref="E390:T390"/>
    <mergeCell ref="V390:Z390"/>
    <mergeCell ref="AA390:AC390"/>
    <mergeCell ref="AF390:AG390"/>
    <mergeCell ref="AH390:AJ390"/>
    <mergeCell ref="C389:D389"/>
    <mergeCell ref="E389:T389"/>
    <mergeCell ref="V389:Z389"/>
    <mergeCell ref="AA389:AC389"/>
    <mergeCell ref="AF389:AG389"/>
    <mergeCell ref="AH389:AJ389"/>
    <mergeCell ref="C388:D388"/>
    <mergeCell ref="E388:T388"/>
    <mergeCell ref="V388:Z388"/>
    <mergeCell ref="AA388:AC388"/>
    <mergeCell ref="AF388:AG388"/>
    <mergeCell ref="AH388:AJ388"/>
    <mergeCell ref="C393:D393"/>
    <mergeCell ref="E393:T393"/>
    <mergeCell ref="V393:Z393"/>
    <mergeCell ref="AA393:AC393"/>
    <mergeCell ref="AF393:AG393"/>
    <mergeCell ref="AH393:AJ393"/>
    <mergeCell ref="C392:D392"/>
    <mergeCell ref="E392:T392"/>
    <mergeCell ref="V392:Z392"/>
    <mergeCell ref="AA392:AC392"/>
    <mergeCell ref="AF392:AG392"/>
    <mergeCell ref="AH392:AJ392"/>
    <mergeCell ref="C391:D391"/>
    <mergeCell ref="E391:T391"/>
    <mergeCell ref="V391:Z391"/>
    <mergeCell ref="AA391:AC391"/>
    <mergeCell ref="AF391:AG391"/>
    <mergeCell ref="AH391:AJ391"/>
    <mergeCell ref="C396:D396"/>
    <mergeCell ref="E396:T396"/>
    <mergeCell ref="V396:Z396"/>
    <mergeCell ref="AA396:AC396"/>
    <mergeCell ref="AF396:AG396"/>
    <mergeCell ref="AH396:AJ396"/>
    <mergeCell ref="C395:D395"/>
    <mergeCell ref="E395:T395"/>
    <mergeCell ref="V395:Z395"/>
    <mergeCell ref="AA395:AC395"/>
    <mergeCell ref="AF395:AG395"/>
    <mergeCell ref="AH395:AJ395"/>
    <mergeCell ref="C394:D394"/>
    <mergeCell ref="E394:T394"/>
    <mergeCell ref="V394:Z394"/>
    <mergeCell ref="AA394:AC394"/>
    <mergeCell ref="AF394:AG394"/>
    <mergeCell ref="AH394:AJ394"/>
    <mergeCell ref="C399:D399"/>
    <mergeCell ref="E399:T399"/>
    <mergeCell ref="V399:Z399"/>
    <mergeCell ref="AA399:AC399"/>
    <mergeCell ref="AF399:AG399"/>
    <mergeCell ref="AH399:AJ399"/>
    <mergeCell ref="C398:D398"/>
    <mergeCell ref="E398:T398"/>
    <mergeCell ref="V398:Z398"/>
    <mergeCell ref="AA398:AC398"/>
    <mergeCell ref="AF398:AG398"/>
    <mergeCell ref="AH398:AJ398"/>
    <mergeCell ref="C397:D397"/>
    <mergeCell ref="E397:T397"/>
    <mergeCell ref="V397:Z397"/>
    <mergeCell ref="AA397:AC397"/>
    <mergeCell ref="AF397:AG397"/>
    <mergeCell ref="AH397:AJ397"/>
    <mergeCell ref="C402:D402"/>
    <mergeCell ref="E402:T402"/>
    <mergeCell ref="V402:Z402"/>
    <mergeCell ref="AA402:AC402"/>
    <mergeCell ref="AF402:AG402"/>
    <mergeCell ref="AH402:AJ402"/>
    <mergeCell ref="C401:D401"/>
    <mergeCell ref="E401:T401"/>
    <mergeCell ref="V401:Z401"/>
    <mergeCell ref="AA401:AC401"/>
    <mergeCell ref="AF401:AG401"/>
    <mergeCell ref="AH401:AJ401"/>
    <mergeCell ref="C400:D400"/>
    <mergeCell ref="E400:T400"/>
    <mergeCell ref="V400:Z400"/>
    <mergeCell ref="AA400:AC400"/>
    <mergeCell ref="AF400:AG400"/>
    <mergeCell ref="AH400:AJ400"/>
    <mergeCell ref="C405:D405"/>
    <mergeCell ref="E405:T405"/>
    <mergeCell ref="V405:Z405"/>
    <mergeCell ref="AA405:AC405"/>
    <mergeCell ref="AF405:AG405"/>
    <mergeCell ref="AH405:AJ405"/>
    <mergeCell ref="C404:D404"/>
    <mergeCell ref="E404:T404"/>
    <mergeCell ref="V404:Z404"/>
    <mergeCell ref="AA404:AC404"/>
    <mergeCell ref="AF404:AG404"/>
    <mergeCell ref="AH404:AJ404"/>
    <mergeCell ref="C403:D403"/>
    <mergeCell ref="E403:T403"/>
    <mergeCell ref="V403:Z403"/>
    <mergeCell ref="AA403:AC403"/>
    <mergeCell ref="AF403:AG403"/>
    <mergeCell ref="AH403:AJ403"/>
    <mergeCell ref="C408:D408"/>
    <mergeCell ref="E408:T408"/>
    <mergeCell ref="V408:Z408"/>
    <mergeCell ref="AA408:AC408"/>
    <mergeCell ref="AF408:AG408"/>
    <mergeCell ref="AH408:AJ408"/>
    <mergeCell ref="C407:D407"/>
    <mergeCell ref="E407:T407"/>
    <mergeCell ref="V407:Z407"/>
    <mergeCell ref="AA407:AC407"/>
    <mergeCell ref="AF407:AG407"/>
    <mergeCell ref="AH407:AJ407"/>
    <mergeCell ref="C406:D406"/>
    <mergeCell ref="E406:T406"/>
    <mergeCell ref="V406:Z406"/>
    <mergeCell ref="AA406:AC406"/>
    <mergeCell ref="AF406:AG406"/>
    <mergeCell ref="AH406:AJ406"/>
    <mergeCell ref="C411:D411"/>
    <mergeCell ref="E411:T411"/>
    <mergeCell ref="V411:Z411"/>
    <mergeCell ref="AA411:AC411"/>
    <mergeCell ref="AF411:AG411"/>
    <mergeCell ref="AH411:AJ411"/>
    <mergeCell ref="C410:D410"/>
    <mergeCell ref="E410:T410"/>
    <mergeCell ref="V410:Z410"/>
    <mergeCell ref="AA410:AC410"/>
    <mergeCell ref="AF410:AG410"/>
    <mergeCell ref="AH410:AJ410"/>
    <mergeCell ref="C409:D409"/>
    <mergeCell ref="E409:T409"/>
    <mergeCell ref="V409:Z409"/>
    <mergeCell ref="AA409:AC409"/>
    <mergeCell ref="AF409:AG409"/>
    <mergeCell ref="AH409:AJ409"/>
    <mergeCell ref="C414:D414"/>
    <mergeCell ref="E414:T414"/>
    <mergeCell ref="V414:Z414"/>
    <mergeCell ref="AA414:AC414"/>
    <mergeCell ref="AF414:AG414"/>
    <mergeCell ref="AH414:AJ414"/>
    <mergeCell ref="C413:D413"/>
    <mergeCell ref="E413:T413"/>
    <mergeCell ref="V413:Z413"/>
    <mergeCell ref="AA413:AC413"/>
    <mergeCell ref="AF413:AG413"/>
    <mergeCell ref="AH413:AJ413"/>
    <mergeCell ref="C412:D412"/>
    <mergeCell ref="E412:T412"/>
    <mergeCell ref="V412:Z412"/>
    <mergeCell ref="AA412:AC412"/>
    <mergeCell ref="AF412:AG412"/>
    <mergeCell ref="AH412:AJ412"/>
    <mergeCell ref="C417:D417"/>
    <mergeCell ref="E417:T417"/>
    <mergeCell ref="V417:Z417"/>
    <mergeCell ref="AA417:AC417"/>
    <mergeCell ref="AF417:AG417"/>
    <mergeCell ref="AH417:AJ417"/>
    <mergeCell ref="C416:D416"/>
    <mergeCell ref="E416:T416"/>
    <mergeCell ref="V416:Z416"/>
    <mergeCell ref="AA416:AC416"/>
    <mergeCell ref="AF416:AG416"/>
    <mergeCell ref="AH416:AJ416"/>
    <mergeCell ref="C415:D415"/>
    <mergeCell ref="E415:T415"/>
    <mergeCell ref="V415:Z415"/>
    <mergeCell ref="AA415:AC415"/>
    <mergeCell ref="AF415:AG415"/>
    <mergeCell ref="AH415:AJ415"/>
    <mergeCell ref="C420:D420"/>
    <mergeCell ref="E420:T420"/>
    <mergeCell ref="V420:Z420"/>
    <mergeCell ref="AA420:AC420"/>
    <mergeCell ref="AF420:AG420"/>
    <mergeCell ref="AH420:AJ420"/>
    <mergeCell ref="C419:D419"/>
    <mergeCell ref="E419:T419"/>
    <mergeCell ref="V419:Z419"/>
    <mergeCell ref="AA419:AC419"/>
    <mergeCell ref="AF419:AG419"/>
    <mergeCell ref="AH419:AJ419"/>
    <mergeCell ref="C418:D418"/>
    <mergeCell ref="E418:T418"/>
    <mergeCell ref="V418:Z418"/>
    <mergeCell ref="AA418:AC418"/>
    <mergeCell ref="AF418:AG418"/>
    <mergeCell ref="AH418:AJ418"/>
    <mergeCell ref="C423:D423"/>
    <mergeCell ref="E423:T423"/>
    <mergeCell ref="V423:Z423"/>
    <mergeCell ref="AA423:AC423"/>
    <mergeCell ref="AF423:AG423"/>
    <mergeCell ref="AH423:AJ423"/>
    <mergeCell ref="C422:D422"/>
    <mergeCell ref="E422:T422"/>
    <mergeCell ref="V422:Z422"/>
    <mergeCell ref="AA422:AC422"/>
    <mergeCell ref="AF422:AG422"/>
    <mergeCell ref="AH422:AJ422"/>
    <mergeCell ref="C421:D421"/>
    <mergeCell ref="E421:T421"/>
    <mergeCell ref="V421:Z421"/>
    <mergeCell ref="AA421:AC421"/>
    <mergeCell ref="AF421:AG421"/>
    <mergeCell ref="AH421:AJ421"/>
    <mergeCell ref="C426:D426"/>
    <mergeCell ref="E426:T426"/>
    <mergeCell ref="V426:Z426"/>
    <mergeCell ref="AA426:AC426"/>
    <mergeCell ref="AF426:AG426"/>
    <mergeCell ref="AH426:AJ426"/>
    <mergeCell ref="C425:D425"/>
    <mergeCell ref="E425:T425"/>
    <mergeCell ref="V425:Z425"/>
    <mergeCell ref="AA425:AC425"/>
    <mergeCell ref="AF425:AG425"/>
    <mergeCell ref="AH425:AJ425"/>
    <mergeCell ref="C424:D424"/>
    <mergeCell ref="E424:T424"/>
    <mergeCell ref="V424:Z424"/>
    <mergeCell ref="AA424:AC424"/>
    <mergeCell ref="AF424:AG424"/>
    <mergeCell ref="AH424:AJ424"/>
    <mergeCell ref="C429:D429"/>
    <mergeCell ref="E429:T429"/>
    <mergeCell ref="V429:Z429"/>
    <mergeCell ref="AA429:AC429"/>
    <mergeCell ref="AF429:AG429"/>
    <mergeCell ref="AH429:AJ429"/>
    <mergeCell ref="C428:D428"/>
    <mergeCell ref="E428:T428"/>
    <mergeCell ref="V428:Z428"/>
    <mergeCell ref="AA428:AC428"/>
    <mergeCell ref="AF428:AG428"/>
    <mergeCell ref="AH428:AJ428"/>
    <mergeCell ref="C427:D427"/>
    <mergeCell ref="E427:T427"/>
    <mergeCell ref="V427:Z427"/>
    <mergeCell ref="AA427:AC427"/>
    <mergeCell ref="AF427:AG427"/>
    <mergeCell ref="AH427:AJ427"/>
    <mergeCell ref="C432:D432"/>
    <mergeCell ref="E432:T432"/>
    <mergeCell ref="V432:Z432"/>
    <mergeCell ref="AA432:AC432"/>
    <mergeCell ref="AF432:AG432"/>
    <mergeCell ref="AH432:AJ432"/>
    <mergeCell ref="C431:D431"/>
    <mergeCell ref="E431:T431"/>
    <mergeCell ref="V431:Z431"/>
    <mergeCell ref="AA431:AC431"/>
    <mergeCell ref="AF431:AG431"/>
    <mergeCell ref="AH431:AJ431"/>
    <mergeCell ref="C430:D430"/>
    <mergeCell ref="E430:T430"/>
    <mergeCell ref="V430:Z430"/>
    <mergeCell ref="AA430:AC430"/>
    <mergeCell ref="AF430:AG430"/>
    <mergeCell ref="AH430:AJ430"/>
    <mergeCell ref="C438:D438"/>
    <mergeCell ref="E438:T438"/>
    <mergeCell ref="V438:Z438"/>
    <mergeCell ref="AA438:AC438"/>
    <mergeCell ref="AF438:AG438"/>
    <mergeCell ref="AH438:AJ438"/>
    <mergeCell ref="AD435:AE436"/>
    <mergeCell ref="AF435:AG436"/>
    <mergeCell ref="AH435:AJ436"/>
    <mergeCell ref="AK435:AK436"/>
    <mergeCell ref="C437:D437"/>
    <mergeCell ref="E437:T437"/>
    <mergeCell ref="V437:Z437"/>
    <mergeCell ref="AA437:AC437"/>
    <mergeCell ref="AF437:AG437"/>
    <mergeCell ref="AH437:AJ437"/>
    <mergeCell ref="AA433:AC433"/>
    <mergeCell ref="AA434:AC434"/>
    <mergeCell ref="C435:D436"/>
    <mergeCell ref="E435:T436"/>
    <mergeCell ref="V435:Z436"/>
    <mergeCell ref="AA435:AC436"/>
    <mergeCell ref="C441:D441"/>
    <mergeCell ref="E441:T441"/>
    <mergeCell ref="V441:Z441"/>
    <mergeCell ref="AA441:AC441"/>
    <mergeCell ref="AF441:AG441"/>
    <mergeCell ref="AH441:AJ441"/>
    <mergeCell ref="C440:D440"/>
    <mergeCell ref="E440:T440"/>
    <mergeCell ref="V440:Z440"/>
    <mergeCell ref="AA440:AC440"/>
    <mergeCell ref="AF440:AG440"/>
    <mergeCell ref="AH440:AJ440"/>
    <mergeCell ref="C439:D439"/>
    <mergeCell ref="E439:T439"/>
    <mergeCell ref="V439:Z439"/>
    <mergeCell ref="AA439:AC439"/>
    <mergeCell ref="AF439:AG439"/>
    <mergeCell ref="AH439:AJ439"/>
    <mergeCell ref="C444:D444"/>
    <mergeCell ref="E444:T444"/>
    <mergeCell ref="V444:Z444"/>
    <mergeCell ref="AA444:AC444"/>
    <mergeCell ref="AF444:AG444"/>
    <mergeCell ref="AH444:AJ444"/>
    <mergeCell ref="C443:D443"/>
    <mergeCell ref="E443:T443"/>
    <mergeCell ref="V443:Z443"/>
    <mergeCell ref="AA443:AC443"/>
    <mergeCell ref="AF443:AG443"/>
    <mergeCell ref="AH443:AJ443"/>
    <mergeCell ref="C442:D442"/>
    <mergeCell ref="E442:T442"/>
    <mergeCell ref="V442:Z442"/>
    <mergeCell ref="AA442:AC442"/>
    <mergeCell ref="AF442:AG442"/>
    <mergeCell ref="AH442:AJ442"/>
    <mergeCell ref="C447:D447"/>
    <mergeCell ref="E447:T447"/>
    <mergeCell ref="V447:Z447"/>
    <mergeCell ref="AA447:AC447"/>
    <mergeCell ref="AF447:AG447"/>
    <mergeCell ref="AH447:AJ447"/>
    <mergeCell ref="C446:D446"/>
    <mergeCell ref="E446:T446"/>
    <mergeCell ref="V446:Z446"/>
    <mergeCell ref="AA446:AC446"/>
    <mergeCell ref="AF446:AG446"/>
    <mergeCell ref="AH446:AJ446"/>
    <mergeCell ref="C445:D445"/>
    <mergeCell ref="E445:T445"/>
    <mergeCell ref="V445:Z445"/>
    <mergeCell ref="AA445:AC445"/>
    <mergeCell ref="AF445:AG445"/>
    <mergeCell ref="AH445:AJ445"/>
    <mergeCell ref="C450:D450"/>
    <mergeCell ref="E450:T450"/>
    <mergeCell ref="V450:Z450"/>
    <mergeCell ref="AA450:AC450"/>
    <mergeCell ref="AF450:AG450"/>
    <mergeCell ref="AH450:AJ450"/>
    <mergeCell ref="C449:D449"/>
    <mergeCell ref="E449:T449"/>
    <mergeCell ref="V449:Z449"/>
    <mergeCell ref="AA449:AC449"/>
    <mergeCell ref="AF449:AG449"/>
    <mergeCell ref="AH449:AJ449"/>
    <mergeCell ref="C448:D448"/>
    <mergeCell ref="E448:T448"/>
    <mergeCell ref="V448:Z448"/>
    <mergeCell ref="AA448:AC448"/>
    <mergeCell ref="AF448:AG448"/>
    <mergeCell ref="AH448:AJ448"/>
    <mergeCell ref="C453:D453"/>
    <mergeCell ref="E453:T453"/>
    <mergeCell ref="V453:Z453"/>
    <mergeCell ref="AA453:AC453"/>
    <mergeCell ref="AF453:AG453"/>
    <mergeCell ref="AH453:AJ453"/>
    <mergeCell ref="C452:D452"/>
    <mergeCell ref="E452:T452"/>
    <mergeCell ref="V452:Z452"/>
    <mergeCell ref="AA452:AC452"/>
    <mergeCell ref="AF452:AG452"/>
    <mergeCell ref="AH452:AJ452"/>
    <mergeCell ref="C451:D451"/>
    <mergeCell ref="E451:T451"/>
    <mergeCell ref="V451:Z451"/>
    <mergeCell ref="AA451:AC451"/>
    <mergeCell ref="AF451:AG451"/>
    <mergeCell ref="AH451:AJ451"/>
    <mergeCell ref="C456:D456"/>
    <mergeCell ref="E456:T456"/>
    <mergeCell ref="V456:Z456"/>
    <mergeCell ref="AA456:AC456"/>
    <mergeCell ref="AF456:AG456"/>
    <mergeCell ref="AH456:AJ456"/>
    <mergeCell ref="C455:D455"/>
    <mergeCell ref="E455:T455"/>
    <mergeCell ref="V455:Z455"/>
    <mergeCell ref="AA455:AC455"/>
    <mergeCell ref="AF455:AG455"/>
    <mergeCell ref="AH455:AJ455"/>
    <mergeCell ref="C454:D454"/>
    <mergeCell ref="E454:T454"/>
    <mergeCell ref="V454:Z454"/>
    <mergeCell ref="AA454:AC454"/>
    <mergeCell ref="AF454:AG454"/>
    <mergeCell ref="AH454:AJ454"/>
    <mergeCell ref="AD460:AE461"/>
    <mergeCell ref="AF460:AG461"/>
    <mergeCell ref="AH460:AJ461"/>
    <mergeCell ref="AK460:AK461"/>
    <mergeCell ref="C462:D462"/>
    <mergeCell ref="E462:T462"/>
    <mergeCell ref="V462:Z462"/>
    <mergeCell ref="AA462:AC462"/>
    <mergeCell ref="AF462:AG462"/>
    <mergeCell ref="AH462:AJ462"/>
    <mergeCell ref="AA458:AC458"/>
    <mergeCell ref="AA459:AC459"/>
    <mergeCell ref="C460:D461"/>
    <mergeCell ref="E460:T461"/>
    <mergeCell ref="V460:Z461"/>
    <mergeCell ref="AA460:AC461"/>
    <mergeCell ref="C457:D457"/>
    <mergeCell ref="E457:T457"/>
    <mergeCell ref="V457:Z457"/>
    <mergeCell ref="AA457:AC457"/>
    <mergeCell ref="AF457:AG457"/>
    <mergeCell ref="AH457:AJ457"/>
    <mergeCell ref="C465:D465"/>
    <mergeCell ref="E465:T465"/>
    <mergeCell ref="V465:Z465"/>
    <mergeCell ref="AA465:AC465"/>
    <mergeCell ref="AF465:AG465"/>
    <mergeCell ref="AH465:AJ465"/>
    <mergeCell ref="C464:D464"/>
    <mergeCell ref="E464:T464"/>
    <mergeCell ref="V464:Z464"/>
    <mergeCell ref="AA464:AC464"/>
    <mergeCell ref="AF464:AG464"/>
    <mergeCell ref="AH464:AJ464"/>
    <mergeCell ref="C463:D463"/>
    <mergeCell ref="E463:T463"/>
    <mergeCell ref="V463:Z463"/>
    <mergeCell ref="AA463:AC463"/>
    <mergeCell ref="AF463:AG463"/>
    <mergeCell ref="AH463:AJ463"/>
    <mergeCell ref="C468:D468"/>
    <mergeCell ref="E468:T468"/>
    <mergeCell ref="V468:Z468"/>
    <mergeCell ref="AA468:AC468"/>
    <mergeCell ref="AF468:AG468"/>
    <mergeCell ref="AH468:AJ468"/>
    <mergeCell ref="C467:D467"/>
    <mergeCell ref="E467:T467"/>
    <mergeCell ref="V467:Z467"/>
    <mergeCell ref="AA467:AC467"/>
    <mergeCell ref="AF467:AG467"/>
    <mergeCell ref="AH467:AJ467"/>
    <mergeCell ref="C466:D466"/>
    <mergeCell ref="E466:T466"/>
    <mergeCell ref="V466:Z466"/>
    <mergeCell ref="AA466:AC466"/>
    <mergeCell ref="AF466:AG466"/>
    <mergeCell ref="AH466:AJ466"/>
    <mergeCell ref="C471:D471"/>
    <mergeCell ref="E471:T471"/>
    <mergeCell ref="V471:Z471"/>
    <mergeCell ref="AA471:AC471"/>
    <mergeCell ref="AF471:AG471"/>
    <mergeCell ref="AH471:AJ471"/>
    <mergeCell ref="C470:D470"/>
    <mergeCell ref="E470:T470"/>
    <mergeCell ref="V470:Z470"/>
    <mergeCell ref="AA470:AC470"/>
    <mergeCell ref="AF470:AG470"/>
    <mergeCell ref="AH470:AJ470"/>
    <mergeCell ref="C469:D469"/>
    <mergeCell ref="E469:T469"/>
    <mergeCell ref="V469:Z469"/>
    <mergeCell ref="AA469:AC469"/>
    <mergeCell ref="AF469:AG469"/>
    <mergeCell ref="AH469:AJ469"/>
    <mergeCell ref="C477:D477"/>
    <mergeCell ref="E477:T477"/>
    <mergeCell ref="V477:Z477"/>
    <mergeCell ref="AA477:AC477"/>
    <mergeCell ref="AF477:AG477"/>
    <mergeCell ref="AH477:AJ477"/>
    <mergeCell ref="AD474:AE475"/>
    <mergeCell ref="AF474:AG475"/>
    <mergeCell ref="AH474:AJ475"/>
    <mergeCell ref="AK474:AK475"/>
    <mergeCell ref="C476:D476"/>
    <mergeCell ref="E476:T476"/>
    <mergeCell ref="V476:Z476"/>
    <mergeCell ref="AA476:AC476"/>
    <mergeCell ref="AF476:AG476"/>
    <mergeCell ref="AH476:AJ476"/>
    <mergeCell ref="AA472:AC472"/>
    <mergeCell ref="AA473:AC473"/>
    <mergeCell ref="C474:D475"/>
    <mergeCell ref="E474:T475"/>
    <mergeCell ref="V474:Z475"/>
    <mergeCell ref="AA474:AC475"/>
    <mergeCell ref="C480:D480"/>
    <mergeCell ref="E480:T480"/>
    <mergeCell ref="V480:Z480"/>
    <mergeCell ref="AA480:AC480"/>
    <mergeCell ref="AF480:AG480"/>
    <mergeCell ref="AH480:AJ480"/>
    <mergeCell ref="C479:D479"/>
    <mergeCell ref="E479:T479"/>
    <mergeCell ref="V479:Z479"/>
    <mergeCell ref="AA479:AC479"/>
    <mergeCell ref="AF479:AG479"/>
    <mergeCell ref="AH479:AJ479"/>
    <mergeCell ref="C478:D478"/>
    <mergeCell ref="E478:T478"/>
    <mergeCell ref="V478:Z478"/>
    <mergeCell ref="AA478:AC478"/>
    <mergeCell ref="AF478:AG478"/>
    <mergeCell ref="AH478:AJ478"/>
    <mergeCell ref="C483:D483"/>
    <mergeCell ref="E483:T483"/>
    <mergeCell ref="V483:Z483"/>
    <mergeCell ref="AA483:AC483"/>
    <mergeCell ref="AF483:AG483"/>
    <mergeCell ref="AH483:AJ483"/>
    <mergeCell ref="C482:D482"/>
    <mergeCell ref="E482:T482"/>
    <mergeCell ref="V482:Z482"/>
    <mergeCell ref="AA482:AC482"/>
    <mergeCell ref="AF482:AG482"/>
    <mergeCell ref="AH482:AJ482"/>
    <mergeCell ref="C481:D481"/>
    <mergeCell ref="E481:T481"/>
    <mergeCell ref="V481:Z481"/>
    <mergeCell ref="AA481:AC481"/>
    <mergeCell ref="AF481:AG481"/>
    <mergeCell ref="AH481:AJ481"/>
    <mergeCell ref="C486:D486"/>
    <mergeCell ref="E486:T486"/>
    <mergeCell ref="V486:Z486"/>
    <mergeCell ref="AA486:AC486"/>
    <mergeCell ref="AF486:AG486"/>
    <mergeCell ref="AH486:AJ486"/>
    <mergeCell ref="C485:D485"/>
    <mergeCell ref="E485:T485"/>
    <mergeCell ref="V485:Z485"/>
    <mergeCell ref="AA485:AC485"/>
    <mergeCell ref="AF485:AG485"/>
    <mergeCell ref="AH485:AJ485"/>
    <mergeCell ref="C484:D484"/>
    <mergeCell ref="E484:T484"/>
    <mergeCell ref="V484:Z484"/>
    <mergeCell ref="AA484:AC484"/>
    <mergeCell ref="AF484:AG484"/>
    <mergeCell ref="AH484:AJ484"/>
    <mergeCell ref="C489:D489"/>
    <mergeCell ref="E489:T489"/>
    <mergeCell ref="V489:Z489"/>
    <mergeCell ref="AA489:AC489"/>
    <mergeCell ref="AF489:AG489"/>
    <mergeCell ref="AH489:AJ489"/>
    <mergeCell ref="C488:D488"/>
    <mergeCell ref="E488:T488"/>
    <mergeCell ref="V488:Z488"/>
    <mergeCell ref="AA488:AC488"/>
    <mergeCell ref="AF488:AG488"/>
    <mergeCell ref="AH488:AJ488"/>
    <mergeCell ref="C487:D487"/>
    <mergeCell ref="E487:T487"/>
    <mergeCell ref="V487:Z487"/>
    <mergeCell ref="AA487:AC487"/>
    <mergeCell ref="AF487:AG487"/>
    <mergeCell ref="AH487:AJ487"/>
    <mergeCell ref="C492:D492"/>
    <mergeCell ref="E492:T492"/>
    <mergeCell ref="V492:Z492"/>
    <mergeCell ref="AA492:AC492"/>
    <mergeCell ref="AF492:AG492"/>
    <mergeCell ref="AH492:AJ492"/>
    <mergeCell ref="C491:D491"/>
    <mergeCell ref="E491:T491"/>
    <mergeCell ref="V491:Z491"/>
    <mergeCell ref="AA491:AC491"/>
    <mergeCell ref="AF491:AG491"/>
    <mergeCell ref="AH491:AJ491"/>
    <mergeCell ref="C490:D490"/>
    <mergeCell ref="E490:T490"/>
    <mergeCell ref="V490:Z490"/>
    <mergeCell ref="AA490:AC490"/>
    <mergeCell ref="AF490:AG490"/>
    <mergeCell ref="AH490:AJ490"/>
    <mergeCell ref="C495:D495"/>
    <mergeCell ref="E495:T495"/>
    <mergeCell ref="V495:Z495"/>
    <mergeCell ref="AA495:AC495"/>
    <mergeCell ref="AF495:AG495"/>
    <mergeCell ref="AH495:AJ495"/>
    <mergeCell ref="C494:D494"/>
    <mergeCell ref="E494:T494"/>
    <mergeCell ref="V494:Z494"/>
    <mergeCell ref="AA494:AC494"/>
    <mergeCell ref="AF494:AG494"/>
    <mergeCell ref="AH494:AJ494"/>
    <mergeCell ref="C493:D493"/>
    <mergeCell ref="E493:T493"/>
    <mergeCell ref="V493:Z493"/>
    <mergeCell ref="AA493:AC493"/>
    <mergeCell ref="AF493:AG493"/>
    <mergeCell ref="AH493:AJ493"/>
    <mergeCell ref="C498:D498"/>
    <mergeCell ref="E498:T498"/>
    <mergeCell ref="V498:Z498"/>
    <mergeCell ref="AA498:AC498"/>
    <mergeCell ref="AF498:AG498"/>
    <mergeCell ref="AH498:AJ498"/>
    <mergeCell ref="C497:D497"/>
    <mergeCell ref="E497:T497"/>
    <mergeCell ref="V497:Z497"/>
    <mergeCell ref="AA497:AC497"/>
    <mergeCell ref="AF497:AG497"/>
    <mergeCell ref="AH497:AJ497"/>
    <mergeCell ref="C496:D496"/>
    <mergeCell ref="E496:T496"/>
    <mergeCell ref="V496:Z496"/>
    <mergeCell ref="AA496:AC496"/>
    <mergeCell ref="AF496:AG496"/>
    <mergeCell ref="AH496:AJ496"/>
    <mergeCell ref="C501:D501"/>
    <mergeCell ref="E501:T501"/>
    <mergeCell ref="V501:Z501"/>
    <mergeCell ref="AA501:AC501"/>
    <mergeCell ref="AF501:AG501"/>
    <mergeCell ref="AH501:AJ501"/>
    <mergeCell ref="C500:D500"/>
    <mergeCell ref="E500:T500"/>
    <mergeCell ref="V500:Z500"/>
    <mergeCell ref="AA500:AC500"/>
    <mergeCell ref="AF500:AG500"/>
    <mergeCell ref="AH500:AJ500"/>
    <mergeCell ref="C499:D499"/>
    <mergeCell ref="E499:T499"/>
    <mergeCell ref="V499:Z499"/>
    <mergeCell ref="AA499:AC499"/>
    <mergeCell ref="AF499:AG499"/>
    <mergeCell ref="AH499:AJ499"/>
    <mergeCell ref="C504:D504"/>
    <mergeCell ref="E504:T504"/>
    <mergeCell ref="V504:Z504"/>
    <mergeCell ref="AA504:AC504"/>
    <mergeCell ref="AF504:AG504"/>
    <mergeCell ref="AH504:AJ504"/>
    <mergeCell ref="C503:D503"/>
    <mergeCell ref="E503:T503"/>
    <mergeCell ref="V503:Z503"/>
    <mergeCell ref="AA503:AC503"/>
    <mergeCell ref="AF503:AG503"/>
    <mergeCell ref="AH503:AJ503"/>
    <mergeCell ref="C502:D502"/>
    <mergeCell ref="E502:T502"/>
    <mergeCell ref="V502:Z502"/>
    <mergeCell ref="AA502:AC502"/>
    <mergeCell ref="AF502:AG502"/>
    <mergeCell ref="AH502:AJ502"/>
    <mergeCell ref="C507:D507"/>
    <mergeCell ref="E507:T507"/>
    <mergeCell ref="V507:Z507"/>
    <mergeCell ref="AA507:AC507"/>
    <mergeCell ref="AF507:AG507"/>
    <mergeCell ref="AH507:AJ507"/>
    <mergeCell ref="C506:D506"/>
    <mergeCell ref="E506:T506"/>
    <mergeCell ref="V506:Z506"/>
    <mergeCell ref="AA506:AC506"/>
    <mergeCell ref="AF506:AG506"/>
    <mergeCell ref="AH506:AJ506"/>
    <mergeCell ref="C505:D505"/>
    <mergeCell ref="E505:T505"/>
    <mergeCell ref="V505:Z505"/>
    <mergeCell ref="AA505:AC505"/>
    <mergeCell ref="AF505:AG505"/>
    <mergeCell ref="AH505:AJ505"/>
    <mergeCell ref="C510:D510"/>
    <mergeCell ref="E510:T510"/>
    <mergeCell ref="V510:Z510"/>
    <mergeCell ref="AA510:AC510"/>
    <mergeCell ref="AF510:AG510"/>
    <mergeCell ref="AH510:AJ510"/>
    <mergeCell ref="C509:D509"/>
    <mergeCell ref="E509:T509"/>
    <mergeCell ref="V509:Z509"/>
    <mergeCell ref="AA509:AC509"/>
    <mergeCell ref="AF509:AG509"/>
    <mergeCell ref="AH509:AJ509"/>
    <mergeCell ref="C508:D508"/>
    <mergeCell ref="E508:T508"/>
    <mergeCell ref="V508:Z508"/>
    <mergeCell ref="AA508:AC508"/>
    <mergeCell ref="AF508:AG508"/>
    <mergeCell ref="AH508:AJ508"/>
    <mergeCell ref="C513:D513"/>
    <mergeCell ref="E513:T513"/>
    <mergeCell ref="V513:Z513"/>
    <mergeCell ref="AA513:AC513"/>
    <mergeCell ref="AF513:AG513"/>
    <mergeCell ref="AH513:AJ513"/>
    <mergeCell ref="C512:D512"/>
    <mergeCell ref="E512:T512"/>
    <mergeCell ref="V512:Z512"/>
    <mergeCell ref="AA512:AC512"/>
    <mergeCell ref="AF512:AG512"/>
    <mergeCell ref="AH512:AJ512"/>
    <mergeCell ref="C511:D511"/>
    <mergeCell ref="E511:T511"/>
    <mergeCell ref="V511:Z511"/>
    <mergeCell ref="AA511:AC511"/>
    <mergeCell ref="AF511:AG511"/>
    <mergeCell ref="AH511:AJ511"/>
    <mergeCell ref="AD517:AE518"/>
    <mergeCell ref="AF517:AG518"/>
    <mergeCell ref="AH517:AJ518"/>
    <mergeCell ref="AK517:AK518"/>
    <mergeCell ref="C519:D519"/>
    <mergeCell ref="E519:T519"/>
    <mergeCell ref="V519:Z519"/>
    <mergeCell ref="AA519:AC519"/>
    <mergeCell ref="AF519:AG519"/>
    <mergeCell ref="AH519:AJ519"/>
    <mergeCell ref="AA515:AC515"/>
    <mergeCell ref="AA516:AC516"/>
    <mergeCell ref="C517:D518"/>
    <mergeCell ref="E517:T518"/>
    <mergeCell ref="V517:Z518"/>
    <mergeCell ref="AA517:AC518"/>
    <mergeCell ref="C514:D514"/>
    <mergeCell ref="E514:T514"/>
    <mergeCell ref="V514:Z514"/>
    <mergeCell ref="AA514:AC514"/>
    <mergeCell ref="AF514:AG514"/>
    <mergeCell ref="AH514:AJ514"/>
    <mergeCell ref="C522:D522"/>
    <mergeCell ref="E522:T522"/>
    <mergeCell ref="V522:Z522"/>
    <mergeCell ref="AA522:AC522"/>
    <mergeCell ref="AF522:AG522"/>
    <mergeCell ref="AH522:AJ522"/>
    <mergeCell ref="C521:D521"/>
    <mergeCell ref="E521:T521"/>
    <mergeCell ref="V521:Z521"/>
    <mergeCell ref="AA521:AC521"/>
    <mergeCell ref="AF521:AG521"/>
    <mergeCell ref="AH521:AJ521"/>
    <mergeCell ref="C520:D520"/>
    <mergeCell ref="E520:T520"/>
    <mergeCell ref="V520:Z520"/>
    <mergeCell ref="AA520:AC520"/>
    <mergeCell ref="AF520:AG520"/>
    <mergeCell ref="AH520:AJ520"/>
    <mergeCell ref="C525:D525"/>
    <mergeCell ref="E525:T525"/>
    <mergeCell ref="V525:Z525"/>
    <mergeCell ref="AA525:AC525"/>
    <mergeCell ref="AF525:AG525"/>
    <mergeCell ref="AH525:AJ525"/>
    <mergeCell ref="C524:D524"/>
    <mergeCell ref="E524:T524"/>
    <mergeCell ref="V524:Z524"/>
    <mergeCell ref="AA524:AC524"/>
    <mergeCell ref="AF524:AG524"/>
    <mergeCell ref="AH524:AJ524"/>
    <mergeCell ref="C523:D523"/>
    <mergeCell ref="E523:T523"/>
    <mergeCell ref="V523:Z523"/>
    <mergeCell ref="AA523:AC523"/>
    <mergeCell ref="AF523:AG523"/>
    <mergeCell ref="AH523:AJ523"/>
    <mergeCell ref="C528:D528"/>
    <mergeCell ref="E528:T528"/>
    <mergeCell ref="V528:Z528"/>
    <mergeCell ref="AA528:AC528"/>
    <mergeCell ref="AF528:AG528"/>
    <mergeCell ref="AH528:AJ528"/>
    <mergeCell ref="C527:D527"/>
    <mergeCell ref="E527:T527"/>
    <mergeCell ref="V527:Z527"/>
    <mergeCell ref="AA527:AC527"/>
    <mergeCell ref="AF527:AG527"/>
    <mergeCell ref="AH527:AJ527"/>
    <mergeCell ref="C526:D526"/>
    <mergeCell ref="E526:T526"/>
    <mergeCell ref="V526:Z526"/>
    <mergeCell ref="AA526:AC526"/>
    <mergeCell ref="AF526:AG526"/>
    <mergeCell ref="AH526:AJ526"/>
    <mergeCell ref="C531:D531"/>
    <mergeCell ref="E531:T531"/>
    <mergeCell ref="V531:Z531"/>
    <mergeCell ref="AA531:AC531"/>
    <mergeCell ref="AF531:AG531"/>
    <mergeCell ref="AH531:AJ531"/>
    <mergeCell ref="C530:D530"/>
    <mergeCell ref="E530:T530"/>
    <mergeCell ref="V530:Z530"/>
    <mergeCell ref="AA530:AC530"/>
    <mergeCell ref="AF530:AG530"/>
    <mergeCell ref="AH530:AJ530"/>
    <mergeCell ref="C529:D529"/>
    <mergeCell ref="E529:T529"/>
    <mergeCell ref="V529:Z529"/>
    <mergeCell ref="AA529:AC529"/>
    <mergeCell ref="AF529:AG529"/>
    <mergeCell ref="AH529:AJ529"/>
    <mergeCell ref="C534:D534"/>
    <mergeCell ref="E534:T534"/>
    <mergeCell ref="V534:Z534"/>
    <mergeCell ref="AA534:AC534"/>
    <mergeCell ref="AF534:AG534"/>
    <mergeCell ref="AH534:AJ534"/>
    <mergeCell ref="C533:D533"/>
    <mergeCell ref="E533:T533"/>
    <mergeCell ref="V533:Z533"/>
    <mergeCell ref="AA533:AC533"/>
    <mergeCell ref="AF533:AG533"/>
    <mergeCell ref="AH533:AJ533"/>
    <mergeCell ref="C532:D532"/>
    <mergeCell ref="E532:T532"/>
    <mergeCell ref="V532:Z532"/>
    <mergeCell ref="AA532:AC532"/>
    <mergeCell ref="AF532:AG532"/>
    <mergeCell ref="AH532:AJ532"/>
    <mergeCell ref="C537:D537"/>
    <mergeCell ref="E537:T537"/>
    <mergeCell ref="V537:Z537"/>
    <mergeCell ref="AA537:AC537"/>
    <mergeCell ref="AF537:AG537"/>
    <mergeCell ref="AH537:AJ537"/>
    <mergeCell ref="C536:D536"/>
    <mergeCell ref="E536:T536"/>
    <mergeCell ref="V536:Z536"/>
    <mergeCell ref="AA536:AC536"/>
    <mergeCell ref="AF536:AG536"/>
    <mergeCell ref="AH536:AJ536"/>
    <mergeCell ref="C535:D535"/>
    <mergeCell ref="E535:T535"/>
    <mergeCell ref="V535:Z535"/>
    <mergeCell ref="AA535:AC535"/>
    <mergeCell ref="AF535:AG535"/>
    <mergeCell ref="AH535:AJ535"/>
    <mergeCell ref="C540:D540"/>
    <mergeCell ref="E540:T540"/>
    <mergeCell ref="V540:Z540"/>
    <mergeCell ref="AA540:AC540"/>
    <mergeCell ref="AF540:AG540"/>
    <mergeCell ref="AH540:AJ540"/>
    <mergeCell ref="C539:D539"/>
    <mergeCell ref="E539:T539"/>
    <mergeCell ref="V539:Z539"/>
    <mergeCell ref="AA539:AC539"/>
    <mergeCell ref="AF539:AG539"/>
    <mergeCell ref="AH539:AJ539"/>
    <mergeCell ref="C538:D538"/>
    <mergeCell ref="E538:T538"/>
    <mergeCell ref="V538:Z538"/>
    <mergeCell ref="AA538:AC538"/>
    <mergeCell ref="AF538:AG538"/>
    <mergeCell ref="AH538:AJ538"/>
    <mergeCell ref="C543:D543"/>
    <mergeCell ref="E543:T543"/>
    <mergeCell ref="V543:Z543"/>
    <mergeCell ref="AA543:AC543"/>
    <mergeCell ref="AF543:AG543"/>
    <mergeCell ref="AH543:AJ543"/>
    <mergeCell ref="C542:D542"/>
    <mergeCell ref="E542:T542"/>
    <mergeCell ref="V542:Z542"/>
    <mergeCell ref="AA542:AC542"/>
    <mergeCell ref="AF542:AG542"/>
    <mergeCell ref="AH542:AJ542"/>
    <mergeCell ref="C541:D541"/>
    <mergeCell ref="E541:T541"/>
    <mergeCell ref="V541:Z541"/>
    <mergeCell ref="AA541:AC541"/>
    <mergeCell ref="AF541:AG541"/>
    <mergeCell ref="AH541:AJ541"/>
    <mergeCell ref="C546:D546"/>
    <mergeCell ref="E546:T546"/>
    <mergeCell ref="V546:Z546"/>
    <mergeCell ref="AA546:AC546"/>
    <mergeCell ref="AF546:AG546"/>
    <mergeCell ref="AH546:AJ546"/>
    <mergeCell ref="C545:D545"/>
    <mergeCell ref="E545:T545"/>
    <mergeCell ref="V545:Z545"/>
    <mergeCell ref="AA545:AC545"/>
    <mergeCell ref="AF545:AG545"/>
    <mergeCell ref="AH545:AJ545"/>
    <mergeCell ref="C544:D544"/>
    <mergeCell ref="E544:T544"/>
    <mergeCell ref="V544:Z544"/>
    <mergeCell ref="AA544:AC544"/>
    <mergeCell ref="AF544:AG544"/>
    <mergeCell ref="AH544:AJ544"/>
    <mergeCell ref="C549:D549"/>
    <mergeCell ref="E549:T549"/>
    <mergeCell ref="V549:Z549"/>
    <mergeCell ref="AA549:AC549"/>
    <mergeCell ref="AF549:AG549"/>
    <mergeCell ref="AH549:AJ549"/>
    <mergeCell ref="C548:D548"/>
    <mergeCell ref="E548:T548"/>
    <mergeCell ref="V548:Z548"/>
    <mergeCell ref="AA548:AC548"/>
    <mergeCell ref="AF548:AG548"/>
    <mergeCell ref="AH548:AJ548"/>
    <mergeCell ref="C547:D547"/>
    <mergeCell ref="E547:T547"/>
    <mergeCell ref="V547:Z547"/>
    <mergeCell ref="AA547:AC547"/>
    <mergeCell ref="AF547:AG547"/>
    <mergeCell ref="AH547:AJ547"/>
    <mergeCell ref="C552:D552"/>
    <mergeCell ref="E552:T552"/>
    <mergeCell ref="V552:Z552"/>
    <mergeCell ref="AA552:AC552"/>
    <mergeCell ref="AF552:AG552"/>
    <mergeCell ref="AH552:AJ552"/>
    <mergeCell ref="C551:D551"/>
    <mergeCell ref="E551:T551"/>
    <mergeCell ref="V551:Z551"/>
    <mergeCell ref="AA551:AC551"/>
    <mergeCell ref="AF551:AG551"/>
    <mergeCell ref="AH551:AJ551"/>
    <mergeCell ref="C550:D550"/>
    <mergeCell ref="E550:T550"/>
    <mergeCell ref="V550:Z550"/>
    <mergeCell ref="AA550:AC550"/>
    <mergeCell ref="AF550:AG550"/>
    <mergeCell ref="AH550:AJ550"/>
    <mergeCell ref="C555:D555"/>
    <mergeCell ref="E555:T555"/>
    <mergeCell ref="V555:Z555"/>
    <mergeCell ref="AA555:AC555"/>
    <mergeCell ref="AF555:AG555"/>
    <mergeCell ref="AH555:AJ555"/>
    <mergeCell ref="C554:D554"/>
    <mergeCell ref="E554:T554"/>
    <mergeCell ref="V554:Z554"/>
    <mergeCell ref="AA554:AC554"/>
    <mergeCell ref="AF554:AG554"/>
    <mergeCell ref="AH554:AJ554"/>
    <mergeCell ref="C553:D553"/>
    <mergeCell ref="E553:T553"/>
    <mergeCell ref="V553:Z553"/>
    <mergeCell ref="AA553:AC553"/>
    <mergeCell ref="AF553:AG553"/>
    <mergeCell ref="AH553:AJ553"/>
    <mergeCell ref="AA558:AC558"/>
    <mergeCell ref="AA559:AC559"/>
    <mergeCell ref="C560:D561"/>
    <mergeCell ref="E560:T561"/>
    <mergeCell ref="V560:Z561"/>
    <mergeCell ref="AA560:AC561"/>
    <mergeCell ref="C557:D557"/>
    <mergeCell ref="E557:T557"/>
    <mergeCell ref="V557:Z557"/>
    <mergeCell ref="AA557:AC557"/>
    <mergeCell ref="AF557:AG557"/>
    <mergeCell ref="AH557:AJ557"/>
    <mergeCell ref="C556:D556"/>
    <mergeCell ref="E556:T556"/>
    <mergeCell ref="V556:Z556"/>
    <mergeCell ref="AA556:AC556"/>
    <mergeCell ref="AF556:AG556"/>
    <mergeCell ref="AH556:AJ556"/>
    <mergeCell ref="C564:D564"/>
    <mergeCell ref="E564:T564"/>
    <mergeCell ref="V564:Z564"/>
    <mergeCell ref="AA564:AC564"/>
    <mergeCell ref="AF564:AG564"/>
    <mergeCell ref="AH564:AJ564"/>
    <mergeCell ref="C563:D563"/>
    <mergeCell ref="E563:T563"/>
    <mergeCell ref="V563:Z563"/>
    <mergeCell ref="AA563:AC563"/>
    <mergeCell ref="AF563:AG563"/>
    <mergeCell ref="AH563:AJ563"/>
    <mergeCell ref="AD560:AE561"/>
    <mergeCell ref="AF560:AG561"/>
    <mergeCell ref="AH560:AJ561"/>
    <mergeCell ref="AK560:AK561"/>
    <mergeCell ref="C562:D562"/>
    <mergeCell ref="E562:T562"/>
    <mergeCell ref="V562:Z562"/>
    <mergeCell ref="AA562:AC562"/>
    <mergeCell ref="AF562:AG562"/>
    <mergeCell ref="AH562:AJ562"/>
    <mergeCell ref="C567:D567"/>
    <mergeCell ref="E567:T567"/>
    <mergeCell ref="V567:Z567"/>
    <mergeCell ref="AA567:AC567"/>
    <mergeCell ref="AF567:AG567"/>
    <mergeCell ref="AH567:AJ567"/>
    <mergeCell ref="C566:D566"/>
    <mergeCell ref="E566:T566"/>
    <mergeCell ref="V566:Z566"/>
    <mergeCell ref="AA566:AC566"/>
    <mergeCell ref="AF566:AG566"/>
    <mergeCell ref="AH566:AJ566"/>
    <mergeCell ref="C565:D565"/>
    <mergeCell ref="E565:T565"/>
    <mergeCell ref="V565:Z565"/>
    <mergeCell ref="AA565:AC565"/>
    <mergeCell ref="AF565:AG565"/>
    <mergeCell ref="AH565:AJ565"/>
    <mergeCell ref="C570:D570"/>
    <mergeCell ref="E570:T570"/>
    <mergeCell ref="V570:Z570"/>
    <mergeCell ref="AA570:AC570"/>
    <mergeCell ref="AF570:AG570"/>
    <mergeCell ref="AH570:AJ570"/>
    <mergeCell ref="C569:D569"/>
    <mergeCell ref="E569:T569"/>
    <mergeCell ref="V569:Z569"/>
    <mergeCell ref="AA569:AC569"/>
    <mergeCell ref="AF569:AG569"/>
    <mergeCell ref="AH569:AJ569"/>
    <mergeCell ref="C568:D568"/>
    <mergeCell ref="E568:T568"/>
    <mergeCell ref="V568:Z568"/>
    <mergeCell ref="AA568:AC568"/>
    <mergeCell ref="AF568:AG568"/>
    <mergeCell ref="AH568:AJ568"/>
    <mergeCell ref="C573:D573"/>
    <mergeCell ref="E573:T573"/>
    <mergeCell ref="V573:Z573"/>
    <mergeCell ref="AA573:AC573"/>
    <mergeCell ref="AF573:AG573"/>
    <mergeCell ref="AH573:AJ573"/>
    <mergeCell ref="C572:D572"/>
    <mergeCell ref="E572:T572"/>
    <mergeCell ref="V572:Z572"/>
    <mergeCell ref="AA572:AC572"/>
    <mergeCell ref="AF572:AG572"/>
    <mergeCell ref="AH572:AJ572"/>
    <mergeCell ref="C571:D571"/>
    <mergeCell ref="E571:T571"/>
    <mergeCell ref="V571:Z571"/>
    <mergeCell ref="AA571:AC571"/>
    <mergeCell ref="AF571:AG571"/>
    <mergeCell ref="AH571:AJ571"/>
    <mergeCell ref="C576:D576"/>
    <mergeCell ref="E576:T576"/>
    <mergeCell ref="V576:Z576"/>
    <mergeCell ref="AA576:AC576"/>
    <mergeCell ref="AF576:AG576"/>
    <mergeCell ref="AH576:AJ576"/>
    <mergeCell ref="C575:D575"/>
    <mergeCell ref="E575:T575"/>
    <mergeCell ref="V575:Z575"/>
    <mergeCell ref="AA575:AC575"/>
    <mergeCell ref="AF575:AG575"/>
    <mergeCell ref="AH575:AJ575"/>
    <mergeCell ref="C574:D574"/>
    <mergeCell ref="E574:T574"/>
    <mergeCell ref="V574:Z574"/>
    <mergeCell ref="AA574:AC574"/>
    <mergeCell ref="AF574:AG574"/>
    <mergeCell ref="AH574:AJ574"/>
    <mergeCell ref="C579:D579"/>
    <mergeCell ref="E579:T579"/>
    <mergeCell ref="V579:Z579"/>
    <mergeCell ref="AA579:AC579"/>
    <mergeCell ref="AF579:AG579"/>
    <mergeCell ref="AH579:AJ579"/>
    <mergeCell ref="C578:D578"/>
    <mergeCell ref="E578:T578"/>
    <mergeCell ref="V578:Z578"/>
    <mergeCell ref="AA578:AC578"/>
    <mergeCell ref="AF578:AG578"/>
    <mergeCell ref="AH578:AJ578"/>
    <mergeCell ref="C577:D577"/>
    <mergeCell ref="E577:T577"/>
    <mergeCell ref="V577:Z577"/>
    <mergeCell ref="AA577:AC577"/>
    <mergeCell ref="AF577:AG577"/>
    <mergeCell ref="AH577:AJ577"/>
    <mergeCell ref="C582:D582"/>
    <mergeCell ref="E582:T582"/>
    <mergeCell ref="V582:Z582"/>
    <mergeCell ref="AA582:AC582"/>
    <mergeCell ref="AF582:AG582"/>
    <mergeCell ref="AH582:AJ582"/>
    <mergeCell ref="C581:D581"/>
    <mergeCell ref="E581:T581"/>
    <mergeCell ref="V581:Z581"/>
    <mergeCell ref="AA581:AC581"/>
    <mergeCell ref="AF581:AG581"/>
    <mergeCell ref="AH581:AJ581"/>
    <mergeCell ref="C580:D580"/>
    <mergeCell ref="E580:T580"/>
    <mergeCell ref="V580:Z580"/>
    <mergeCell ref="AA580:AC580"/>
    <mergeCell ref="AF580:AG580"/>
    <mergeCell ref="AH580:AJ580"/>
  </mergeCells>
  <phoneticPr fontId="24"/>
  <conditionalFormatting sqref="AF239:AK239 E227:AK227 C227:D239 C1:AK10 C17:AK23 C11:AJ16 C24:AJ24 C99:AK110 C25:AK32 C240:AK251 C38:AK52 C33:AJ37 C115:AK116 C114:AJ114 C118:AK131 C117:AJ117 C137:AK137 C136:AJ136 C139:AK153 C138:AJ138 C155:AK184 C154:AJ154 C186:AK226 C185:AJ185 C254:AK275 C252:AJ253 C277:AK305 C276:AJ276 C307:AK322 C306:AJ306 C324:AK524 C323:AJ323 C556:AK572 C574:AK579 C581:AK1048576 C580:AJ580 C84:AK84 C85:AJ86 C525:AJ525 C573:AJ573 C87:AK95 C112:AK113 C111:AJ111 C54:AK81 C53:AJ53 C96:AJ97 C133:AK135 C132:AJ132 C82:AJ83">
    <cfRule type="expression" dxfId="83" priority="64">
      <formula>$AN1="□"</formula>
    </cfRule>
  </conditionalFormatting>
  <conditionalFormatting sqref="C98:AJ98">
    <cfRule type="expression" dxfId="82" priority="63">
      <formula>$AN98="□"</formula>
    </cfRule>
  </conditionalFormatting>
  <conditionalFormatting sqref="AF238:AK238">
    <cfRule type="expression" dxfId="81" priority="62">
      <formula>$AN238="□"</formula>
    </cfRule>
  </conditionalFormatting>
  <conditionalFormatting sqref="AF237:AK237">
    <cfRule type="expression" dxfId="80" priority="61">
      <formula>$AN237="□"</formula>
    </cfRule>
  </conditionalFormatting>
  <conditionalFormatting sqref="AF236:AK236">
    <cfRule type="expression" dxfId="79" priority="60">
      <formula>$AN236="□"</formula>
    </cfRule>
  </conditionalFormatting>
  <conditionalFormatting sqref="AF235:AK235">
    <cfRule type="expression" dxfId="78" priority="59">
      <formula>$AN235="□"</formula>
    </cfRule>
  </conditionalFormatting>
  <conditionalFormatting sqref="AF234:AK234">
    <cfRule type="expression" dxfId="77" priority="58">
      <formula>$AN234="□"</formula>
    </cfRule>
  </conditionalFormatting>
  <conditionalFormatting sqref="AF233:AK233">
    <cfRule type="expression" dxfId="76" priority="57">
      <formula>$AN233="□"</formula>
    </cfRule>
  </conditionalFormatting>
  <conditionalFormatting sqref="AF232:AK232">
    <cfRule type="expression" dxfId="75" priority="56">
      <formula>$AN232="□"</formula>
    </cfRule>
  </conditionalFormatting>
  <conditionalFormatting sqref="AF231:AK231">
    <cfRule type="expression" dxfId="74" priority="55">
      <formula>$AN231="□"</formula>
    </cfRule>
  </conditionalFormatting>
  <conditionalFormatting sqref="AF230:AK230">
    <cfRule type="expression" dxfId="73" priority="54">
      <formula>$AN230="□"</formula>
    </cfRule>
  </conditionalFormatting>
  <conditionalFormatting sqref="E229:AK229 E230:AE239">
    <cfRule type="expression" dxfId="72" priority="53">
      <formula>$AN229="□"</formula>
    </cfRule>
  </conditionalFormatting>
  <conditionalFormatting sqref="E228:AK228">
    <cfRule type="expression" dxfId="71" priority="52">
      <formula>$AN228="□"</formula>
    </cfRule>
  </conditionalFormatting>
  <conditionalFormatting sqref="AK11:AK16">
    <cfRule type="expression" dxfId="70" priority="51">
      <formula>$AN11="□"</formula>
    </cfRule>
  </conditionalFormatting>
  <conditionalFormatting sqref="AK24">
    <cfRule type="expression" dxfId="69" priority="50">
      <formula>$AN24="□"</formula>
    </cfRule>
  </conditionalFormatting>
  <conditionalFormatting sqref="AK33:AK37">
    <cfRule type="expression" dxfId="68" priority="32">
      <formula>$AN33="□"</formula>
    </cfRule>
  </conditionalFormatting>
  <conditionalFormatting sqref="AK83">
    <cfRule type="expression" dxfId="67" priority="31">
      <formula>$AN83="□"</formula>
    </cfRule>
  </conditionalFormatting>
  <conditionalFormatting sqref="AK86">
    <cfRule type="expression" dxfId="66" priority="30">
      <formula>$AN86="□"</formula>
    </cfRule>
  </conditionalFormatting>
  <conditionalFormatting sqref="AK85">
    <cfRule type="expression" dxfId="65" priority="29">
      <formula>$AN85="□"</formula>
    </cfRule>
  </conditionalFormatting>
  <conditionalFormatting sqref="AK114">
    <cfRule type="expression" dxfId="64" priority="28">
      <formula>$AN114="□"</formula>
    </cfRule>
  </conditionalFormatting>
  <conditionalFormatting sqref="AK117">
    <cfRule type="expression" dxfId="63" priority="27">
      <formula>$AN117="□"</formula>
    </cfRule>
  </conditionalFormatting>
  <conditionalFormatting sqref="AK136">
    <cfRule type="expression" dxfId="62" priority="26">
      <formula>$AN136="□"</formula>
    </cfRule>
  </conditionalFormatting>
  <conditionalFormatting sqref="AK138">
    <cfRule type="expression" dxfId="61" priority="25">
      <formula>$AN138="□"</formula>
    </cfRule>
  </conditionalFormatting>
  <conditionalFormatting sqref="AK185">
    <cfRule type="expression" dxfId="60" priority="24">
      <formula>$AN185="□"</formula>
    </cfRule>
  </conditionalFormatting>
  <conditionalFormatting sqref="AK154">
    <cfRule type="expression" dxfId="59" priority="23">
      <formula>$AN154="□"</formula>
    </cfRule>
  </conditionalFormatting>
  <conditionalFormatting sqref="AK252:AK253">
    <cfRule type="expression" dxfId="58" priority="22">
      <formula>$AN252="□"</formula>
    </cfRule>
  </conditionalFormatting>
  <conditionalFormatting sqref="AK276">
    <cfRule type="expression" dxfId="57" priority="21">
      <formula>$AN276="□"</formula>
    </cfRule>
  </conditionalFormatting>
  <conditionalFormatting sqref="AK306">
    <cfRule type="expression" dxfId="56" priority="20">
      <formula>$AN306="□"</formula>
    </cfRule>
  </conditionalFormatting>
  <conditionalFormatting sqref="AK323">
    <cfRule type="expression" dxfId="55" priority="19">
      <formula>$AN323="□"</formula>
    </cfRule>
  </conditionalFormatting>
  <conditionalFormatting sqref="AK525:AK555">
    <cfRule type="expression" dxfId="54" priority="18">
      <formula>$AN525="□"</formula>
    </cfRule>
  </conditionalFormatting>
  <conditionalFormatting sqref="C526:AJ555">
    <cfRule type="expression" dxfId="53" priority="17">
      <formula>$AN526="□"</formula>
    </cfRule>
  </conditionalFormatting>
  <conditionalFormatting sqref="AK526:AK555">
    <cfRule type="expression" dxfId="52" priority="16">
      <formula>$AN526="□"</formula>
    </cfRule>
  </conditionalFormatting>
  <conditionalFormatting sqref="AK573">
    <cfRule type="expression" dxfId="51" priority="11">
      <formula>$AN573="□"</formula>
    </cfRule>
  </conditionalFormatting>
  <conditionalFormatting sqref="AK573">
    <cfRule type="expression" dxfId="50" priority="10">
      <formula>$AN573="□"</formula>
    </cfRule>
  </conditionalFormatting>
  <conditionalFormatting sqref="AK580">
    <cfRule type="expression" dxfId="49" priority="9">
      <formula>$AN580="□"</formula>
    </cfRule>
  </conditionalFormatting>
  <conditionalFormatting sqref="AK580">
    <cfRule type="expression" dxfId="48" priority="8">
      <formula>$AN580="□"</formula>
    </cfRule>
  </conditionalFormatting>
  <conditionalFormatting sqref="AK111">
    <cfRule type="expression" dxfId="47" priority="7">
      <formula>$AN111="□"</formula>
    </cfRule>
  </conditionalFormatting>
  <conditionalFormatting sqref="AK53">
    <cfRule type="expression" dxfId="46" priority="6">
      <formula>$AN53="□"</formula>
    </cfRule>
  </conditionalFormatting>
  <conditionalFormatting sqref="AK96">
    <cfRule type="expression" dxfId="45" priority="5">
      <formula>$AN96="□"</formula>
    </cfRule>
  </conditionalFormatting>
  <conditionalFormatting sqref="AK97">
    <cfRule type="expression" dxfId="44" priority="4">
      <formula>$AN97="□"</formula>
    </cfRule>
  </conditionalFormatting>
  <conditionalFormatting sqref="AK98">
    <cfRule type="expression" dxfId="43" priority="3">
      <formula>$AN98="□"</formula>
    </cfRule>
  </conditionalFormatting>
  <conditionalFormatting sqref="AK132">
    <cfRule type="expression" dxfId="42" priority="2">
      <formula>$AN132="□"</formula>
    </cfRule>
  </conditionalFormatting>
  <conditionalFormatting sqref="AK82">
    <cfRule type="expression" dxfId="41" priority="1">
      <formula>$AN82="□"</formula>
    </cfRule>
  </conditionalFormatting>
  <dataValidations count="10">
    <dataValidation type="list" allowBlank="1" showInputMessage="1" showErrorMessage="1" sqref="I6:J6 S6" xr:uid="{85D17838-F269-4EA0-9F5A-AAE37830BA7C}">
      <formula1>"09,10,11,12,13,14,15,16,17,18,19,20,21,22,23,24,25,26,27,28,29,30"</formula1>
    </dataValidation>
    <dataValidation type="list" allowBlank="1" showInputMessage="1" showErrorMessage="1" sqref="G12:S12 G16:S16 G14:S14" xr:uid="{66E46245-1E2D-4718-B932-275AC6CAE9A5}">
      <formula1>$G$599:$G$614</formula1>
    </dataValidation>
    <dataValidation type="list" allowBlank="1" showInputMessage="1" showErrorMessage="1" sqref="G8:M8" xr:uid="{F54D784E-34E6-4690-8C69-C2BA8E4C0EED}">
      <formula1>$C$599:$C$600</formula1>
    </dataValidation>
    <dataValidation type="list" allowBlank="1" showInputMessage="1" showErrorMessage="1" sqref="G4:N4" xr:uid="{4EE8B141-8D06-44F8-91E7-251AA2B6D673}">
      <formula1>$B$599:$B$601</formula1>
    </dataValidation>
    <dataValidation type="list" allowBlank="1" showInputMessage="1" showErrorMessage="1" sqref="R10:V10" xr:uid="{BD99C379-9DF5-4601-B97A-C46A52601CC9}">
      <formula1>$F$599:$F$602</formula1>
    </dataValidation>
    <dataValidation type="list" allowBlank="1" showInputMessage="1" showErrorMessage="1" sqref="AH300:AH308 AH63:AH99 AH266:AH280 AH244:AH261 AH285:AH295 AH146:AH163 AH127:AH141 AH104:AH122 AH562:AH582 AH44:AH58 AH313:AH432 AH27:AH39 AH437:AH457 AH462:AH471 AH476:AH514 AH519:AH557 AH168:AH239" xr:uid="{295484B6-3A0D-4554-B2DD-64AA0891DCA6}">
      <formula1>$D$599:$D$604</formula1>
    </dataValidation>
    <dataValidation type="list" allowBlank="1" showInputMessage="1" showErrorMessage="1" sqref="AF27:AF39 AF44:AF58 AF104:AF122 AF462:AF471 AF285:AF295 AF138 AF146:AF163 AF168:AF239 AF244:AF261 AF266:AF280 AF300:AF308 AF63:AF99 AF313:AF432 AF437:AF457 AF476:AF514 AF127:AG128 AF129 AF130:AG135 AF136 AF137:AG137 AF139:AG141 AF519:AF557 AF562:AF582" xr:uid="{EEB39612-0744-4E5E-A5B4-64E4E94A7491}">
      <formula1>"○,×"</formula1>
    </dataValidation>
    <dataValidation type="list" allowBlank="1" showInputMessage="1" showErrorMessage="1" sqref="L6:M6 W6:X6" xr:uid="{2C2FEA50-4AEC-422A-B7E5-86D0EEFA09A9}">
      <formula1>"1,2,3,4,5,6,7,8,9,10,11,12"</formula1>
    </dataValidation>
    <dataValidation type="list" allowBlank="1" showInputMessage="1" showErrorMessage="1" sqref="G10:M10" xr:uid="{5E0D5E71-5EC2-4620-BFA3-BFCC573E00DC}">
      <formula1>"する,しない"</formula1>
    </dataValidation>
    <dataValidation type="list" allowBlank="1" showInputMessage="1" showErrorMessage="1" sqref="G19:G22 J19:J21 P19:P21 M19:M21 S19:S21 W20" xr:uid="{4CE796FB-85F7-4E5F-8471-5B4C5FA90350}">
      <formula1>"□,■"</formula1>
    </dataValidation>
  </dataValidations>
  <pageMargins left="0.25" right="0.25" top="0.75" bottom="0.75" header="0.3" footer="0.3"/>
  <pageSetup paperSize="9" scale="77" fitToHeight="0" orientation="landscape" r:id="rId1"/>
  <headerFooter alignWithMargins="0">
    <oddFooter>&amp;C&amp;P</oddFooter>
  </headerFooter>
  <rowBreaks count="15" manualBreakCount="15">
    <brk id="40" min="1" max="37" man="1"/>
    <brk id="59" max="16383" man="1"/>
    <brk id="100" min="1" max="37" man="1"/>
    <brk id="142" min="1" max="37" man="1"/>
    <brk id="164" min="1" max="37" man="1"/>
    <brk id="202" min="1" max="37" man="1"/>
    <brk id="240" min="1" max="37" man="1"/>
    <brk id="281" min="1" max="37" man="1"/>
    <brk id="309" min="1" max="37" man="1"/>
    <brk id="352" min="1" max="37" man="1"/>
    <brk id="392" min="1" max="37" man="1"/>
    <brk id="433" min="1" max="37" man="1"/>
    <brk id="472" min="1" max="37" man="1"/>
    <brk id="515" min="1" max="37" man="1"/>
    <brk id="558" min="1" max="37" man="1"/>
  </rowBreaks>
  <legacy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369D62-AC97-42FE-9F17-E41A760733D2}">
  <sheetPr codeName="Sheet6">
    <pageSetUpPr fitToPage="1"/>
  </sheetPr>
  <dimension ref="A1:AI196"/>
  <sheetViews>
    <sheetView showGridLines="0" view="pageBreakPreview" zoomScaleNormal="100" zoomScaleSheetLayoutView="100" workbookViewId="0"/>
  </sheetViews>
  <sheetFormatPr defaultColWidth="9" defaultRowHeight="13"/>
  <cols>
    <col min="1" max="1" width="2.90625" style="16" customWidth="1"/>
    <col min="2" max="2" width="3" style="16" customWidth="1"/>
    <col min="3" max="3" width="2.6328125" style="16" customWidth="1"/>
    <col min="4" max="4" width="3" style="16" customWidth="1"/>
    <col min="5" max="16" width="2.6328125" style="16" customWidth="1"/>
    <col min="17" max="17" width="2.90625" style="16" customWidth="1"/>
    <col min="18" max="18" width="3.90625" style="16" bestFit="1" customWidth="1"/>
    <col min="19" max="19" width="2.6328125" style="16" customWidth="1"/>
    <col min="20" max="20" width="3.36328125" style="16" customWidth="1"/>
    <col min="21" max="21" width="8.90625" style="26" hidden="1" customWidth="1"/>
    <col min="22" max="22" width="11" style="16" customWidth="1"/>
    <col min="23" max="23" width="2.6328125" style="16" customWidth="1"/>
    <col min="24" max="24" width="8.08984375" style="16" bestFit="1" customWidth="1"/>
    <col min="25" max="25" width="4.453125" style="16" customWidth="1"/>
    <col min="26" max="28" width="2.6328125" style="16" customWidth="1"/>
    <col min="29" max="29" width="5.90625" style="16" customWidth="1"/>
    <col min="30" max="31" width="2.6328125" style="16" customWidth="1"/>
    <col min="32" max="32" width="81.453125" style="34" bestFit="1" customWidth="1"/>
    <col min="33" max="33" width="4.36328125" style="3" customWidth="1"/>
    <col min="34" max="34" width="9" style="3" customWidth="1"/>
    <col min="35" max="35" width="3.90625" style="3" hidden="1" customWidth="1"/>
    <col min="36" max="16384" width="9" style="3"/>
  </cols>
  <sheetData>
    <row r="1" spans="1:33" customFormat="1" ht="39" customHeight="1">
      <c r="A1" s="79"/>
      <c r="B1" s="80" t="s">
        <v>337</v>
      </c>
      <c r="C1" s="80"/>
      <c r="D1" s="80"/>
      <c r="E1" s="80"/>
      <c r="F1" s="80"/>
      <c r="G1" s="80"/>
      <c r="H1" s="80"/>
      <c r="I1" s="80"/>
      <c r="J1" s="80"/>
      <c r="K1" s="80"/>
      <c r="L1" s="80"/>
      <c r="M1" s="80"/>
      <c r="N1" s="80"/>
      <c r="O1" s="80"/>
      <c r="P1" s="80"/>
      <c r="Q1" s="80"/>
      <c r="R1" s="80"/>
      <c r="S1" s="80"/>
      <c r="T1" s="80"/>
      <c r="U1" s="217"/>
      <c r="V1" s="81"/>
      <c r="W1" s="80"/>
      <c r="X1" s="80"/>
      <c r="Y1" s="80"/>
      <c r="Z1" s="80"/>
      <c r="AA1" s="80"/>
      <c r="AB1" s="80"/>
      <c r="AC1" s="80"/>
      <c r="AD1" s="80"/>
      <c r="AE1" s="80"/>
      <c r="AF1" s="270"/>
      <c r="AG1" s="82"/>
    </row>
    <row r="2" spans="1:33" s="1" customFormat="1" ht="24.75" customHeight="1">
      <c r="A2" s="83"/>
      <c r="B2" s="84"/>
      <c r="C2" s="85" t="s">
        <v>1792</v>
      </c>
      <c r="D2" s="85"/>
      <c r="E2" s="86"/>
      <c r="F2" s="86"/>
      <c r="G2" s="86"/>
      <c r="H2" s="86"/>
      <c r="I2" s="86"/>
      <c r="J2" s="86"/>
      <c r="K2" s="86"/>
      <c r="L2" s="86"/>
      <c r="M2" s="86"/>
      <c r="N2" s="86"/>
      <c r="O2" s="86"/>
      <c r="P2" s="86"/>
      <c r="Q2" s="86"/>
      <c r="R2" s="86"/>
      <c r="S2" s="86"/>
      <c r="T2" s="86"/>
      <c r="U2" s="86"/>
      <c r="V2" s="86"/>
      <c r="W2" s="86"/>
      <c r="X2" s="86"/>
      <c r="Y2" s="86"/>
      <c r="Z2" s="86"/>
      <c r="AA2" s="86"/>
      <c r="AB2" s="86"/>
      <c r="AC2" s="86"/>
      <c r="AD2" s="86"/>
      <c r="AE2" s="86"/>
      <c r="AF2" s="271"/>
      <c r="AG2" s="87"/>
    </row>
    <row r="3" spans="1:33" customFormat="1">
      <c r="A3" s="88"/>
      <c r="B3" s="104"/>
      <c r="AF3" s="272"/>
      <c r="AG3" s="101"/>
    </row>
    <row r="4" spans="1:33" s="1" customFormat="1" ht="13.5" customHeight="1">
      <c r="A4" s="6"/>
      <c r="B4" s="8"/>
      <c r="C4" s="7" t="s">
        <v>339</v>
      </c>
      <c r="D4" s="8"/>
      <c r="E4" s="9"/>
      <c r="F4" s="9"/>
      <c r="G4" s="612" t="s">
        <v>340</v>
      </c>
      <c r="H4" s="613"/>
      <c r="I4" s="613"/>
      <c r="J4" s="613"/>
      <c r="K4" s="613"/>
      <c r="L4" s="613"/>
      <c r="M4" s="613"/>
      <c r="N4" s="614"/>
      <c r="O4" s="110"/>
      <c r="P4" s="9"/>
      <c r="Q4" s="9"/>
      <c r="R4" s="9"/>
      <c r="S4" s="9"/>
      <c r="T4" s="9"/>
      <c r="U4" s="9"/>
      <c r="V4" s="9"/>
      <c r="W4" s="9"/>
      <c r="X4" s="9"/>
      <c r="Y4" s="9"/>
      <c r="Z4" s="9"/>
      <c r="AA4" s="9"/>
      <c r="AB4" s="9"/>
      <c r="AC4" s="9"/>
      <c r="AD4" s="9"/>
      <c r="AE4" s="8"/>
      <c r="AF4" s="115"/>
      <c r="AG4" s="10"/>
    </row>
    <row r="5" spans="1:33" s="1" customFormat="1" ht="13.5" customHeight="1">
      <c r="A5" s="6"/>
      <c r="B5" s="8"/>
      <c r="C5" s="8"/>
      <c r="D5" s="8"/>
      <c r="E5" s="9"/>
      <c r="F5" s="9"/>
      <c r="G5" s="9"/>
      <c r="H5" s="9"/>
      <c r="I5" s="9"/>
      <c r="J5" s="9"/>
      <c r="K5" s="9"/>
      <c r="L5" s="9"/>
      <c r="M5" s="9"/>
      <c r="N5" s="9"/>
      <c r="O5" s="9"/>
      <c r="P5" s="9"/>
      <c r="Q5" s="9"/>
      <c r="R5" s="9"/>
      <c r="S5" s="9"/>
      <c r="T5" s="9"/>
      <c r="U5" s="9"/>
      <c r="V5" s="9"/>
      <c r="W5" s="9"/>
      <c r="X5" s="9"/>
      <c r="Y5" s="9"/>
      <c r="Z5" s="9"/>
      <c r="AA5" s="9"/>
      <c r="AB5" s="9"/>
      <c r="AC5" s="9"/>
      <c r="AD5" s="9"/>
      <c r="AE5" s="8"/>
      <c r="AF5" s="115"/>
      <c r="AG5" s="10"/>
    </row>
    <row r="6" spans="1:33" s="9" customFormat="1">
      <c r="A6" s="90"/>
      <c r="C6" s="91" t="s">
        <v>341</v>
      </c>
      <c r="D6" s="91"/>
      <c r="E6" s="91"/>
      <c r="F6" s="91"/>
      <c r="G6" s="615">
        <v>20</v>
      </c>
      <c r="H6" s="615"/>
      <c r="I6" s="604"/>
      <c r="J6" s="605"/>
      <c r="K6" s="706" t="s">
        <v>1793</v>
      </c>
      <c r="L6" s="703"/>
      <c r="M6" s="703"/>
      <c r="N6" s="91"/>
      <c r="O6" s="616" t="s">
        <v>344</v>
      </c>
      <c r="P6" s="616"/>
      <c r="R6" s="376">
        <v>20</v>
      </c>
      <c r="S6" s="604"/>
      <c r="T6" s="605"/>
      <c r="V6" s="703" t="s">
        <v>1793</v>
      </c>
      <c r="W6" s="703"/>
      <c r="X6" s="704"/>
      <c r="Y6" s="705"/>
      <c r="Z6" s="91"/>
      <c r="AA6" s="91"/>
      <c r="AF6" s="113"/>
      <c r="AG6" s="105"/>
    </row>
    <row r="7" spans="1:33" s="1" customFormat="1">
      <c r="A7" s="2"/>
      <c r="C7" s="7"/>
      <c r="D7" s="7"/>
      <c r="E7" s="7"/>
      <c r="F7" s="7"/>
      <c r="G7" s="78"/>
      <c r="H7" s="78"/>
      <c r="I7" s="78"/>
      <c r="J7" s="110"/>
      <c r="K7" s="110"/>
      <c r="L7" s="7"/>
      <c r="M7" s="110"/>
      <c r="N7" s="110"/>
      <c r="O7" s="110"/>
      <c r="P7" s="7"/>
      <c r="R7" s="110"/>
      <c r="S7" s="110"/>
      <c r="T7" s="78"/>
      <c r="U7" s="78"/>
      <c r="V7" s="110"/>
      <c r="W7" s="110"/>
      <c r="X7" s="110"/>
      <c r="Y7" s="7"/>
      <c r="Z7" s="110"/>
      <c r="AA7" s="110"/>
      <c r="AB7" s="110"/>
      <c r="AC7" s="7"/>
      <c r="AE7" s="7"/>
      <c r="AF7" s="34"/>
      <c r="AG7" s="10"/>
    </row>
    <row r="8" spans="1:33" s="95" customFormat="1">
      <c r="A8" s="93"/>
      <c r="C8" s="7" t="s">
        <v>41</v>
      </c>
      <c r="D8" s="94"/>
      <c r="E8" s="94"/>
      <c r="F8" s="94"/>
      <c r="G8" s="609"/>
      <c r="H8" s="610"/>
      <c r="I8" s="610"/>
      <c r="J8" s="610"/>
      <c r="K8" s="610"/>
      <c r="L8" s="610"/>
      <c r="M8" s="611"/>
      <c r="N8" s="1"/>
      <c r="O8" s="7" t="s">
        <v>947</v>
      </c>
      <c r="P8" s="1"/>
      <c r="Q8" s="1"/>
      <c r="R8" s="609"/>
      <c r="S8" s="610"/>
      <c r="T8" s="610"/>
      <c r="U8" s="610"/>
      <c r="V8" s="611"/>
      <c r="W8" s="1"/>
      <c r="X8" s="1"/>
      <c r="Y8" s="7"/>
      <c r="Z8" s="110"/>
      <c r="AA8" s="110"/>
      <c r="AB8" s="110"/>
      <c r="AC8" s="7"/>
      <c r="AD8" s="1"/>
      <c r="AE8" s="7"/>
      <c r="AF8" s="117"/>
      <c r="AG8" s="106"/>
    </row>
    <row r="9" spans="1:33" s="95" customFormat="1">
      <c r="A9" s="93"/>
      <c r="C9" s="7"/>
      <c r="D9" s="94"/>
      <c r="E9" s="94"/>
      <c r="F9" s="94"/>
      <c r="G9" s="97"/>
      <c r="H9" s="97"/>
      <c r="I9" s="97"/>
      <c r="J9" s="97"/>
      <c r="K9" s="97"/>
      <c r="L9" s="97"/>
      <c r="M9" s="97"/>
      <c r="N9" s="1"/>
      <c r="O9" s="7"/>
      <c r="P9" s="1"/>
      <c r="Q9" s="1"/>
      <c r="R9" s="97"/>
      <c r="S9" s="97"/>
      <c r="T9" s="97"/>
      <c r="U9" s="97"/>
      <c r="V9" s="97"/>
      <c r="W9" s="1"/>
      <c r="X9" s="1"/>
      <c r="Y9" s="7"/>
      <c r="Z9" s="110"/>
      <c r="AA9" s="110"/>
      <c r="AB9" s="110"/>
      <c r="AC9" s="7"/>
      <c r="AD9" s="1"/>
      <c r="AE9" s="7"/>
      <c r="AF9" s="34" t="s">
        <v>348</v>
      </c>
      <c r="AG9" s="106"/>
    </row>
    <row r="10" spans="1:33" s="95" customFormat="1">
      <c r="A10" s="93"/>
      <c r="C10" s="7" t="s">
        <v>349</v>
      </c>
      <c r="D10" s="1"/>
      <c r="E10" s="1"/>
      <c r="F10" s="1"/>
      <c r="G10" s="606"/>
      <c r="H10" s="607"/>
      <c r="I10" s="607"/>
      <c r="J10" s="607"/>
      <c r="K10" s="607"/>
      <c r="L10" s="607"/>
      <c r="M10" s="607"/>
      <c r="N10" s="607"/>
      <c r="O10" s="607"/>
      <c r="P10" s="607"/>
      <c r="Q10" s="607"/>
      <c r="R10" s="607"/>
      <c r="S10" s="608"/>
      <c r="T10" s="1"/>
      <c r="U10" s="1"/>
      <c r="V10" s="97"/>
      <c r="W10" s="1"/>
      <c r="X10" s="1"/>
      <c r="Y10" s="7"/>
      <c r="Z10" s="110"/>
      <c r="AA10" s="110"/>
      <c r="AB10" s="110"/>
      <c r="AC10" s="7"/>
      <c r="AD10" s="1"/>
      <c r="AE10" s="7"/>
      <c r="AF10" s="55" t="s">
        <v>350</v>
      </c>
      <c r="AG10" s="106"/>
    </row>
    <row r="11" spans="1:33" s="95" customFormat="1">
      <c r="A11" s="93"/>
      <c r="C11" s="7"/>
      <c r="D11" s="1"/>
      <c r="E11" s="1"/>
      <c r="F11" s="1"/>
      <c r="G11" s="1"/>
      <c r="H11" s="1"/>
      <c r="I11" s="1"/>
      <c r="J11" s="1"/>
      <c r="K11" s="1"/>
      <c r="L11" s="1"/>
      <c r="M11" s="1"/>
      <c r="N11" s="1"/>
      <c r="O11" s="1"/>
      <c r="P11" s="1"/>
      <c r="Q11" s="1"/>
      <c r="R11" s="1"/>
      <c r="S11" s="1"/>
      <c r="T11" s="1"/>
      <c r="U11" s="1"/>
      <c r="V11" s="97"/>
      <c r="W11" s="1"/>
      <c r="X11" s="1"/>
      <c r="Y11" s="7"/>
      <c r="Z11" s="110"/>
      <c r="AA11" s="110"/>
      <c r="AB11" s="110"/>
      <c r="AC11" s="7"/>
      <c r="AD11" s="1"/>
      <c r="AE11" s="7"/>
      <c r="AF11" s="55" t="s">
        <v>351</v>
      </c>
      <c r="AG11" s="106"/>
    </row>
    <row r="12" spans="1:33" s="95" customFormat="1">
      <c r="A12" s="93"/>
      <c r="C12" s="1"/>
      <c r="D12" s="1"/>
      <c r="E12" s="1"/>
      <c r="F12" s="1"/>
      <c r="G12" s="606"/>
      <c r="H12" s="607"/>
      <c r="I12" s="607"/>
      <c r="J12" s="607"/>
      <c r="K12" s="607"/>
      <c r="L12" s="607"/>
      <c r="M12" s="607"/>
      <c r="N12" s="607"/>
      <c r="O12" s="607"/>
      <c r="P12" s="607"/>
      <c r="Q12" s="607"/>
      <c r="R12" s="607"/>
      <c r="S12" s="608"/>
      <c r="T12" s="1"/>
      <c r="U12" s="1"/>
      <c r="V12" s="97"/>
      <c r="W12" s="1"/>
      <c r="X12" s="1"/>
      <c r="Y12" s="7"/>
      <c r="Z12" s="110"/>
      <c r="AA12" s="110"/>
      <c r="AB12" s="110"/>
      <c r="AC12" s="7"/>
      <c r="AD12" s="1"/>
      <c r="AE12" s="7"/>
      <c r="AF12" s="55" t="s">
        <v>352</v>
      </c>
      <c r="AG12" s="106"/>
    </row>
    <row r="13" spans="1:33" s="95" customFormat="1">
      <c r="A13" s="93"/>
      <c r="C13" s="7"/>
      <c r="D13" s="94"/>
      <c r="E13" s="94"/>
      <c r="F13" s="94"/>
      <c r="G13" s="97"/>
      <c r="H13" s="97"/>
      <c r="I13" s="97"/>
      <c r="J13" s="97"/>
      <c r="K13" s="97"/>
      <c r="L13" s="97"/>
      <c r="M13" s="97"/>
      <c r="N13" s="1"/>
      <c r="O13" s="7"/>
      <c r="P13" s="1"/>
      <c r="Q13" s="1"/>
      <c r="R13" s="97"/>
      <c r="S13" s="97"/>
      <c r="T13" s="97"/>
      <c r="U13" s="97"/>
      <c r="V13" s="97"/>
      <c r="W13" s="1"/>
      <c r="X13" s="1"/>
      <c r="Y13" s="7"/>
      <c r="Z13" s="110"/>
      <c r="AA13" s="110"/>
      <c r="AB13" s="110"/>
      <c r="AC13" s="7"/>
      <c r="AD13" s="1"/>
      <c r="AE13" s="7"/>
      <c r="AF13" s="55" t="s">
        <v>353</v>
      </c>
      <c r="AG13" s="106"/>
    </row>
    <row r="14" spans="1:33" s="95" customFormat="1">
      <c r="A14" s="93"/>
      <c r="C14" s="7"/>
      <c r="D14" s="94"/>
      <c r="E14" s="94"/>
      <c r="F14" s="94"/>
      <c r="G14" s="606"/>
      <c r="H14" s="607"/>
      <c r="I14" s="607"/>
      <c r="J14" s="607"/>
      <c r="K14" s="607"/>
      <c r="L14" s="607"/>
      <c r="M14" s="607"/>
      <c r="N14" s="607"/>
      <c r="O14" s="607"/>
      <c r="P14" s="607"/>
      <c r="Q14" s="607"/>
      <c r="R14" s="607"/>
      <c r="S14" s="608"/>
      <c r="T14" s="97"/>
      <c r="U14" s="97"/>
      <c r="V14" s="97"/>
      <c r="W14" s="1"/>
      <c r="X14" s="1"/>
      <c r="Y14" s="7"/>
      <c r="Z14" s="110"/>
      <c r="AA14" s="110"/>
      <c r="AB14" s="110"/>
      <c r="AC14" s="7"/>
      <c r="AD14" s="1"/>
      <c r="AE14" s="7"/>
      <c r="AF14" s="55" t="s">
        <v>1794</v>
      </c>
      <c r="AG14" s="106"/>
    </row>
    <row r="15" spans="1:33">
      <c r="A15" s="5"/>
      <c r="B15" s="3"/>
      <c r="C15" s="3"/>
      <c r="D15" s="3"/>
      <c r="E15" s="3"/>
      <c r="F15" s="3"/>
      <c r="G15" s="3"/>
      <c r="H15" s="3"/>
      <c r="I15" s="3"/>
      <c r="J15" s="3"/>
      <c r="K15" s="3"/>
      <c r="L15" s="3"/>
      <c r="M15" s="3"/>
      <c r="N15" s="3"/>
      <c r="O15" s="3"/>
      <c r="P15" s="3"/>
      <c r="Q15" s="3"/>
      <c r="R15" s="3"/>
      <c r="S15" s="3"/>
      <c r="T15" s="3"/>
      <c r="U15" s="1"/>
      <c r="V15" s="3"/>
      <c r="W15" s="3"/>
      <c r="X15" s="3"/>
      <c r="Y15" s="3"/>
      <c r="Z15" s="3"/>
      <c r="AA15" s="3"/>
      <c r="AB15" s="3"/>
      <c r="AC15" s="3"/>
      <c r="AD15" s="3"/>
      <c r="AE15" s="3"/>
      <c r="AG15" s="4"/>
    </row>
    <row r="16" spans="1:33" s="1" customFormat="1">
      <c r="A16" s="5"/>
      <c r="B16" s="7" t="s">
        <v>355</v>
      </c>
      <c r="C16" s="7"/>
      <c r="D16" s="7"/>
      <c r="E16" s="7"/>
      <c r="F16" s="1" t="s">
        <v>356</v>
      </c>
      <c r="I16" s="97"/>
      <c r="J16" s="97"/>
      <c r="K16" s="97"/>
      <c r="L16" s="97"/>
      <c r="N16" s="7"/>
      <c r="O16" s="3"/>
      <c r="P16" s="3"/>
      <c r="Q16" s="3"/>
      <c r="R16" s="3"/>
      <c r="S16" s="3"/>
      <c r="T16" s="3"/>
      <c r="V16" s="3"/>
      <c r="W16" s="3"/>
      <c r="X16" s="3"/>
      <c r="Y16" s="3"/>
      <c r="Z16" s="3"/>
      <c r="AA16" s="3"/>
      <c r="AB16" s="3"/>
      <c r="AC16" s="3"/>
      <c r="AD16" s="3"/>
      <c r="AE16" s="3"/>
      <c r="AF16" s="34"/>
      <c r="AG16" s="4"/>
    </row>
    <row r="17" spans="1:35" s="1" customFormat="1">
      <c r="A17" s="5"/>
      <c r="B17" s="7"/>
      <c r="C17" s="94"/>
      <c r="D17" s="94"/>
      <c r="E17" s="94"/>
      <c r="F17" s="98" t="s">
        <v>357</v>
      </c>
      <c r="G17" s="322" t="s">
        <v>1795</v>
      </c>
      <c r="H17" s="97"/>
      <c r="I17" s="97"/>
      <c r="J17" s="97"/>
      <c r="K17" s="97"/>
      <c r="L17" s="97"/>
      <c r="N17" s="7"/>
      <c r="O17" s="3"/>
      <c r="P17" s="3"/>
      <c r="Q17" s="3"/>
      <c r="R17" s="3"/>
      <c r="S17" s="3"/>
      <c r="T17" s="3"/>
      <c r="V17" s="3"/>
      <c r="W17" s="3"/>
      <c r="X17" s="3"/>
      <c r="Y17" s="3"/>
      <c r="Z17" s="3"/>
      <c r="AA17" s="3"/>
      <c r="AB17" s="3"/>
      <c r="AC17" s="3"/>
      <c r="AD17" s="3"/>
      <c r="AE17" s="3"/>
      <c r="AF17" s="34"/>
      <c r="AG17" s="4"/>
    </row>
    <row r="18" spans="1:35" s="1" customFormat="1">
      <c r="A18" s="5"/>
      <c r="B18" s="7"/>
      <c r="C18" s="94"/>
      <c r="D18" s="94"/>
      <c r="E18" s="94"/>
      <c r="F18" s="98" t="s">
        <v>357</v>
      </c>
      <c r="G18" s="322" t="s">
        <v>1796</v>
      </c>
      <c r="H18" s="97"/>
      <c r="I18" s="97"/>
      <c r="J18" s="97"/>
      <c r="K18" s="97"/>
      <c r="L18" s="97"/>
      <c r="N18" s="7"/>
      <c r="O18" s="3"/>
      <c r="P18" s="3"/>
      <c r="Q18" s="3"/>
      <c r="R18" s="3"/>
      <c r="S18" s="3"/>
      <c r="T18" s="3"/>
      <c r="V18" s="3"/>
      <c r="W18" s="3"/>
      <c r="X18" s="3"/>
      <c r="Y18" s="3"/>
      <c r="Z18" s="3"/>
      <c r="AA18" s="3"/>
      <c r="AB18" s="3"/>
      <c r="AC18" s="3"/>
      <c r="AD18" s="3"/>
      <c r="AE18" s="3"/>
      <c r="AF18" s="34"/>
      <c r="AG18" s="4"/>
    </row>
    <row r="19" spans="1:35" s="1" customFormat="1">
      <c r="A19" s="5"/>
      <c r="B19" s="7"/>
      <c r="C19" s="94"/>
      <c r="D19" s="94"/>
      <c r="E19" s="94"/>
      <c r="F19" s="98" t="s">
        <v>357</v>
      </c>
      <c r="G19" s="322" t="s">
        <v>1797</v>
      </c>
      <c r="H19" s="97"/>
      <c r="I19" s="97"/>
      <c r="J19" s="97"/>
      <c r="K19" s="97"/>
      <c r="L19" s="97"/>
      <c r="N19" s="7"/>
      <c r="O19" s="3"/>
      <c r="P19" s="3"/>
      <c r="Q19" s="3"/>
      <c r="R19" s="3"/>
      <c r="S19" s="3"/>
      <c r="T19" s="3"/>
      <c r="V19" s="3"/>
      <c r="W19" s="3"/>
      <c r="X19" s="3"/>
      <c r="Y19" s="3"/>
      <c r="Z19" s="3"/>
      <c r="AA19" s="3"/>
      <c r="AB19" s="3"/>
      <c r="AC19" s="3"/>
      <c r="AD19" s="3"/>
      <c r="AE19" s="3"/>
      <c r="AF19" s="34"/>
      <c r="AG19" s="4"/>
    </row>
    <row r="20" spans="1:35" s="1" customFormat="1">
      <c r="A20" s="5"/>
      <c r="B20" s="7"/>
      <c r="C20" s="94"/>
      <c r="D20" s="94"/>
      <c r="E20" s="94"/>
      <c r="F20" s="98" t="s">
        <v>357</v>
      </c>
      <c r="G20" s="322" t="s">
        <v>1798</v>
      </c>
      <c r="H20" s="97"/>
      <c r="I20" s="97"/>
      <c r="J20" s="97"/>
      <c r="K20" s="97"/>
      <c r="L20" s="97"/>
      <c r="N20" s="7"/>
      <c r="O20" s="3"/>
      <c r="P20" s="3"/>
      <c r="Q20" s="3"/>
      <c r="R20" s="3"/>
      <c r="S20" s="3"/>
      <c r="T20" s="3"/>
      <c r="V20" s="3"/>
      <c r="W20" s="3"/>
      <c r="X20" s="3"/>
      <c r="Y20" s="3"/>
      <c r="Z20" s="3"/>
      <c r="AA20" s="3"/>
      <c r="AB20" s="3"/>
      <c r="AC20" s="3"/>
      <c r="AD20" s="3"/>
      <c r="AE20" s="3"/>
      <c r="AF20" s="1" t="s">
        <v>375</v>
      </c>
      <c r="AG20" s="4"/>
    </row>
    <row r="21" spans="1:35" s="13" customFormat="1">
      <c r="A21" s="5"/>
      <c r="B21" s="7"/>
      <c r="C21" s="94"/>
      <c r="D21" s="94"/>
      <c r="E21" s="94"/>
      <c r="F21" s="119"/>
      <c r="G21" s="119"/>
      <c r="H21" s="97"/>
      <c r="I21" s="97"/>
      <c r="J21" s="97"/>
      <c r="K21" s="97"/>
      <c r="L21" s="97"/>
      <c r="M21" s="1"/>
      <c r="N21" s="7"/>
      <c r="O21" s="3"/>
      <c r="P21" s="3"/>
      <c r="Q21" s="3"/>
      <c r="R21" s="3"/>
      <c r="S21" s="3"/>
      <c r="T21" s="3"/>
      <c r="U21" s="1"/>
      <c r="V21" s="3"/>
      <c r="W21" s="3"/>
      <c r="X21" s="3"/>
      <c r="Y21" s="3"/>
      <c r="Z21" s="3"/>
      <c r="AA21" s="3"/>
      <c r="AB21" s="3"/>
      <c r="AC21" s="3"/>
      <c r="AD21" s="3"/>
      <c r="AE21" s="3"/>
      <c r="AF21" s="34"/>
      <c r="AG21" s="4"/>
    </row>
    <row r="22" spans="1:35" s="13" customFormat="1">
      <c r="A22" s="5"/>
      <c r="B22" s="3"/>
      <c r="C22" s="3"/>
      <c r="D22" s="3"/>
      <c r="E22" s="3"/>
      <c r="F22" s="3"/>
      <c r="G22" s="3"/>
      <c r="H22" s="3"/>
      <c r="I22" s="3"/>
      <c r="J22" s="3"/>
      <c r="K22" s="3"/>
      <c r="L22" s="3"/>
      <c r="M22" s="3"/>
      <c r="N22" s="3"/>
      <c r="O22" s="3"/>
      <c r="P22" s="3"/>
      <c r="Q22" s="3"/>
      <c r="R22" s="3"/>
      <c r="S22" s="3"/>
      <c r="T22" s="3"/>
      <c r="U22" s="1"/>
      <c r="V22" s="3"/>
      <c r="W22" s="3"/>
      <c r="X22" s="3"/>
      <c r="Y22" s="3"/>
      <c r="Z22" s="3"/>
      <c r="AA22" s="3"/>
      <c r="AB22" s="3"/>
      <c r="AC22" s="3"/>
      <c r="AD22" s="3"/>
      <c r="AE22" s="3"/>
      <c r="AF22" s="34"/>
      <c r="AG22" s="4"/>
    </row>
    <row r="23" spans="1:35" s="1" customFormat="1">
      <c r="A23" s="20"/>
      <c r="B23" s="52" t="s">
        <v>380</v>
      </c>
      <c r="C23" s="53"/>
      <c r="D23" s="26"/>
      <c r="E23" s="26"/>
      <c r="F23" s="26"/>
      <c r="G23" s="26"/>
      <c r="H23" s="26"/>
      <c r="J23" s="26" t="s">
        <v>1799</v>
      </c>
      <c r="K23" s="26"/>
      <c r="L23" s="71"/>
      <c r="M23" s="26"/>
      <c r="N23" s="26"/>
      <c r="O23" s="26"/>
      <c r="P23" s="26"/>
      <c r="Q23" s="26"/>
      <c r="R23" s="26"/>
      <c r="S23" s="26"/>
      <c r="T23" s="26"/>
      <c r="U23" s="26" t="s">
        <v>1800</v>
      </c>
      <c r="V23" s="26"/>
      <c r="W23" s="26"/>
      <c r="X23" s="26"/>
      <c r="Y23" s="26"/>
      <c r="Z23" s="26"/>
      <c r="AA23" s="26"/>
      <c r="AB23" s="26"/>
      <c r="AC23" s="26"/>
      <c r="AE23" s="26"/>
      <c r="AF23" s="26" t="s">
        <v>1801</v>
      </c>
      <c r="AG23" s="10"/>
    </row>
    <row r="24" spans="1:35" s="1" customFormat="1" ht="13.5" customHeight="1">
      <c r="A24" s="20"/>
      <c r="B24" s="583" t="s">
        <v>73</v>
      </c>
      <c r="C24" s="573"/>
      <c r="D24" s="583" t="s">
        <v>94</v>
      </c>
      <c r="E24" s="583"/>
      <c r="F24" s="583"/>
      <c r="G24" s="583"/>
      <c r="H24" s="583"/>
      <c r="I24" s="583"/>
      <c r="J24" s="583"/>
      <c r="K24" s="583"/>
      <c r="L24" s="583"/>
      <c r="M24" s="583"/>
      <c r="N24" s="583"/>
      <c r="O24" s="583"/>
      <c r="P24" s="583"/>
      <c r="Q24" s="583"/>
      <c r="R24" s="583"/>
      <c r="S24" s="583"/>
      <c r="T24" s="583"/>
      <c r="U24" s="226" t="s">
        <v>383</v>
      </c>
      <c r="V24" s="572" t="s">
        <v>138</v>
      </c>
      <c r="W24" s="572"/>
      <c r="X24" s="581" t="s">
        <v>959</v>
      </c>
      <c r="Y24" s="572" t="s">
        <v>97</v>
      </c>
      <c r="Z24" s="572"/>
      <c r="AA24" s="572" t="s">
        <v>98</v>
      </c>
      <c r="AB24" s="572"/>
      <c r="AC24" s="583" t="s">
        <v>75</v>
      </c>
      <c r="AD24" s="583"/>
      <c r="AE24" s="583"/>
      <c r="AF24" s="581" t="s">
        <v>159</v>
      </c>
      <c r="AG24" s="48"/>
      <c r="AH24" s="26"/>
    </row>
    <row r="25" spans="1:35" s="13" customFormat="1">
      <c r="A25" s="20"/>
      <c r="B25" s="573"/>
      <c r="C25" s="573"/>
      <c r="D25" s="583"/>
      <c r="E25" s="583"/>
      <c r="F25" s="583"/>
      <c r="G25" s="583"/>
      <c r="H25" s="583"/>
      <c r="I25" s="583"/>
      <c r="J25" s="583"/>
      <c r="K25" s="583"/>
      <c r="L25" s="583"/>
      <c r="M25" s="583"/>
      <c r="N25" s="583"/>
      <c r="O25" s="583"/>
      <c r="P25" s="583"/>
      <c r="Q25" s="583"/>
      <c r="R25" s="583"/>
      <c r="S25" s="583"/>
      <c r="T25" s="583"/>
      <c r="U25" s="227"/>
      <c r="V25" s="572"/>
      <c r="W25" s="572"/>
      <c r="X25" s="582"/>
      <c r="Y25" s="572"/>
      <c r="Z25" s="572"/>
      <c r="AA25" s="572"/>
      <c r="AB25" s="572"/>
      <c r="AC25" s="583"/>
      <c r="AD25" s="583"/>
      <c r="AE25" s="583"/>
      <c r="AF25" s="582"/>
      <c r="AG25" s="48"/>
      <c r="AH25" s="54"/>
    </row>
    <row r="26" spans="1:35" s="1" customFormat="1" ht="13.4" customHeight="1">
      <c r="A26" s="20"/>
      <c r="B26" s="541">
        <v>1</v>
      </c>
      <c r="C26" s="542"/>
      <c r="D26" s="563" t="s">
        <v>1802</v>
      </c>
      <c r="E26" s="564"/>
      <c r="F26" s="564"/>
      <c r="G26" s="564"/>
      <c r="H26" s="564"/>
      <c r="I26" s="564"/>
      <c r="J26" s="564"/>
      <c r="K26" s="564"/>
      <c r="L26" s="564"/>
      <c r="M26" s="564"/>
      <c r="N26" s="564"/>
      <c r="O26" s="564"/>
      <c r="P26" s="564"/>
      <c r="Q26" s="564"/>
      <c r="R26" s="564"/>
      <c r="S26" s="564"/>
      <c r="T26" s="565"/>
      <c r="U26" s="219" t="s">
        <v>441</v>
      </c>
      <c r="V26" s="546" t="s">
        <v>1803</v>
      </c>
      <c r="W26" s="548"/>
      <c r="X26" s="408" t="s">
        <v>102</v>
      </c>
      <c r="Y26" s="415">
        <v>46</v>
      </c>
      <c r="Z26" s="415" t="s">
        <v>103</v>
      </c>
      <c r="AA26" s="646"/>
      <c r="AB26" s="647"/>
      <c r="AC26" s="549"/>
      <c r="AD26" s="550"/>
      <c r="AE26" s="551"/>
      <c r="AF26" s="265"/>
      <c r="AG26" s="48"/>
      <c r="AH26" s="26"/>
      <c r="AI26" s="3" t="str">
        <f>$F$17</f>
        <v>■</v>
      </c>
    </row>
    <row r="27" spans="1:35" s="1" customFormat="1" ht="13.4" customHeight="1">
      <c r="A27" s="20"/>
      <c r="B27" s="541">
        <v>2</v>
      </c>
      <c r="C27" s="542"/>
      <c r="D27" s="563" t="s">
        <v>124</v>
      </c>
      <c r="E27" s="564"/>
      <c r="F27" s="564"/>
      <c r="G27" s="564"/>
      <c r="H27" s="564"/>
      <c r="I27" s="564"/>
      <c r="J27" s="564"/>
      <c r="K27" s="564"/>
      <c r="L27" s="564"/>
      <c r="M27" s="564"/>
      <c r="N27" s="564"/>
      <c r="O27" s="564"/>
      <c r="P27" s="564"/>
      <c r="Q27" s="564"/>
      <c r="R27" s="564"/>
      <c r="S27" s="564"/>
      <c r="T27" s="565"/>
      <c r="U27" s="219" t="s">
        <v>443</v>
      </c>
      <c r="V27" s="546" t="s">
        <v>1803</v>
      </c>
      <c r="W27" s="548"/>
      <c r="X27" s="408" t="s">
        <v>102</v>
      </c>
      <c r="Y27" s="415">
        <v>14</v>
      </c>
      <c r="Z27" s="415" t="s">
        <v>103</v>
      </c>
      <c r="AA27" s="646"/>
      <c r="AB27" s="647"/>
      <c r="AC27" s="549"/>
      <c r="AD27" s="550"/>
      <c r="AE27" s="551"/>
      <c r="AF27" s="265"/>
      <c r="AG27" s="48"/>
      <c r="AH27" s="26"/>
      <c r="AI27" s="3" t="str">
        <f t="shared" ref="AI27:AI62" si="0">$F$17</f>
        <v>■</v>
      </c>
    </row>
    <row r="28" spans="1:35" s="1" customFormat="1" ht="13.4" customHeight="1">
      <c r="A28" s="20"/>
      <c r="B28" s="552">
        <v>3</v>
      </c>
      <c r="C28" s="553"/>
      <c r="D28" s="566" t="s">
        <v>1804</v>
      </c>
      <c r="E28" s="567"/>
      <c r="F28" s="567"/>
      <c r="G28" s="567"/>
      <c r="H28" s="567"/>
      <c r="I28" s="567"/>
      <c r="J28" s="567"/>
      <c r="K28" s="567"/>
      <c r="L28" s="567"/>
      <c r="M28" s="567"/>
      <c r="N28" s="567"/>
      <c r="O28" s="567"/>
      <c r="P28" s="567"/>
      <c r="Q28" s="567"/>
      <c r="R28" s="567"/>
      <c r="S28" s="567"/>
      <c r="T28" s="568"/>
      <c r="U28" s="220" t="s">
        <v>444</v>
      </c>
      <c r="V28" s="557" t="s">
        <v>107</v>
      </c>
      <c r="W28" s="559"/>
      <c r="X28" s="409" t="s">
        <v>108</v>
      </c>
      <c r="Y28" s="417">
        <v>1</v>
      </c>
      <c r="Z28" s="417">
        <v>0</v>
      </c>
      <c r="AA28" s="648" t="s">
        <v>109</v>
      </c>
      <c r="AB28" s="649"/>
      <c r="AC28" s="684"/>
      <c r="AD28" s="685"/>
      <c r="AE28" s="686"/>
      <c r="AF28" s="350" t="s">
        <v>416</v>
      </c>
      <c r="AG28" s="38"/>
      <c r="AH28" s="26"/>
      <c r="AI28" s="3" t="str">
        <f t="shared" si="0"/>
        <v>■</v>
      </c>
    </row>
    <row r="29" spans="1:35" s="1" customFormat="1" ht="13.4" customHeight="1">
      <c r="A29" s="20"/>
      <c r="B29" s="541">
        <v>4</v>
      </c>
      <c r="C29" s="542"/>
      <c r="D29" s="543" t="s">
        <v>1805</v>
      </c>
      <c r="E29" s="544"/>
      <c r="F29" s="544"/>
      <c r="G29" s="544"/>
      <c r="H29" s="544"/>
      <c r="I29" s="544"/>
      <c r="J29" s="544"/>
      <c r="K29" s="544"/>
      <c r="L29" s="544"/>
      <c r="M29" s="544"/>
      <c r="N29" s="544"/>
      <c r="O29" s="544"/>
      <c r="P29" s="544"/>
      <c r="Q29" s="544"/>
      <c r="R29" s="544"/>
      <c r="S29" s="544"/>
      <c r="T29" s="545"/>
      <c r="U29" s="225" t="s">
        <v>1806</v>
      </c>
      <c r="V29" s="546" t="s">
        <v>107</v>
      </c>
      <c r="W29" s="548"/>
      <c r="X29" s="408" t="s">
        <v>102</v>
      </c>
      <c r="Y29" s="415">
        <v>3</v>
      </c>
      <c r="Z29" s="415" t="s">
        <v>103</v>
      </c>
      <c r="AA29" s="646"/>
      <c r="AB29" s="647"/>
      <c r="AC29" s="549"/>
      <c r="AD29" s="550"/>
      <c r="AE29" s="551"/>
      <c r="AF29" s="265"/>
      <c r="AG29" s="38"/>
      <c r="AH29" s="26"/>
      <c r="AI29" s="3" t="str">
        <f t="shared" si="0"/>
        <v>■</v>
      </c>
    </row>
    <row r="30" spans="1:35" s="1" customFormat="1">
      <c r="A30" s="20"/>
      <c r="B30" s="541">
        <v>5</v>
      </c>
      <c r="C30" s="542"/>
      <c r="D30" s="543" t="s">
        <v>112</v>
      </c>
      <c r="E30" s="544"/>
      <c r="F30" s="544"/>
      <c r="G30" s="544"/>
      <c r="H30" s="544"/>
      <c r="I30" s="544"/>
      <c r="J30" s="544"/>
      <c r="K30" s="544"/>
      <c r="L30" s="544"/>
      <c r="M30" s="544"/>
      <c r="N30" s="544"/>
      <c r="O30" s="544"/>
      <c r="P30" s="544"/>
      <c r="Q30" s="544"/>
      <c r="R30" s="544"/>
      <c r="S30" s="544"/>
      <c r="T30" s="545"/>
      <c r="U30" s="225" t="s">
        <v>448</v>
      </c>
      <c r="V30" s="546" t="s">
        <v>1803</v>
      </c>
      <c r="W30" s="548"/>
      <c r="X30" s="408" t="s">
        <v>102</v>
      </c>
      <c r="Y30" s="415">
        <v>64</v>
      </c>
      <c r="Z30" s="415" t="s">
        <v>103</v>
      </c>
      <c r="AA30" s="646"/>
      <c r="AB30" s="647"/>
      <c r="AC30" s="549"/>
      <c r="AD30" s="550"/>
      <c r="AE30" s="551"/>
      <c r="AF30" s="265"/>
      <c r="AG30" s="48"/>
      <c r="AH30" s="26"/>
      <c r="AI30" s="3" t="str">
        <f t="shared" si="0"/>
        <v>■</v>
      </c>
    </row>
    <row r="31" spans="1:35" s="1" customFormat="1">
      <c r="A31" s="20"/>
      <c r="B31" s="541">
        <v>6</v>
      </c>
      <c r="C31" s="542"/>
      <c r="D31" s="543" t="s">
        <v>113</v>
      </c>
      <c r="E31" s="544"/>
      <c r="F31" s="544"/>
      <c r="G31" s="544"/>
      <c r="H31" s="544"/>
      <c r="I31" s="544"/>
      <c r="J31" s="544"/>
      <c r="K31" s="544"/>
      <c r="L31" s="544"/>
      <c r="M31" s="544"/>
      <c r="N31" s="544"/>
      <c r="O31" s="544"/>
      <c r="P31" s="544"/>
      <c r="Q31" s="544"/>
      <c r="R31" s="544"/>
      <c r="S31" s="544"/>
      <c r="T31" s="545"/>
      <c r="U31" s="225" t="s">
        <v>449</v>
      </c>
      <c r="V31" s="546" t="s">
        <v>101</v>
      </c>
      <c r="W31" s="548"/>
      <c r="X31" s="408" t="s">
        <v>102</v>
      </c>
      <c r="Y31" s="415">
        <v>64</v>
      </c>
      <c r="Z31" s="415" t="s">
        <v>103</v>
      </c>
      <c r="AA31" s="646"/>
      <c r="AB31" s="647"/>
      <c r="AC31" s="549"/>
      <c r="AD31" s="550"/>
      <c r="AE31" s="551"/>
      <c r="AF31" s="265"/>
      <c r="AG31" s="48"/>
      <c r="AH31" s="26"/>
      <c r="AI31" s="3" t="str">
        <f t="shared" si="0"/>
        <v>■</v>
      </c>
    </row>
    <row r="32" spans="1:35" s="1" customFormat="1">
      <c r="A32" s="20"/>
      <c r="B32" s="541">
        <v>7</v>
      </c>
      <c r="C32" s="542"/>
      <c r="D32" s="543" t="s">
        <v>114</v>
      </c>
      <c r="E32" s="544"/>
      <c r="F32" s="544"/>
      <c r="G32" s="544"/>
      <c r="H32" s="544"/>
      <c r="I32" s="544"/>
      <c r="J32" s="544"/>
      <c r="K32" s="544"/>
      <c r="L32" s="544"/>
      <c r="M32" s="544"/>
      <c r="N32" s="544"/>
      <c r="O32" s="544"/>
      <c r="P32" s="544"/>
      <c r="Q32" s="544"/>
      <c r="R32" s="544"/>
      <c r="S32" s="544"/>
      <c r="T32" s="545"/>
      <c r="U32" s="225" t="s">
        <v>450</v>
      </c>
      <c r="V32" s="546" t="s">
        <v>1803</v>
      </c>
      <c r="W32" s="548"/>
      <c r="X32" s="408" t="s">
        <v>102</v>
      </c>
      <c r="Y32" s="415">
        <v>64</v>
      </c>
      <c r="Z32" s="415" t="s">
        <v>103</v>
      </c>
      <c r="AA32" s="646"/>
      <c r="AB32" s="647"/>
      <c r="AC32" s="549"/>
      <c r="AD32" s="550"/>
      <c r="AE32" s="551"/>
      <c r="AF32" s="265"/>
      <c r="AG32" s="48"/>
      <c r="AH32" s="26"/>
      <c r="AI32" s="3" t="str">
        <f t="shared" si="0"/>
        <v>■</v>
      </c>
    </row>
    <row r="33" spans="1:35" s="13" customFormat="1">
      <c r="A33" s="20"/>
      <c r="B33" s="676">
        <v>8</v>
      </c>
      <c r="C33" s="677"/>
      <c r="D33" s="678" t="s">
        <v>1807</v>
      </c>
      <c r="E33" s="679"/>
      <c r="F33" s="679"/>
      <c r="G33" s="679"/>
      <c r="H33" s="679"/>
      <c r="I33" s="679"/>
      <c r="J33" s="679"/>
      <c r="K33" s="679"/>
      <c r="L33" s="679"/>
      <c r="M33" s="679"/>
      <c r="N33" s="679"/>
      <c r="O33" s="679"/>
      <c r="P33" s="679"/>
      <c r="Q33" s="679"/>
      <c r="R33" s="679"/>
      <c r="S33" s="679"/>
      <c r="T33" s="680"/>
      <c r="U33" s="259" t="s">
        <v>447</v>
      </c>
      <c r="V33" s="681" t="s">
        <v>107</v>
      </c>
      <c r="W33" s="683"/>
      <c r="X33" s="409" t="s">
        <v>108</v>
      </c>
      <c r="Y33" s="417">
        <v>3</v>
      </c>
      <c r="Z33" s="417">
        <v>0</v>
      </c>
      <c r="AA33" s="648" t="s">
        <v>109</v>
      </c>
      <c r="AB33" s="649"/>
      <c r="AC33" s="684"/>
      <c r="AD33" s="685"/>
      <c r="AE33" s="686"/>
      <c r="AF33" s="350" t="s">
        <v>416</v>
      </c>
      <c r="AG33" s="48"/>
      <c r="AH33" s="54"/>
      <c r="AI33" s="3" t="str">
        <f t="shared" si="0"/>
        <v>■</v>
      </c>
    </row>
    <row r="34" spans="1:35" s="13" customFormat="1">
      <c r="A34" s="20"/>
      <c r="B34" s="541">
        <v>9</v>
      </c>
      <c r="C34" s="542"/>
      <c r="D34" s="543" t="s">
        <v>1808</v>
      </c>
      <c r="E34" s="544"/>
      <c r="F34" s="544"/>
      <c r="G34" s="544"/>
      <c r="H34" s="544"/>
      <c r="I34" s="544"/>
      <c r="J34" s="544"/>
      <c r="K34" s="544"/>
      <c r="L34" s="544"/>
      <c r="M34" s="544"/>
      <c r="N34" s="544"/>
      <c r="O34" s="544"/>
      <c r="P34" s="544"/>
      <c r="Q34" s="544"/>
      <c r="R34" s="544"/>
      <c r="S34" s="544"/>
      <c r="T34" s="545"/>
      <c r="U34" s="221" t="s">
        <v>1809</v>
      </c>
      <c r="V34" s="546" t="s">
        <v>1803</v>
      </c>
      <c r="W34" s="548"/>
      <c r="X34" s="408" t="s">
        <v>102</v>
      </c>
      <c r="Y34" s="415">
        <v>8</v>
      </c>
      <c r="Z34" s="415" t="s">
        <v>103</v>
      </c>
      <c r="AA34" s="646"/>
      <c r="AB34" s="647"/>
      <c r="AC34" s="549"/>
      <c r="AD34" s="550"/>
      <c r="AE34" s="551"/>
      <c r="AF34" s="265" t="s">
        <v>3020</v>
      </c>
      <c r="AG34" s="48"/>
      <c r="AH34" s="54"/>
      <c r="AI34" s="3" t="str">
        <f t="shared" si="0"/>
        <v>■</v>
      </c>
    </row>
    <row r="35" spans="1:35" s="1" customFormat="1">
      <c r="A35" s="20"/>
      <c r="B35" s="541">
        <v>10</v>
      </c>
      <c r="C35" s="542"/>
      <c r="D35" s="543" t="s">
        <v>1810</v>
      </c>
      <c r="E35" s="544"/>
      <c r="F35" s="544"/>
      <c r="G35" s="544"/>
      <c r="H35" s="544"/>
      <c r="I35" s="544"/>
      <c r="J35" s="544"/>
      <c r="K35" s="544"/>
      <c r="L35" s="544"/>
      <c r="M35" s="544"/>
      <c r="N35" s="544"/>
      <c r="O35" s="544"/>
      <c r="P35" s="544"/>
      <c r="Q35" s="544"/>
      <c r="R35" s="544"/>
      <c r="S35" s="544"/>
      <c r="T35" s="545"/>
      <c r="U35" s="221" t="s">
        <v>1811</v>
      </c>
      <c r="V35" s="546" t="s">
        <v>107</v>
      </c>
      <c r="W35" s="548"/>
      <c r="X35" s="408" t="s">
        <v>102</v>
      </c>
      <c r="Y35" s="415">
        <v>1</v>
      </c>
      <c r="Z35" s="415" t="s">
        <v>103</v>
      </c>
      <c r="AA35" s="646"/>
      <c r="AB35" s="647"/>
      <c r="AC35" s="549"/>
      <c r="AD35" s="550"/>
      <c r="AE35" s="551"/>
      <c r="AF35" s="265"/>
      <c r="AG35" s="48"/>
      <c r="AH35" s="26"/>
      <c r="AI35" s="3" t="str">
        <f t="shared" si="0"/>
        <v>■</v>
      </c>
    </row>
    <row r="36" spans="1:35" s="1" customFormat="1">
      <c r="A36" s="20"/>
      <c r="B36" s="552">
        <v>11</v>
      </c>
      <c r="C36" s="553"/>
      <c r="D36" s="554" t="s">
        <v>1812</v>
      </c>
      <c r="E36" s="555"/>
      <c r="F36" s="555"/>
      <c r="G36" s="555"/>
      <c r="H36" s="555"/>
      <c r="I36" s="555"/>
      <c r="J36" s="555"/>
      <c r="K36" s="555"/>
      <c r="L36" s="555"/>
      <c r="M36" s="555"/>
      <c r="N36" s="555"/>
      <c r="O36" s="555"/>
      <c r="P36" s="555"/>
      <c r="Q36" s="555"/>
      <c r="R36" s="555"/>
      <c r="S36" s="555"/>
      <c r="T36" s="556"/>
      <c r="U36" s="220" t="s">
        <v>1813</v>
      </c>
      <c r="V36" s="557" t="s">
        <v>107</v>
      </c>
      <c r="W36" s="559"/>
      <c r="X36" s="409" t="s">
        <v>102</v>
      </c>
      <c r="Y36" s="419">
        <v>8</v>
      </c>
      <c r="Z36" s="419" t="s">
        <v>103</v>
      </c>
      <c r="AA36" s="569" t="s">
        <v>109</v>
      </c>
      <c r="AB36" s="570"/>
      <c r="AC36" s="560"/>
      <c r="AD36" s="561"/>
      <c r="AE36" s="562"/>
      <c r="AF36" s="321" t="s">
        <v>416</v>
      </c>
      <c r="AG36" s="48"/>
      <c r="AH36" s="26"/>
      <c r="AI36" s="3" t="str">
        <f t="shared" si="0"/>
        <v>■</v>
      </c>
    </row>
    <row r="37" spans="1:35" s="13" customFormat="1">
      <c r="A37" s="20"/>
      <c r="B37" s="541">
        <v>12</v>
      </c>
      <c r="C37" s="542"/>
      <c r="D37" s="543" t="s">
        <v>3039</v>
      </c>
      <c r="E37" s="544"/>
      <c r="F37" s="544"/>
      <c r="G37" s="544"/>
      <c r="H37" s="544"/>
      <c r="I37" s="544"/>
      <c r="J37" s="544"/>
      <c r="K37" s="544"/>
      <c r="L37" s="544"/>
      <c r="M37" s="544"/>
      <c r="N37" s="544"/>
      <c r="O37" s="544"/>
      <c r="P37" s="544"/>
      <c r="Q37" s="544"/>
      <c r="R37" s="544"/>
      <c r="S37" s="544"/>
      <c r="T37" s="545"/>
      <c r="U37" s="221" t="s">
        <v>1815</v>
      </c>
      <c r="V37" s="546" t="s">
        <v>107</v>
      </c>
      <c r="W37" s="548"/>
      <c r="X37" s="408" t="s">
        <v>102</v>
      </c>
      <c r="Y37" s="415">
        <v>1</v>
      </c>
      <c r="Z37" s="415" t="s">
        <v>103</v>
      </c>
      <c r="AA37" s="646"/>
      <c r="AB37" s="647"/>
      <c r="AC37" s="549"/>
      <c r="AD37" s="550"/>
      <c r="AE37" s="551"/>
      <c r="AF37" s="265"/>
      <c r="AG37" s="38"/>
      <c r="AH37" s="54"/>
      <c r="AI37" s="3" t="str">
        <f t="shared" si="0"/>
        <v>■</v>
      </c>
    </row>
    <row r="38" spans="1:35" s="1" customFormat="1">
      <c r="A38" s="20"/>
      <c r="B38" s="552">
        <v>13</v>
      </c>
      <c r="C38" s="553"/>
      <c r="D38" s="554" t="s">
        <v>1816</v>
      </c>
      <c r="E38" s="555"/>
      <c r="F38" s="555"/>
      <c r="G38" s="555"/>
      <c r="H38" s="555"/>
      <c r="I38" s="555"/>
      <c r="J38" s="555"/>
      <c r="K38" s="555"/>
      <c r="L38" s="555"/>
      <c r="M38" s="555"/>
      <c r="N38" s="555"/>
      <c r="O38" s="555"/>
      <c r="P38" s="555"/>
      <c r="Q38" s="555"/>
      <c r="R38" s="555"/>
      <c r="S38" s="555"/>
      <c r="T38" s="556"/>
      <c r="U38" s="320" t="s">
        <v>1817</v>
      </c>
      <c r="V38" s="557" t="s">
        <v>107</v>
      </c>
      <c r="W38" s="559"/>
      <c r="X38" s="409" t="s">
        <v>102</v>
      </c>
      <c r="Y38" s="419">
        <v>11</v>
      </c>
      <c r="Z38" s="419" t="s">
        <v>103</v>
      </c>
      <c r="AA38" s="569" t="s">
        <v>109</v>
      </c>
      <c r="AB38" s="570"/>
      <c r="AC38" s="560"/>
      <c r="AD38" s="561"/>
      <c r="AE38" s="562"/>
      <c r="AF38" s="321" t="s">
        <v>416</v>
      </c>
      <c r="AG38" s="38"/>
      <c r="AH38" s="26"/>
      <c r="AI38" s="3" t="str">
        <f t="shared" si="0"/>
        <v>■</v>
      </c>
    </row>
    <row r="39" spans="1:35" s="1" customFormat="1">
      <c r="A39" s="20"/>
      <c r="B39" s="541">
        <v>14</v>
      </c>
      <c r="C39" s="542"/>
      <c r="D39" s="543" t="s">
        <v>1818</v>
      </c>
      <c r="E39" s="544"/>
      <c r="F39" s="544"/>
      <c r="G39" s="544"/>
      <c r="H39" s="544"/>
      <c r="I39" s="544"/>
      <c r="J39" s="544"/>
      <c r="K39" s="544"/>
      <c r="L39" s="544"/>
      <c r="M39" s="544"/>
      <c r="N39" s="544"/>
      <c r="O39" s="544"/>
      <c r="P39" s="544"/>
      <c r="Q39" s="544"/>
      <c r="R39" s="544"/>
      <c r="S39" s="544"/>
      <c r="T39" s="545"/>
      <c r="U39" s="225" t="s">
        <v>1819</v>
      </c>
      <c r="V39" s="546" t="s">
        <v>107</v>
      </c>
      <c r="W39" s="548"/>
      <c r="X39" s="408" t="s">
        <v>102</v>
      </c>
      <c r="Y39" s="415">
        <v>3</v>
      </c>
      <c r="Z39" s="415" t="s">
        <v>103</v>
      </c>
      <c r="AA39" s="646"/>
      <c r="AB39" s="647"/>
      <c r="AC39" s="549"/>
      <c r="AD39" s="550"/>
      <c r="AE39" s="551"/>
      <c r="AF39" s="265"/>
      <c r="AG39" s="48"/>
      <c r="AH39" s="26"/>
      <c r="AI39" s="3" t="str">
        <f t="shared" si="0"/>
        <v>■</v>
      </c>
    </row>
    <row r="40" spans="1:35" s="1" customFormat="1">
      <c r="A40" s="20"/>
      <c r="B40" s="541">
        <v>15</v>
      </c>
      <c r="C40" s="542"/>
      <c r="D40" s="543" t="s">
        <v>1820</v>
      </c>
      <c r="E40" s="544"/>
      <c r="F40" s="544"/>
      <c r="G40" s="544"/>
      <c r="H40" s="544"/>
      <c r="I40" s="544"/>
      <c r="J40" s="544"/>
      <c r="K40" s="544"/>
      <c r="L40" s="544"/>
      <c r="M40" s="544"/>
      <c r="N40" s="544"/>
      <c r="O40" s="544"/>
      <c r="P40" s="544"/>
      <c r="Q40" s="544"/>
      <c r="R40" s="544"/>
      <c r="S40" s="544"/>
      <c r="T40" s="545"/>
      <c r="U40" s="225" t="s">
        <v>1821</v>
      </c>
      <c r="V40" s="546" t="s">
        <v>107</v>
      </c>
      <c r="W40" s="548"/>
      <c r="X40" s="408" t="s">
        <v>102</v>
      </c>
      <c r="Y40" s="415">
        <v>8</v>
      </c>
      <c r="Z40" s="415" t="s">
        <v>103</v>
      </c>
      <c r="AA40" s="646"/>
      <c r="AB40" s="647"/>
      <c r="AC40" s="549"/>
      <c r="AD40" s="550"/>
      <c r="AE40" s="551"/>
      <c r="AF40" s="265"/>
      <c r="AG40" s="48"/>
      <c r="AH40" s="26"/>
      <c r="AI40" s="3" t="str">
        <f t="shared" si="0"/>
        <v>■</v>
      </c>
    </row>
    <row r="41" spans="1:35" s="1" customFormat="1">
      <c r="A41" s="20"/>
      <c r="B41" s="676">
        <v>16</v>
      </c>
      <c r="C41" s="677"/>
      <c r="D41" s="678" t="s">
        <v>1822</v>
      </c>
      <c r="E41" s="679"/>
      <c r="F41" s="679"/>
      <c r="G41" s="679"/>
      <c r="H41" s="679"/>
      <c r="I41" s="679"/>
      <c r="J41" s="679"/>
      <c r="K41" s="679"/>
      <c r="L41" s="679"/>
      <c r="M41" s="679"/>
      <c r="N41" s="679"/>
      <c r="O41" s="679"/>
      <c r="P41" s="679"/>
      <c r="Q41" s="679"/>
      <c r="R41" s="679"/>
      <c r="S41" s="679"/>
      <c r="T41" s="680"/>
      <c r="U41" s="261" t="s">
        <v>1823</v>
      </c>
      <c r="V41" s="681" t="s">
        <v>107</v>
      </c>
      <c r="W41" s="683"/>
      <c r="X41" s="409" t="s">
        <v>102</v>
      </c>
      <c r="Y41" s="417">
        <v>10</v>
      </c>
      <c r="Z41" s="417" t="s">
        <v>103</v>
      </c>
      <c r="AA41" s="648" t="s">
        <v>109</v>
      </c>
      <c r="AB41" s="649"/>
      <c r="AC41" s="684"/>
      <c r="AD41" s="685"/>
      <c r="AE41" s="686"/>
      <c r="AF41" s="350" t="s">
        <v>416</v>
      </c>
      <c r="AG41" s="38"/>
      <c r="AH41" s="26"/>
      <c r="AI41" s="3" t="str">
        <f t="shared" si="0"/>
        <v>■</v>
      </c>
    </row>
    <row r="42" spans="1:35" s="1" customFormat="1">
      <c r="A42" s="20"/>
      <c r="B42" s="541">
        <v>17</v>
      </c>
      <c r="C42" s="542"/>
      <c r="D42" s="543" t="s">
        <v>1824</v>
      </c>
      <c r="E42" s="544"/>
      <c r="F42" s="544"/>
      <c r="G42" s="544"/>
      <c r="H42" s="544"/>
      <c r="I42" s="544"/>
      <c r="J42" s="544"/>
      <c r="K42" s="544"/>
      <c r="L42" s="544"/>
      <c r="M42" s="544"/>
      <c r="N42" s="544"/>
      <c r="O42" s="544"/>
      <c r="P42" s="544"/>
      <c r="Q42" s="544"/>
      <c r="R42" s="544"/>
      <c r="S42" s="544"/>
      <c r="T42" s="545"/>
      <c r="U42" s="225" t="s">
        <v>1825</v>
      </c>
      <c r="V42" s="546" t="s">
        <v>107</v>
      </c>
      <c r="W42" s="548"/>
      <c r="X42" s="408" t="s">
        <v>102</v>
      </c>
      <c r="Y42" s="415">
        <v>10</v>
      </c>
      <c r="Z42" s="415" t="s">
        <v>103</v>
      </c>
      <c r="AA42" s="646"/>
      <c r="AB42" s="647"/>
      <c r="AC42" s="549"/>
      <c r="AD42" s="550"/>
      <c r="AE42" s="551"/>
      <c r="AF42" s="265" t="s">
        <v>3020</v>
      </c>
      <c r="AG42" s="38"/>
      <c r="AH42" s="26"/>
      <c r="AI42" s="3" t="str">
        <f t="shared" si="0"/>
        <v>■</v>
      </c>
    </row>
    <row r="43" spans="1:35" s="1" customFormat="1">
      <c r="A43" s="20"/>
      <c r="B43" s="552">
        <v>18</v>
      </c>
      <c r="C43" s="553"/>
      <c r="D43" s="554" t="s">
        <v>1826</v>
      </c>
      <c r="E43" s="555"/>
      <c r="F43" s="555"/>
      <c r="G43" s="555"/>
      <c r="H43" s="555"/>
      <c r="I43" s="555"/>
      <c r="J43" s="555"/>
      <c r="K43" s="555"/>
      <c r="L43" s="555"/>
      <c r="M43" s="555"/>
      <c r="N43" s="555"/>
      <c r="O43" s="555"/>
      <c r="P43" s="555"/>
      <c r="Q43" s="555"/>
      <c r="R43" s="555"/>
      <c r="S43" s="555"/>
      <c r="T43" s="556"/>
      <c r="U43" s="220" t="s">
        <v>546</v>
      </c>
      <c r="V43" s="557" t="s">
        <v>107</v>
      </c>
      <c r="W43" s="559"/>
      <c r="X43" s="409" t="s">
        <v>102</v>
      </c>
      <c r="Y43" s="419">
        <v>8</v>
      </c>
      <c r="Z43" s="419" t="s">
        <v>103</v>
      </c>
      <c r="AA43" s="569" t="s">
        <v>109</v>
      </c>
      <c r="AB43" s="570"/>
      <c r="AC43" s="560"/>
      <c r="AD43" s="561"/>
      <c r="AE43" s="562"/>
      <c r="AF43" s="321" t="s">
        <v>416</v>
      </c>
      <c r="AG43" s="38"/>
      <c r="AH43" s="26"/>
      <c r="AI43" s="3" t="str">
        <f t="shared" si="0"/>
        <v>■</v>
      </c>
    </row>
    <row r="44" spans="1:35" s="1" customFormat="1">
      <c r="A44" s="20"/>
      <c r="B44" s="552">
        <v>19</v>
      </c>
      <c r="C44" s="553"/>
      <c r="D44" s="554" t="s">
        <v>1827</v>
      </c>
      <c r="E44" s="555"/>
      <c r="F44" s="555"/>
      <c r="G44" s="555"/>
      <c r="H44" s="555"/>
      <c r="I44" s="555"/>
      <c r="J44" s="555"/>
      <c r="K44" s="555"/>
      <c r="L44" s="555"/>
      <c r="M44" s="555"/>
      <c r="N44" s="555"/>
      <c r="O44" s="555"/>
      <c r="P44" s="555"/>
      <c r="Q44" s="555"/>
      <c r="R44" s="555"/>
      <c r="S44" s="555"/>
      <c r="T44" s="556"/>
      <c r="U44" s="220" t="s">
        <v>548</v>
      </c>
      <c r="V44" s="557" t="s">
        <v>101</v>
      </c>
      <c r="W44" s="559"/>
      <c r="X44" s="409" t="s">
        <v>102</v>
      </c>
      <c r="Y44" s="419">
        <v>8</v>
      </c>
      <c r="Z44" s="419" t="s">
        <v>103</v>
      </c>
      <c r="AA44" s="569" t="s">
        <v>109</v>
      </c>
      <c r="AB44" s="570"/>
      <c r="AC44" s="560"/>
      <c r="AD44" s="561"/>
      <c r="AE44" s="562"/>
      <c r="AF44" s="321" t="s">
        <v>416</v>
      </c>
      <c r="AG44" s="38"/>
      <c r="AH44" s="26"/>
      <c r="AI44" s="3" t="str">
        <f t="shared" si="0"/>
        <v>■</v>
      </c>
    </row>
    <row r="45" spans="1:35" s="1" customFormat="1">
      <c r="A45" s="20"/>
      <c r="B45" s="541">
        <v>20</v>
      </c>
      <c r="C45" s="542"/>
      <c r="D45" s="543" t="s">
        <v>1828</v>
      </c>
      <c r="E45" s="544"/>
      <c r="F45" s="544"/>
      <c r="G45" s="544"/>
      <c r="H45" s="544"/>
      <c r="I45" s="544"/>
      <c r="J45" s="544"/>
      <c r="K45" s="544"/>
      <c r="L45" s="544"/>
      <c r="M45" s="544"/>
      <c r="N45" s="544"/>
      <c r="O45" s="544"/>
      <c r="P45" s="544"/>
      <c r="Q45" s="544"/>
      <c r="R45" s="544"/>
      <c r="S45" s="544"/>
      <c r="T45" s="545"/>
      <c r="U45" s="221" t="s">
        <v>550</v>
      </c>
      <c r="V45" s="546" t="s">
        <v>101</v>
      </c>
      <c r="W45" s="548"/>
      <c r="X45" s="408" t="s">
        <v>102</v>
      </c>
      <c r="Y45" s="415">
        <v>8</v>
      </c>
      <c r="Z45" s="415" t="s">
        <v>103</v>
      </c>
      <c r="AA45" s="646"/>
      <c r="AB45" s="647"/>
      <c r="AC45" s="549"/>
      <c r="AD45" s="550"/>
      <c r="AE45" s="551"/>
      <c r="AF45" s="265" t="s">
        <v>3020</v>
      </c>
      <c r="AG45" s="38"/>
      <c r="AH45" s="26"/>
      <c r="AI45" s="3" t="str">
        <f t="shared" si="0"/>
        <v>■</v>
      </c>
    </row>
    <row r="46" spans="1:35" s="1" customFormat="1">
      <c r="A46" s="20"/>
      <c r="B46" s="541">
        <v>21</v>
      </c>
      <c r="C46" s="542"/>
      <c r="D46" s="543" t="s">
        <v>1829</v>
      </c>
      <c r="E46" s="544"/>
      <c r="F46" s="544"/>
      <c r="G46" s="544"/>
      <c r="H46" s="544"/>
      <c r="I46" s="544"/>
      <c r="J46" s="544"/>
      <c r="K46" s="544"/>
      <c r="L46" s="544"/>
      <c r="M46" s="544"/>
      <c r="N46" s="544"/>
      <c r="O46" s="544"/>
      <c r="P46" s="544"/>
      <c r="Q46" s="544"/>
      <c r="R46" s="544"/>
      <c r="S46" s="544"/>
      <c r="T46" s="545"/>
      <c r="U46" s="221" t="s">
        <v>1830</v>
      </c>
      <c r="V46" s="546" t="s">
        <v>107</v>
      </c>
      <c r="W46" s="548"/>
      <c r="X46" s="408" t="s">
        <v>102</v>
      </c>
      <c r="Y46" s="415">
        <v>2</v>
      </c>
      <c r="Z46" s="415" t="s">
        <v>103</v>
      </c>
      <c r="AA46" s="646"/>
      <c r="AB46" s="647"/>
      <c r="AC46" s="549"/>
      <c r="AD46" s="550"/>
      <c r="AE46" s="551"/>
      <c r="AF46" s="265"/>
      <c r="AG46" s="38"/>
      <c r="AH46" s="26"/>
      <c r="AI46" s="3" t="str">
        <f t="shared" si="0"/>
        <v>■</v>
      </c>
    </row>
    <row r="47" spans="1:35" s="1" customFormat="1">
      <c r="A47" s="20"/>
      <c r="B47" s="541">
        <v>22</v>
      </c>
      <c r="C47" s="542"/>
      <c r="D47" s="543" t="s">
        <v>1831</v>
      </c>
      <c r="E47" s="544"/>
      <c r="F47" s="544"/>
      <c r="G47" s="544"/>
      <c r="H47" s="544"/>
      <c r="I47" s="544"/>
      <c r="J47" s="544"/>
      <c r="K47" s="544"/>
      <c r="L47" s="544"/>
      <c r="M47" s="544"/>
      <c r="N47" s="544"/>
      <c r="O47" s="544"/>
      <c r="P47" s="544"/>
      <c r="Q47" s="544"/>
      <c r="R47" s="544"/>
      <c r="S47" s="544"/>
      <c r="T47" s="545"/>
      <c r="U47" s="221" t="s">
        <v>1832</v>
      </c>
      <c r="V47" s="546" t="s">
        <v>107</v>
      </c>
      <c r="W47" s="548"/>
      <c r="X47" s="408" t="s">
        <v>102</v>
      </c>
      <c r="Y47" s="415">
        <v>1</v>
      </c>
      <c r="Z47" s="415" t="s">
        <v>103</v>
      </c>
      <c r="AA47" s="646"/>
      <c r="AB47" s="647"/>
      <c r="AC47" s="549"/>
      <c r="AD47" s="550"/>
      <c r="AE47" s="551"/>
      <c r="AF47" s="265"/>
      <c r="AG47" s="38"/>
      <c r="AH47" s="26"/>
      <c r="AI47" s="3" t="str">
        <f t="shared" si="0"/>
        <v>■</v>
      </c>
    </row>
    <row r="48" spans="1:35" s="1" customFormat="1">
      <c r="A48" s="20"/>
      <c r="B48" s="541">
        <v>23</v>
      </c>
      <c r="C48" s="542"/>
      <c r="D48" s="543" t="s">
        <v>1366</v>
      </c>
      <c r="E48" s="544"/>
      <c r="F48" s="544"/>
      <c r="G48" s="544"/>
      <c r="H48" s="544"/>
      <c r="I48" s="544"/>
      <c r="J48" s="544"/>
      <c r="K48" s="544"/>
      <c r="L48" s="544"/>
      <c r="M48" s="544"/>
      <c r="N48" s="544"/>
      <c r="O48" s="544"/>
      <c r="P48" s="544"/>
      <c r="Q48" s="544"/>
      <c r="R48" s="544"/>
      <c r="S48" s="544"/>
      <c r="T48" s="545"/>
      <c r="U48" s="221" t="s">
        <v>516</v>
      </c>
      <c r="V48" s="546" t="s">
        <v>107</v>
      </c>
      <c r="W48" s="548"/>
      <c r="X48" s="408" t="s">
        <v>102</v>
      </c>
      <c r="Y48" s="415">
        <v>6</v>
      </c>
      <c r="Z48" s="415" t="s">
        <v>103</v>
      </c>
      <c r="AA48" s="646"/>
      <c r="AB48" s="647"/>
      <c r="AC48" s="549"/>
      <c r="AD48" s="550"/>
      <c r="AE48" s="551"/>
      <c r="AF48" s="265"/>
      <c r="AG48" s="38"/>
      <c r="AH48" s="26"/>
      <c r="AI48" s="3" t="str">
        <f t="shared" si="0"/>
        <v>■</v>
      </c>
    </row>
    <row r="49" spans="1:35" s="1" customFormat="1">
      <c r="A49" s="20"/>
      <c r="B49" s="541">
        <v>24</v>
      </c>
      <c r="C49" s="542"/>
      <c r="D49" s="543" t="s">
        <v>1833</v>
      </c>
      <c r="E49" s="544"/>
      <c r="F49" s="544"/>
      <c r="G49" s="544"/>
      <c r="H49" s="544"/>
      <c r="I49" s="544"/>
      <c r="J49" s="544"/>
      <c r="K49" s="544"/>
      <c r="L49" s="544"/>
      <c r="M49" s="544"/>
      <c r="N49" s="544"/>
      <c r="O49" s="544"/>
      <c r="P49" s="544"/>
      <c r="Q49" s="544"/>
      <c r="R49" s="544"/>
      <c r="S49" s="544"/>
      <c r="T49" s="545"/>
      <c r="U49" s="221" t="s">
        <v>518</v>
      </c>
      <c r="V49" s="546" t="s">
        <v>101</v>
      </c>
      <c r="W49" s="548"/>
      <c r="X49" s="408" t="s">
        <v>102</v>
      </c>
      <c r="Y49" s="415">
        <v>3</v>
      </c>
      <c r="Z49" s="415" t="s">
        <v>103</v>
      </c>
      <c r="AA49" s="646"/>
      <c r="AB49" s="647"/>
      <c r="AC49" s="549"/>
      <c r="AD49" s="550"/>
      <c r="AE49" s="551"/>
      <c r="AF49" s="265"/>
      <c r="AG49" s="38"/>
      <c r="AH49" s="26"/>
      <c r="AI49" s="3" t="str">
        <f t="shared" si="0"/>
        <v>■</v>
      </c>
    </row>
    <row r="50" spans="1:35" s="1" customFormat="1">
      <c r="A50" s="20"/>
      <c r="B50" s="541">
        <v>25</v>
      </c>
      <c r="C50" s="542"/>
      <c r="D50" s="543" t="s">
        <v>1834</v>
      </c>
      <c r="E50" s="544"/>
      <c r="F50" s="544"/>
      <c r="G50" s="544"/>
      <c r="H50" s="544"/>
      <c r="I50" s="544"/>
      <c r="J50" s="544"/>
      <c r="K50" s="544"/>
      <c r="L50" s="544"/>
      <c r="M50" s="544"/>
      <c r="N50" s="544"/>
      <c r="O50" s="544"/>
      <c r="P50" s="544"/>
      <c r="Q50" s="544"/>
      <c r="R50" s="544"/>
      <c r="S50" s="544"/>
      <c r="T50" s="545"/>
      <c r="U50" s="221" t="s">
        <v>520</v>
      </c>
      <c r="V50" s="546" t="s">
        <v>101</v>
      </c>
      <c r="W50" s="548"/>
      <c r="X50" s="408" t="s">
        <v>102</v>
      </c>
      <c r="Y50" s="415">
        <v>3</v>
      </c>
      <c r="Z50" s="415" t="s">
        <v>103</v>
      </c>
      <c r="AA50" s="646"/>
      <c r="AB50" s="647"/>
      <c r="AC50" s="549"/>
      <c r="AD50" s="550"/>
      <c r="AE50" s="551"/>
      <c r="AF50" s="265"/>
      <c r="AG50" s="38"/>
      <c r="AH50" s="26"/>
      <c r="AI50" s="3" t="str">
        <f t="shared" si="0"/>
        <v>■</v>
      </c>
    </row>
    <row r="51" spans="1:35" s="1" customFormat="1">
      <c r="A51" s="20"/>
      <c r="B51" s="552">
        <v>26</v>
      </c>
      <c r="C51" s="553"/>
      <c r="D51" s="554" t="s">
        <v>1835</v>
      </c>
      <c r="E51" s="555"/>
      <c r="F51" s="555"/>
      <c r="G51" s="555"/>
      <c r="H51" s="555"/>
      <c r="I51" s="555"/>
      <c r="J51" s="555"/>
      <c r="K51" s="555"/>
      <c r="L51" s="555"/>
      <c r="M51" s="555"/>
      <c r="N51" s="555"/>
      <c r="O51" s="555"/>
      <c r="P51" s="555"/>
      <c r="Q51" s="555"/>
      <c r="R51" s="555"/>
      <c r="S51" s="555"/>
      <c r="T51" s="556"/>
      <c r="U51" s="220" t="s">
        <v>522</v>
      </c>
      <c r="V51" s="557" t="s">
        <v>107</v>
      </c>
      <c r="W51" s="559"/>
      <c r="X51" s="409" t="s">
        <v>108</v>
      </c>
      <c r="Y51" s="419">
        <v>3</v>
      </c>
      <c r="Z51" s="419">
        <v>0</v>
      </c>
      <c r="AA51" s="569" t="s">
        <v>109</v>
      </c>
      <c r="AB51" s="570"/>
      <c r="AC51" s="560"/>
      <c r="AD51" s="561"/>
      <c r="AE51" s="562"/>
      <c r="AF51" s="321" t="s">
        <v>416</v>
      </c>
      <c r="AG51" s="48"/>
      <c r="AH51" s="26"/>
      <c r="AI51" s="3" t="str">
        <f t="shared" si="0"/>
        <v>■</v>
      </c>
    </row>
    <row r="52" spans="1:35" s="1" customFormat="1">
      <c r="A52" s="20"/>
      <c r="B52" s="541">
        <v>27</v>
      </c>
      <c r="C52" s="542"/>
      <c r="D52" s="543" t="s">
        <v>1836</v>
      </c>
      <c r="E52" s="544"/>
      <c r="F52" s="544"/>
      <c r="G52" s="544"/>
      <c r="H52" s="544"/>
      <c r="I52" s="544"/>
      <c r="J52" s="544"/>
      <c r="K52" s="544"/>
      <c r="L52" s="544"/>
      <c r="M52" s="544"/>
      <c r="N52" s="544"/>
      <c r="O52" s="544"/>
      <c r="P52" s="544"/>
      <c r="Q52" s="544"/>
      <c r="R52" s="544"/>
      <c r="S52" s="544"/>
      <c r="T52" s="545"/>
      <c r="U52" s="221" t="s">
        <v>524</v>
      </c>
      <c r="V52" s="546" t="s">
        <v>101</v>
      </c>
      <c r="W52" s="548"/>
      <c r="X52" s="408" t="s">
        <v>102</v>
      </c>
      <c r="Y52" s="415">
        <v>3</v>
      </c>
      <c r="Z52" s="415" t="s">
        <v>103</v>
      </c>
      <c r="AA52" s="646"/>
      <c r="AB52" s="647"/>
      <c r="AC52" s="549"/>
      <c r="AD52" s="550"/>
      <c r="AE52" s="551"/>
      <c r="AF52" s="265"/>
      <c r="AG52" s="48"/>
      <c r="AH52" s="26"/>
      <c r="AI52" s="3" t="str">
        <f t="shared" si="0"/>
        <v>■</v>
      </c>
    </row>
    <row r="53" spans="1:35" s="1" customFormat="1">
      <c r="A53" s="20"/>
      <c r="B53" s="541">
        <v>28</v>
      </c>
      <c r="C53" s="542"/>
      <c r="D53" s="543" t="s">
        <v>1837</v>
      </c>
      <c r="E53" s="544"/>
      <c r="F53" s="544"/>
      <c r="G53" s="544"/>
      <c r="H53" s="544"/>
      <c r="I53" s="544"/>
      <c r="J53" s="544"/>
      <c r="K53" s="544"/>
      <c r="L53" s="544"/>
      <c r="M53" s="544"/>
      <c r="N53" s="544"/>
      <c r="O53" s="544"/>
      <c r="P53" s="544"/>
      <c r="Q53" s="544"/>
      <c r="R53" s="544"/>
      <c r="S53" s="544"/>
      <c r="T53" s="545"/>
      <c r="U53" s="221" t="s">
        <v>526</v>
      </c>
      <c r="V53" s="546" t="s">
        <v>101</v>
      </c>
      <c r="W53" s="548"/>
      <c r="X53" s="408" t="s">
        <v>102</v>
      </c>
      <c r="Y53" s="415">
        <v>3</v>
      </c>
      <c r="Z53" s="415" t="s">
        <v>103</v>
      </c>
      <c r="AA53" s="646"/>
      <c r="AB53" s="647"/>
      <c r="AC53" s="549"/>
      <c r="AD53" s="550"/>
      <c r="AE53" s="551"/>
      <c r="AF53" s="265"/>
      <c r="AG53" s="48"/>
      <c r="AH53" s="26"/>
      <c r="AI53" s="3" t="str">
        <f t="shared" si="0"/>
        <v>■</v>
      </c>
    </row>
    <row r="54" spans="1:35" s="13" customFormat="1">
      <c r="A54" s="20"/>
      <c r="B54" s="541">
        <v>29</v>
      </c>
      <c r="C54" s="542"/>
      <c r="D54" s="543" t="s">
        <v>1838</v>
      </c>
      <c r="E54" s="544"/>
      <c r="F54" s="544"/>
      <c r="G54" s="544"/>
      <c r="H54" s="544"/>
      <c r="I54" s="544"/>
      <c r="J54" s="544"/>
      <c r="K54" s="544"/>
      <c r="L54" s="544"/>
      <c r="M54" s="544"/>
      <c r="N54" s="544"/>
      <c r="O54" s="544"/>
      <c r="P54" s="544"/>
      <c r="Q54" s="544"/>
      <c r="R54" s="544"/>
      <c r="S54" s="544"/>
      <c r="T54" s="545"/>
      <c r="U54" s="221" t="s">
        <v>1839</v>
      </c>
      <c r="V54" s="546" t="s">
        <v>107</v>
      </c>
      <c r="W54" s="548"/>
      <c r="X54" s="408" t="s">
        <v>102</v>
      </c>
      <c r="Y54" s="415">
        <v>4</v>
      </c>
      <c r="Z54" s="415" t="s">
        <v>103</v>
      </c>
      <c r="AA54" s="646"/>
      <c r="AB54" s="647"/>
      <c r="AC54" s="549"/>
      <c r="AD54" s="550"/>
      <c r="AE54" s="551"/>
      <c r="AF54" s="265"/>
      <c r="AG54" s="48"/>
      <c r="AH54" s="54"/>
      <c r="AI54" s="3" t="str">
        <f t="shared" si="0"/>
        <v>■</v>
      </c>
    </row>
    <row r="55" spans="1:35" s="13" customFormat="1">
      <c r="A55" s="20"/>
      <c r="B55" s="541">
        <v>30</v>
      </c>
      <c r="C55" s="542"/>
      <c r="D55" s="543" t="s">
        <v>527</v>
      </c>
      <c r="E55" s="544"/>
      <c r="F55" s="544"/>
      <c r="G55" s="544"/>
      <c r="H55" s="544"/>
      <c r="I55" s="544"/>
      <c r="J55" s="544"/>
      <c r="K55" s="544"/>
      <c r="L55" s="544"/>
      <c r="M55" s="544"/>
      <c r="N55" s="544"/>
      <c r="O55" s="544"/>
      <c r="P55" s="544"/>
      <c r="Q55" s="544"/>
      <c r="R55" s="544"/>
      <c r="S55" s="544"/>
      <c r="T55" s="545"/>
      <c r="U55" s="221" t="s">
        <v>528</v>
      </c>
      <c r="V55" s="546" t="s">
        <v>101</v>
      </c>
      <c r="W55" s="548"/>
      <c r="X55" s="408" t="s">
        <v>102</v>
      </c>
      <c r="Y55" s="415">
        <v>64</v>
      </c>
      <c r="Z55" s="415" t="s">
        <v>103</v>
      </c>
      <c r="AA55" s="646"/>
      <c r="AB55" s="647"/>
      <c r="AC55" s="549"/>
      <c r="AD55" s="550"/>
      <c r="AE55" s="551"/>
      <c r="AF55" s="265"/>
      <c r="AG55" s="48"/>
      <c r="AH55" s="54"/>
      <c r="AI55" s="3" t="str">
        <f t="shared" si="0"/>
        <v>■</v>
      </c>
    </row>
    <row r="56" spans="1:35" s="1" customFormat="1">
      <c r="A56" s="20"/>
      <c r="B56" s="541">
        <v>31</v>
      </c>
      <c r="C56" s="542"/>
      <c r="D56" s="543" t="s">
        <v>531</v>
      </c>
      <c r="E56" s="544"/>
      <c r="F56" s="544"/>
      <c r="G56" s="544"/>
      <c r="H56" s="544"/>
      <c r="I56" s="544"/>
      <c r="J56" s="544"/>
      <c r="K56" s="544"/>
      <c r="L56" s="544"/>
      <c r="M56" s="544"/>
      <c r="N56" s="544"/>
      <c r="O56" s="544"/>
      <c r="P56" s="544"/>
      <c r="Q56" s="544"/>
      <c r="R56" s="544"/>
      <c r="S56" s="544"/>
      <c r="T56" s="545"/>
      <c r="U56" s="221" t="s">
        <v>532</v>
      </c>
      <c r="V56" s="546" t="s">
        <v>101</v>
      </c>
      <c r="W56" s="548"/>
      <c r="X56" s="408" t="s">
        <v>102</v>
      </c>
      <c r="Y56" s="415">
        <v>64</v>
      </c>
      <c r="Z56" s="415" t="s">
        <v>103</v>
      </c>
      <c r="AA56" s="646"/>
      <c r="AB56" s="647"/>
      <c r="AC56" s="549"/>
      <c r="AD56" s="550"/>
      <c r="AE56" s="551"/>
      <c r="AF56" s="265"/>
      <c r="AG56" s="48"/>
      <c r="AH56" s="26"/>
      <c r="AI56" s="3" t="str">
        <f t="shared" si="0"/>
        <v>■</v>
      </c>
    </row>
    <row r="57" spans="1:35" s="1" customFormat="1">
      <c r="A57" s="20"/>
      <c r="B57" s="552">
        <v>32</v>
      </c>
      <c r="C57" s="553"/>
      <c r="D57" s="554" t="s">
        <v>1840</v>
      </c>
      <c r="E57" s="555"/>
      <c r="F57" s="555"/>
      <c r="G57" s="555"/>
      <c r="H57" s="555"/>
      <c r="I57" s="555"/>
      <c r="J57" s="555"/>
      <c r="K57" s="555"/>
      <c r="L57" s="555"/>
      <c r="M57" s="555"/>
      <c r="N57" s="555"/>
      <c r="O57" s="555"/>
      <c r="P57" s="555"/>
      <c r="Q57" s="555"/>
      <c r="R57" s="555"/>
      <c r="S57" s="555"/>
      <c r="T57" s="556"/>
      <c r="U57" s="319" t="s">
        <v>1841</v>
      </c>
      <c r="V57" s="557" t="s">
        <v>107</v>
      </c>
      <c r="W57" s="559"/>
      <c r="X57" s="409" t="s">
        <v>102</v>
      </c>
      <c r="Y57" s="419">
        <v>10</v>
      </c>
      <c r="Z57" s="419" t="s">
        <v>103</v>
      </c>
      <c r="AA57" s="569"/>
      <c r="AB57" s="570"/>
      <c r="AC57" s="560"/>
      <c r="AD57" s="561"/>
      <c r="AE57" s="562"/>
      <c r="AF57" s="321" t="s">
        <v>416</v>
      </c>
      <c r="AG57" s="38"/>
      <c r="AH57" s="26"/>
      <c r="AI57" s="3" t="str">
        <f t="shared" si="0"/>
        <v>■</v>
      </c>
    </row>
    <row r="58" spans="1:35" s="1" customFormat="1">
      <c r="A58" s="20"/>
      <c r="B58" s="552">
        <v>33</v>
      </c>
      <c r="C58" s="553"/>
      <c r="D58" s="554" t="s">
        <v>1842</v>
      </c>
      <c r="E58" s="555"/>
      <c r="F58" s="555"/>
      <c r="G58" s="555"/>
      <c r="H58" s="555"/>
      <c r="I58" s="555"/>
      <c r="J58" s="555"/>
      <c r="K58" s="555"/>
      <c r="L58" s="555"/>
      <c r="M58" s="555"/>
      <c r="N58" s="555"/>
      <c r="O58" s="555"/>
      <c r="P58" s="555"/>
      <c r="Q58" s="555"/>
      <c r="R58" s="555"/>
      <c r="S58" s="555"/>
      <c r="T58" s="556"/>
      <c r="U58" s="319" t="s">
        <v>1843</v>
      </c>
      <c r="V58" s="557" t="s">
        <v>1844</v>
      </c>
      <c r="W58" s="559"/>
      <c r="X58" s="409" t="s">
        <v>102</v>
      </c>
      <c r="Y58" s="419">
        <v>20</v>
      </c>
      <c r="Z58" s="419" t="s">
        <v>103</v>
      </c>
      <c r="AA58" s="569"/>
      <c r="AB58" s="570"/>
      <c r="AC58" s="560"/>
      <c r="AD58" s="561"/>
      <c r="AE58" s="562"/>
      <c r="AF58" s="321" t="s">
        <v>416</v>
      </c>
      <c r="AG58" s="38"/>
      <c r="AH58" s="26"/>
      <c r="AI58" s="3" t="str">
        <f t="shared" si="0"/>
        <v>■</v>
      </c>
    </row>
    <row r="59" spans="1:35" s="1" customFormat="1">
      <c r="A59" s="20"/>
      <c r="B59" s="552">
        <v>34</v>
      </c>
      <c r="C59" s="553"/>
      <c r="D59" s="554" t="s">
        <v>1845</v>
      </c>
      <c r="E59" s="555"/>
      <c r="F59" s="555"/>
      <c r="G59" s="555"/>
      <c r="H59" s="555"/>
      <c r="I59" s="555"/>
      <c r="J59" s="555"/>
      <c r="K59" s="555"/>
      <c r="L59" s="555"/>
      <c r="M59" s="555"/>
      <c r="N59" s="555"/>
      <c r="O59" s="555"/>
      <c r="P59" s="555"/>
      <c r="Q59" s="555"/>
      <c r="R59" s="555"/>
      <c r="S59" s="555"/>
      <c r="T59" s="556"/>
      <c r="U59" s="319" t="s">
        <v>1846</v>
      </c>
      <c r="V59" s="557" t="s">
        <v>1847</v>
      </c>
      <c r="W59" s="559"/>
      <c r="X59" s="409" t="s">
        <v>102</v>
      </c>
      <c r="Y59" s="419">
        <v>15</v>
      </c>
      <c r="Z59" s="419" t="s">
        <v>103</v>
      </c>
      <c r="AA59" s="569"/>
      <c r="AB59" s="570"/>
      <c r="AC59" s="560"/>
      <c r="AD59" s="561"/>
      <c r="AE59" s="562"/>
      <c r="AF59" s="321" t="s">
        <v>416</v>
      </c>
      <c r="AG59" s="48"/>
      <c r="AH59" s="26"/>
      <c r="AI59" s="3" t="str">
        <f t="shared" si="0"/>
        <v>■</v>
      </c>
    </row>
    <row r="60" spans="1:35" s="1" customFormat="1">
      <c r="A60" s="20"/>
      <c r="B60" s="552">
        <v>35</v>
      </c>
      <c r="C60" s="553"/>
      <c r="D60" s="554" t="s">
        <v>1848</v>
      </c>
      <c r="E60" s="555"/>
      <c r="F60" s="555"/>
      <c r="G60" s="555"/>
      <c r="H60" s="555"/>
      <c r="I60" s="555"/>
      <c r="J60" s="555"/>
      <c r="K60" s="555"/>
      <c r="L60" s="555"/>
      <c r="M60" s="555"/>
      <c r="N60" s="555"/>
      <c r="O60" s="555"/>
      <c r="P60" s="555"/>
      <c r="Q60" s="555"/>
      <c r="R60" s="555"/>
      <c r="S60" s="555"/>
      <c r="T60" s="556"/>
      <c r="U60" s="319" t="s">
        <v>1849</v>
      </c>
      <c r="V60" s="557" t="s">
        <v>1844</v>
      </c>
      <c r="W60" s="559"/>
      <c r="X60" s="409" t="s">
        <v>102</v>
      </c>
      <c r="Y60" s="419">
        <v>40</v>
      </c>
      <c r="Z60" s="419" t="s">
        <v>103</v>
      </c>
      <c r="AA60" s="569"/>
      <c r="AB60" s="570"/>
      <c r="AC60" s="560"/>
      <c r="AD60" s="561"/>
      <c r="AE60" s="562"/>
      <c r="AF60" s="321" t="s">
        <v>416</v>
      </c>
      <c r="AG60" s="48"/>
      <c r="AH60" s="26"/>
      <c r="AI60" s="3" t="str">
        <f t="shared" si="0"/>
        <v>■</v>
      </c>
    </row>
    <row r="61" spans="1:35" s="1" customFormat="1">
      <c r="A61" s="20"/>
      <c r="B61" s="552">
        <v>36</v>
      </c>
      <c r="C61" s="553"/>
      <c r="D61" s="554" t="s">
        <v>1850</v>
      </c>
      <c r="E61" s="555"/>
      <c r="F61" s="555"/>
      <c r="G61" s="555"/>
      <c r="H61" s="555"/>
      <c r="I61" s="555"/>
      <c r="J61" s="555"/>
      <c r="K61" s="555"/>
      <c r="L61" s="555"/>
      <c r="M61" s="555"/>
      <c r="N61" s="555"/>
      <c r="O61" s="555"/>
      <c r="P61" s="555"/>
      <c r="Q61" s="555"/>
      <c r="R61" s="555"/>
      <c r="S61" s="555"/>
      <c r="T61" s="556"/>
      <c r="U61" s="319" t="s">
        <v>1851</v>
      </c>
      <c r="V61" s="557" t="s">
        <v>1847</v>
      </c>
      <c r="W61" s="559"/>
      <c r="X61" s="409" t="s">
        <v>102</v>
      </c>
      <c r="Y61" s="419">
        <v>8</v>
      </c>
      <c r="Z61" s="419" t="s">
        <v>103</v>
      </c>
      <c r="AA61" s="569"/>
      <c r="AB61" s="570"/>
      <c r="AC61" s="560"/>
      <c r="AD61" s="561"/>
      <c r="AE61" s="562"/>
      <c r="AF61" s="321" t="s">
        <v>416</v>
      </c>
      <c r="AG61" s="48"/>
      <c r="AH61" s="26"/>
      <c r="AI61" s="3" t="str">
        <f t="shared" si="0"/>
        <v>■</v>
      </c>
    </row>
    <row r="62" spans="1:35" s="1" customFormat="1">
      <c r="A62" s="20"/>
      <c r="B62" s="541">
        <v>37</v>
      </c>
      <c r="C62" s="542"/>
      <c r="D62" s="543" t="s">
        <v>1852</v>
      </c>
      <c r="E62" s="544"/>
      <c r="F62" s="544"/>
      <c r="G62" s="544"/>
      <c r="H62" s="544"/>
      <c r="I62" s="544"/>
      <c r="J62" s="544"/>
      <c r="K62" s="544"/>
      <c r="L62" s="544"/>
      <c r="M62" s="544"/>
      <c r="N62" s="544"/>
      <c r="O62" s="544"/>
      <c r="P62" s="544"/>
      <c r="Q62" s="544"/>
      <c r="R62" s="544"/>
      <c r="S62" s="544"/>
      <c r="T62" s="545"/>
      <c r="U62" s="225" t="s">
        <v>541</v>
      </c>
      <c r="V62" s="546" t="s">
        <v>107</v>
      </c>
      <c r="W62" s="548"/>
      <c r="X62" s="408" t="s">
        <v>102</v>
      </c>
      <c r="Y62" s="415">
        <v>2</v>
      </c>
      <c r="Z62" s="415" t="s">
        <v>103</v>
      </c>
      <c r="AA62" s="646"/>
      <c r="AB62" s="647"/>
      <c r="AC62" s="549"/>
      <c r="AD62" s="550"/>
      <c r="AE62" s="551"/>
      <c r="AF62" s="265"/>
      <c r="AG62" s="48"/>
      <c r="AH62" s="26"/>
      <c r="AI62" s="3" t="str">
        <f t="shared" si="0"/>
        <v>■</v>
      </c>
    </row>
    <row r="63" spans="1:35" s="1" customFormat="1">
      <c r="A63" s="70"/>
      <c r="B63" s="26"/>
      <c r="C63" s="26"/>
      <c r="D63" s="26"/>
      <c r="E63" s="26"/>
      <c r="F63" s="26"/>
      <c r="G63" s="26"/>
      <c r="H63" s="26"/>
      <c r="I63" s="26"/>
      <c r="J63" s="26"/>
      <c r="K63" s="26"/>
      <c r="L63" s="26"/>
      <c r="M63" s="26"/>
      <c r="N63" s="26"/>
      <c r="O63" s="26"/>
      <c r="P63" s="26"/>
      <c r="Q63" s="26"/>
      <c r="R63" s="26"/>
      <c r="S63" s="26"/>
      <c r="T63" s="26"/>
      <c r="U63" s="26"/>
      <c r="V63" s="122"/>
      <c r="W63" s="122"/>
      <c r="X63" s="122"/>
      <c r="Y63" s="122"/>
      <c r="Z63" s="122"/>
      <c r="AA63" s="122"/>
      <c r="AB63" s="122"/>
      <c r="AC63" s="122"/>
      <c r="AD63" s="122"/>
      <c r="AE63" s="122"/>
      <c r="AF63" s="26"/>
      <c r="AG63" s="48"/>
      <c r="AH63" s="26"/>
    </row>
    <row r="64" spans="1:35" s="1" customFormat="1">
      <c r="A64" s="20"/>
      <c r="B64" s="52" t="s">
        <v>380</v>
      </c>
      <c r="C64" s="53"/>
      <c r="D64" s="26"/>
      <c r="E64" s="26"/>
      <c r="F64" s="26"/>
      <c r="G64" s="26"/>
      <c r="H64" s="26"/>
      <c r="I64" s="26"/>
      <c r="J64" s="26" t="s">
        <v>1853</v>
      </c>
      <c r="K64" s="26"/>
      <c r="L64" s="71"/>
      <c r="M64" s="26"/>
      <c r="N64" s="26"/>
      <c r="O64" s="26"/>
      <c r="P64" s="26"/>
      <c r="Q64" s="26"/>
      <c r="R64" s="26"/>
      <c r="S64" s="26"/>
      <c r="T64" s="26"/>
      <c r="U64" s="26" t="s">
        <v>1854</v>
      </c>
      <c r="V64" s="122"/>
      <c r="W64" s="122"/>
      <c r="X64" s="122"/>
      <c r="Y64" s="122"/>
      <c r="Z64" s="122"/>
      <c r="AA64" s="122"/>
      <c r="AB64" s="122"/>
      <c r="AC64" s="122"/>
      <c r="AD64" s="122"/>
      <c r="AE64" s="122"/>
      <c r="AF64" s="26"/>
      <c r="AG64" s="48"/>
      <c r="AH64" s="26"/>
    </row>
    <row r="65" spans="1:35" s="1" customFormat="1" ht="13.5" customHeight="1">
      <c r="A65" s="20"/>
      <c r="B65" s="583" t="s">
        <v>73</v>
      </c>
      <c r="C65" s="573"/>
      <c r="D65" s="583" t="s">
        <v>94</v>
      </c>
      <c r="E65" s="583"/>
      <c r="F65" s="583"/>
      <c r="G65" s="583"/>
      <c r="H65" s="583"/>
      <c r="I65" s="583"/>
      <c r="J65" s="583"/>
      <c r="K65" s="583"/>
      <c r="L65" s="583"/>
      <c r="M65" s="583"/>
      <c r="N65" s="583"/>
      <c r="O65" s="583"/>
      <c r="P65" s="583"/>
      <c r="Q65" s="583"/>
      <c r="R65" s="583"/>
      <c r="S65" s="583"/>
      <c r="T65" s="583"/>
      <c r="U65" s="226" t="s">
        <v>383</v>
      </c>
      <c r="V65" s="572" t="s">
        <v>138</v>
      </c>
      <c r="W65" s="572"/>
      <c r="X65" s="581" t="s">
        <v>959</v>
      </c>
      <c r="Y65" s="572" t="s">
        <v>97</v>
      </c>
      <c r="Z65" s="572"/>
      <c r="AA65" s="572" t="s">
        <v>98</v>
      </c>
      <c r="AB65" s="572"/>
      <c r="AC65" s="583" t="s">
        <v>1855</v>
      </c>
      <c r="AD65" s="583"/>
      <c r="AE65" s="583"/>
      <c r="AF65" s="572" t="s">
        <v>159</v>
      </c>
      <c r="AG65" s="48"/>
      <c r="AH65" s="26"/>
    </row>
    <row r="66" spans="1:35" s="1" customFormat="1">
      <c r="A66" s="20"/>
      <c r="B66" s="573"/>
      <c r="C66" s="573"/>
      <c r="D66" s="583"/>
      <c r="E66" s="583"/>
      <c r="F66" s="583"/>
      <c r="G66" s="583"/>
      <c r="H66" s="583"/>
      <c r="I66" s="583"/>
      <c r="J66" s="583"/>
      <c r="K66" s="583"/>
      <c r="L66" s="583"/>
      <c r="M66" s="583"/>
      <c r="N66" s="583"/>
      <c r="O66" s="583"/>
      <c r="P66" s="583"/>
      <c r="Q66" s="583"/>
      <c r="R66" s="583"/>
      <c r="S66" s="583"/>
      <c r="T66" s="583"/>
      <c r="U66" s="227"/>
      <c r="V66" s="572"/>
      <c r="W66" s="572"/>
      <c r="X66" s="582"/>
      <c r="Y66" s="572"/>
      <c r="Z66" s="572"/>
      <c r="AA66" s="572"/>
      <c r="AB66" s="572"/>
      <c r="AC66" s="583"/>
      <c r="AD66" s="583"/>
      <c r="AE66" s="583"/>
      <c r="AF66" s="572"/>
      <c r="AG66" s="38"/>
      <c r="AH66" s="26"/>
    </row>
    <row r="67" spans="1:35" s="1" customFormat="1" ht="13.4" customHeight="1">
      <c r="A67" s="20"/>
      <c r="B67" s="541">
        <v>1</v>
      </c>
      <c r="C67" s="542"/>
      <c r="D67" s="563" t="s">
        <v>1802</v>
      </c>
      <c r="E67" s="564"/>
      <c r="F67" s="564"/>
      <c r="G67" s="564"/>
      <c r="H67" s="564"/>
      <c r="I67" s="564"/>
      <c r="J67" s="564"/>
      <c r="K67" s="564"/>
      <c r="L67" s="564"/>
      <c r="M67" s="564"/>
      <c r="N67" s="564"/>
      <c r="O67" s="564"/>
      <c r="P67" s="564"/>
      <c r="Q67" s="564"/>
      <c r="R67" s="564"/>
      <c r="S67" s="564"/>
      <c r="T67" s="565"/>
      <c r="U67" s="219" t="s">
        <v>441</v>
      </c>
      <c r="V67" s="546" t="s">
        <v>1847</v>
      </c>
      <c r="W67" s="548"/>
      <c r="X67" s="408" t="s">
        <v>102</v>
      </c>
      <c r="Y67" s="415">
        <v>46</v>
      </c>
      <c r="Z67" s="415" t="s">
        <v>103</v>
      </c>
      <c r="AA67" s="646"/>
      <c r="AB67" s="647"/>
      <c r="AC67" s="549"/>
      <c r="AD67" s="550"/>
      <c r="AE67" s="551"/>
      <c r="AF67" s="332"/>
      <c r="AG67" s="38"/>
      <c r="AH67" s="26"/>
      <c r="AI67" s="1" t="str">
        <f>$F$18</f>
        <v>■</v>
      </c>
    </row>
    <row r="68" spans="1:35" s="1" customFormat="1" ht="13.4" customHeight="1">
      <c r="A68" s="20"/>
      <c r="B68" s="541">
        <v>2</v>
      </c>
      <c r="C68" s="542"/>
      <c r="D68" s="563" t="s">
        <v>124</v>
      </c>
      <c r="E68" s="564"/>
      <c r="F68" s="564"/>
      <c r="G68" s="564"/>
      <c r="H68" s="564"/>
      <c r="I68" s="564"/>
      <c r="J68" s="564"/>
      <c r="K68" s="564"/>
      <c r="L68" s="564"/>
      <c r="M68" s="564"/>
      <c r="N68" s="564"/>
      <c r="O68" s="564"/>
      <c r="P68" s="564"/>
      <c r="Q68" s="564"/>
      <c r="R68" s="564"/>
      <c r="S68" s="564"/>
      <c r="T68" s="565"/>
      <c r="U68" s="219" t="s">
        <v>443</v>
      </c>
      <c r="V68" s="546" t="s">
        <v>1847</v>
      </c>
      <c r="W68" s="548"/>
      <c r="X68" s="408" t="s">
        <v>102</v>
      </c>
      <c r="Y68" s="415">
        <v>14</v>
      </c>
      <c r="Z68" s="415" t="s">
        <v>103</v>
      </c>
      <c r="AA68" s="646"/>
      <c r="AB68" s="647"/>
      <c r="AC68" s="549"/>
      <c r="AD68" s="550"/>
      <c r="AE68" s="551"/>
      <c r="AF68" s="332"/>
      <c r="AG68" s="38"/>
      <c r="AH68" s="26"/>
      <c r="AI68" s="1" t="str">
        <f t="shared" ref="AI68:AI73" si="1">$F$18</f>
        <v>■</v>
      </c>
    </row>
    <row r="69" spans="1:35" s="1" customFormat="1" ht="13.4" customHeight="1">
      <c r="A69" s="20"/>
      <c r="B69" s="552">
        <v>3</v>
      </c>
      <c r="C69" s="553"/>
      <c r="D69" s="566" t="s">
        <v>1804</v>
      </c>
      <c r="E69" s="567"/>
      <c r="F69" s="567"/>
      <c r="G69" s="567"/>
      <c r="H69" s="567"/>
      <c r="I69" s="567"/>
      <c r="J69" s="567"/>
      <c r="K69" s="567"/>
      <c r="L69" s="567"/>
      <c r="M69" s="567"/>
      <c r="N69" s="567"/>
      <c r="O69" s="567"/>
      <c r="P69" s="567"/>
      <c r="Q69" s="567"/>
      <c r="R69" s="567"/>
      <c r="S69" s="567"/>
      <c r="T69" s="568"/>
      <c r="U69" s="220" t="s">
        <v>444</v>
      </c>
      <c r="V69" s="557" t="s">
        <v>107</v>
      </c>
      <c r="W69" s="559"/>
      <c r="X69" s="409" t="s">
        <v>108</v>
      </c>
      <c r="Y69" s="417">
        <v>1</v>
      </c>
      <c r="Z69" s="419">
        <v>0</v>
      </c>
      <c r="AA69" s="569" t="s">
        <v>109</v>
      </c>
      <c r="AB69" s="570"/>
      <c r="AC69" s="560"/>
      <c r="AD69" s="561"/>
      <c r="AE69" s="562"/>
      <c r="AF69" s="333" t="s">
        <v>416</v>
      </c>
      <c r="AG69" s="38"/>
      <c r="AH69" s="26"/>
      <c r="AI69" s="1" t="str">
        <f t="shared" si="1"/>
        <v>■</v>
      </c>
    </row>
    <row r="70" spans="1:35" s="1" customFormat="1" ht="13.4" customHeight="1">
      <c r="A70" s="20"/>
      <c r="B70" s="541">
        <v>4</v>
      </c>
      <c r="C70" s="542"/>
      <c r="D70" s="563" t="s">
        <v>1805</v>
      </c>
      <c r="E70" s="564"/>
      <c r="F70" s="564"/>
      <c r="G70" s="564"/>
      <c r="H70" s="564"/>
      <c r="I70" s="564"/>
      <c r="J70" s="564"/>
      <c r="K70" s="564"/>
      <c r="L70" s="564"/>
      <c r="M70" s="564"/>
      <c r="N70" s="564"/>
      <c r="O70" s="564"/>
      <c r="P70" s="564"/>
      <c r="Q70" s="564"/>
      <c r="R70" s="564"/>
      <c r="S70" s="564"/>
      <c r="T70" s="565"/>
      <c r="U70" s="221" t="s">
        <v>1806</v>
      </c>
      <c r="V70" s="546" t="s">
        <v>1856</v>
      </c>
      <c r="W70" s="548"/>
      <c r="X70" s="408" t="s">
        <v>102</v>
      </c>
      <c r="Y70" s="415">
        <v>3</v>
      </c>
      <c r="Z70" s="415" t="s">
        <v>103</v>
      </c>
      <c r="AA70" s="646"/>
      <c r="AB70" s="647"/>
      <c r="AC70" s="549"/>
      <c r="AD70" s="550"/>
      <c r="AE70" s="551"/>
      <c r="AF70" s="332"/>
      <c r="AG70" s="48"/>
      <c r="AH70" s="26"/>
      <c r="AI70" s="1" t="str">
        <f t="shared" si="1"/>
        <v>■</v>
      </c>
    </row>
    <row r="71" spans="1:35" s="1" customFormat="1" ht="13.4" customHeight="1">
      <c r="A71" s="20"/>
      <c r="B71" s="541">
        <v>5</v>
      </c>
      <c r="C71" s="542"/>
      <c r="D71" s="563" t="s">
        <v>1857</v>
      </c>
      <c r="E71" s="564"/>
      <c r="F71" s="564"/>
      <c r="G71" s="564"/>
      <c r="H71" s="564"/>
      <c r="I71" s="564"/>
      <c r="J71" s="564"/>
      <c r="K71" s="564"/>
      <c r="L71" s="564"/>
      <c r="M71" s="564"/>
      <c r="N71" s="564"/>
      <c r="O71" s="564"/>
      <c r="P71" s="564"/>
      <c r="Q71" s="564"/>
      <c r="R71" s="564"/>
      <c r="S71" s="564"/>
      <c r="T71" s="565"/>
      <c r="U71" s="221" t="s">
        <v>1858</v>
      </c>
      <c r="V71" s="546" t="s">
        <v>1856</v>
      </c>
      <c r="W71" s="548"/>
      <c r="X71" s="408" t="s">
        <v>102</v>
      </c>
      <c r="Y71" s="415">
        <v>5</v>
      </c>
      <c r="Z71" s="415" t="s">
        <v>103</v>
      </c>
      <c r="AA71" s="646"/>
      <c r="AB71" s="647"/>
      <c r="AC71" s="549"/>
      <c r="AD71" s="550"/>
      <c r="AE71" s="551"/>
      <c r="AF71" s="332"/>
      <c r="AG71" s="48"/>
      <c r="AH71" s="26"/>
      <c r="AI71" s="1" t="str">
        <f t="shared" si="1"/>
        <v>■</v>
      </c>
    </row>
    <row r="72" spans="1:35" s="1" customFormat="1">
      <c r="A72" s="20"/>
      <c r="B72" s="541">
        <v>6</v>
      </c>
      <c r="C72" s="542"/>
      <c r="D72" s="543" t="s">
        <v>1838</v>
      </c>
      <c r="E72" s="544"/>
      <c r="F72" s="544"/>
      <c r="G72" s="544"/>
      <c r="H72" s="544"/>
      <c r="I72" s="544"/>
      <c r="J72" s="544"/>
      <c r="K72" s="544"/>
      <c r="L72" s="544"/>
      <c r="M72" s="544"/>
      <c r="N72" s="544"/>
      <c r="O72" s="544"/>
      <c r="P72" s="544"/>
      <c r="Q72" s="544"/>
      <c r="R72" s="544"/>
      <c r="S72" s="544"/>
      <c r="T72" s="545"/>
      <c r="U72" s="225" t="s">
        <v>1839</v>
      </c>
      <c r="V72" s="546" t="s">
        <v>107</v>
      </c>
      <c r="W72" s="548"/>
      <c r="X72" s="408" t="s">
        <v>102</v>
      </c>
      <c r="Y72" s="415">
        <v>4</v>
      </c>
      <c r="Z72" s="415" t="s">
        <v>103</v>
      </c>
      <c r="AA72" s="646"/>
      <c r="AB72" s="647"/>
      <c r="AC72" s="549"/>
      <c r="AD72" s="550"/>
      <c r="AE72" s="551"/>
      <c r="AF72" s="332"/>
      <c r="AG72" s="48"/>
      <c r="AH72" s="26"/>
      <c r="AI72" s="1" t="str">
        <f t="shared" si="1"/>
        <v>■</v>
      </c>
    </row>
    <row r="73" spans="1:35" s="13" customFormat="1">
      <c r="A73" s="20"/>
      <c r="B73" s="541">
        <v>7</v>
      </c>
      <c r="C73" s="542"/>
      <c r="D73" s="543" t="s">
        <v>1859</v>
      </c>
      <c r="E73" s="544"/>
      <c r="F73" s="544"/>
      <c r="G73" s="544"/>
      <c r="H73" s="544"/>
      <c r="I73" s="544"/>
      <c r="J73" s="544"/>
      <c r="K73" s="544"/>
      <c r="L73" s="544"/>
      <c r="M73" s="544"/>
      <c r="N73" s="544"/>
      <c r="O73" s="544"/>
      <c r="P73" s="544"/>
      <c r="Q73" s="544"/>
      <c r="R73" s="544"/>
      <c r="S73" s="544"/>
      <c r="T73" s="545"/>
      <c r="U73" s="221" t="s">
        <v>516</v>
      </c>
      <c r="V73" s="546" t="s">
        <v>107</v>
      </c>
      <c r="W73" s="548"/>
      <c r="X73" s="408" t="s">
        <v>102</v>
      </c>
      <c r="Y73" s="415">
        <v>6</v>
      </c>
      <c r="Z73" s="415" t="s">
        <v>103</v>
      </c>
      <c r="AA73" s="646"/>
      <c r="AB73" s="647"/>
      <c r="AC73" s="549"/>
      <c r="AD73" s="550"/>
      <c r="AE73" s="551"/>
      <c r="AF73" s="332"/>
      <c r="AG73" s="48"/>
      <c r="AH73" s="54"/>
      <c r="AI73" s="1" t="str">
        <f t="shared" si="1"/>
        <v>■</v>
      </c>
    </row>
    <row r="74" spans="1:35" s="13" customFormat="1">
      <c r="A74" s="70"/>
      <c r="B74" s="26"/>
      <c r="C74" s="26"/>
      <c r="D74" s="26"/>
      <c r="E74" s="26"/>
      <c r="F74" s="26"/>
      <c r="G74" s="26"/>
      <c r="H74" s="26"/>
      <c r="I74" s="26"/>
      <c r="J74" s="26"/>
      <c r="K74" s="26"/>
      <c r="L74" s="26"/>
      <c r="M74" s="26"/>
      <c r="N74" s="26"/>
      <c r="O74" s="26"/>
      <c r="P74" s="26"/>
      <c r="Q74" s="26"/>
      <c r="R74" s="26"/>
      <c r="S74" s="26"/>
      <c r="T74" s="26"/>
      <c r="U74" s="26"/>
      <c r="V74" s="122"/>
      <c r="W74" s="122"/>
      <c r="X74" s="122"/>
      <c r="Y74" s="122"/>
      <c r="Z74" s="122"/>
      <c r="AA74" s="122"/>
      <c r="AB74" s="122"/>
      <c r="AC74" s="122"/>
      <c r="AD74" s="122"/>
      <c r="AE74" s="122"/>
      <c r="AF74" s="54"/>
      <c r="AG74" s="48"/>
      <c r="AH74" s="54"/>
    </row>
    <row r="75" spans="1:35" s="1" customFormat="1">
      <c r="A75" s="20"/>
      <c r="B75" s="52" t="s">
        <v>380</v>
      </c>
      <c r="C75" s="53"/>
      <c r="D75" s="26"/>
      <c r="E75" s="26"/>
      <c r="F75" s="26"/>
      <c r="G75" s="26"/>
      <c r="H75" s="26"/>
      <c r="I75" s="26"/>
      <c r="J75" s="26" t="s">
        <v>1860</v>
      </c>
      <c r="K75" s="26"/>
      <c r="L75" s="71"/>
      <c r="M75" s="26"/>
      <c r="N75" s="26"/>
      <c r="O75" s="26"/>
      <c r="P75" s="26"/>
      <c r="Q75" s="26"/>
      <c r="R75" s="26"/>
      <c r="S75" s="26"/>
      <c r="T75" s="26"/>
      <c r="U75" s="26" t="s">
        <v>1861</v>
      </c>
      <c r="V75" s="122"/>
      <c r="W75" s="122"/>
      <c r="X75" s="122"/>
      <c r="Y75" s="122"/>
      <c r="Z75" s="122"/>
      <c r="AA75" s="122"/>
      <c r="AB75" s="122"/>
      <c r="AC75" s="122"/>
      <c r="AD75" s="122"/>
      <c r="AE75" s="122"/>
      <c r="AF75" s="26"/>
      <c r="AG75" s="48"/>
      <c r="AH75" s="26"/>
    </row>
    <row r="76" spans="1:35" s="1" customFormat="1" ht="13.5" customHeight="1">
      <c r="A76" s="20"/>
      <c r="B76" s="583" t="s">
        <v>73</v>
      </c>
      <c r="C76" s="573"/>
      <c r="D76" s="583" t="s">
        <v>94</v>
      </c>
      <c r="E76" s="583"/>
      <c r="F76" s="583"/>
      <c r="G76" s="583"/>
      <c r="H76" s="583"/>
      <c r="I76" s="583"/>
      <c r="J76" s="583"/>
      <c r="K76" s="583"/>
      <c r="L76" s="583"/>
      <c r="M76" s="583"/>
      <c r="N76" s="583"/>
      <c r="O76" s="583"/>
      <c r="P76" s="583"/>
      <c r="Q76" s="583"/>
      <c r="R76" s="583"/>
      <c r="S76" s="583"/>
      <c r="T76" s="583"/>
      <c r="U76" s="226" t="s">
        <v>383</v>
      </c>
      <c r="V76" s="572" t="s">
        <v>138</v>
      </c>
      <c r="W76" s="572"/>
      <c r="X76" s="581" t="s">
        <v>959</v>
      </c>
      <c r="Y76" s="572" t="s">
        <v>97</v>
      </c>
      <c r="Z76" s="572"/>
      <c r="AA76" s="572" t="s">
        <v>98</v>
      </c>
      <c r="AB76" s="572"/>
      <c r="AC76" s="583" t="s">
        <v>75</v>
      </c>
      <c r="AD76" s="583"/>
      <c r="AE76" s="583"/>
      <c r="AF76" s="572" t="s">
        <v>159</v>
      </c>
      <c r="AG76" s="48"/>
      <c r="AH76" s="26"/>
    </row>
    <row r="77" spans="1:35" s="13" customFormat="1">
      <c r="A77" s="20"/>
      <c r="B77" s="573"/>
      <c r="C77" s="573"/>
      <c r="D77" s="583"/>
      <c r="E77" s="583"/>
      <c r="F77" s="583"/>
      <c r="G77" s="583"/>
      <c r="H77" s="583"/>
      <c r="I77" s="583"/>
      <c r="J77" s="583"/>
      <c r="K77" s="583"/>
      <c r="L77" s="583"/>
      <c r="M77" s="583"/>
      <c r="N77" s="583"/>
      <c r="O77" s="583"/>
      <c r="P77" s="583"/>
      <c r="Q77" s="583"/>
      <c r="R77" s="583"/>
      <c r="S77" s="583"/>
      <c r="T77" s="583"/>
      <c r="U77" s="227"/>
      <c r="V77" s="572"/>
      <c r="W77" s="572"/>
      <c r="X77" s="582"/>
      <c r="Y77" s="572"/>
      <c r="Z77" s="572"/>
      <c r="AA77" s="572"/>
      <c r="AB77" s="572"/>
      <c r="AC77" s="583"/>
      <c r="AD77" s="583"/>
      <c r="AE77" s="583"/>
      <c r="AF77" s="572"/>
      <c r="AG77" s="38"/>
      <c r="AH77" s="54"/>
    </row>
    <row r="78" spans="1:35" s="13" customFormat="1" ht="13.4" customHeight="1">
      <c r="A78" s="20"/>
      <c r="B78" s="541">
        <v>1</v>
      </c>
      <c r="C78" s="542"/>
      <c r="D78" s="563" t="s">
        <v>1802</v>
      </c>
      <c r="E78" s="564"/>
      <c r="F78" s="564"/>
      <c r="G78" s="564"/>
      <c r="H78" s="564"/>
      <c r="I78" s="564"/>
      <c r="J78" s="564"/>
      <c r="K78" s="564"/>
      <c r="L78" s="564"/>
      <c r="M78" s="564"/>
      <c r="N78" s="564"/>
      <c r="O78" s="564"/>
      <c r="P78" s="564"/>
      <c r="Q78" s="564"/>
      <c r="R78" s="564"/>
      <c r="S78" s="564"/>
      <c r="T78" s="565"/>
      <c r="U78" s="219" t="s">
        <v>441</v>
      </c>
      <c r="V78" s="546" t="s">
        <v>1847</v>
      </c>
      <c r="W78" s="548"/>
      <c r="X78" s="408" t="s">
        <v>102</v>
      </c>
      <c r="Y78" s="415">
        <v>46</v>
      </c>
      <c r="Z78" s="415" t="s">
        <v>103</v>
      </c>
      <c r="AA78" s="646"/>
      <c r="AB78" s="647"/>
      <c r="AC78" s="549"/>
      <c r="AD78" s="550"/>
      <c r="AE78" s="551"/>
      <c r="AF78" s="332"/>
      <c r="AG78" s="38"/>
      <c r="AH78" s="54"/>
      <c r="AI78" s="13" t="str">
        <f>$F$19</f>
        <v>■</v>
      </c>
    </row>
    <row r="79" spans="1:35" s="1" customFormat="1" ht="13.4" customHeight="1">
      <c r="A79" s="20"/>
      <c r="B79" s="541">
        <v>2</v>
      </c>
      <c r="C79" s="542"/>
      <c r="D79" s="563" t="s">
        <v>124</v>
      </c>
      <c r="E79" s="564"/>
      <c r="F79" s="564"/>
      <c r="G79" s="564"/>
      <c r="H79" s="564"/>
      <c r="I79" s="564"/>
      <c r="J79" s="564"/>
      <c r="K79" s="564"/>
      <c r="L79" s="564"/>
      <c r="M79" s="564"/>
      <c r="N79" s="564"/>
      <c r="O79" s="564"/>
      <c r="P79" s="564"/>
      <c r="Q79" s="564"/>
      <c r="R79" s="564"/>
      <c r="S79" s="564"/>
      <c r="T79" s="565"/>
      <c r="U79" s="219" t="s">
        <v>443</v>
      </c>
      <c r="V79" s="546" t="s">
        <v>1847</v>
      </c>
      <c r="W79" s="548"/>
      <c r="X79" s="408" t="s">
        <v>102</v>
      </c>
      <c r="Y79" s="415">
        <v>14</v>
      </c>
      <c r="Z79" s="415" t="s">
        <v>103</v>
      </c>
      <c r="AA79" s="646"/>
      <c r="AB79" s="647"/>
      <c r="AC79" s="549"/>
      <c r="AD79" s="550"/>
      <c r="AE79" s="551"/>
      <c r="AF79" s="332"/>
      <c r="AG79" s="48"/>
      <c r="AH79" s="26"/>
      <c r="AI79" s="13" t="str">
        <f t="shared" ref="AI79:AI98" si="2">$F$19</f>
        <v>■</v>
      </c>
    </row>
    <row r="80" spans="1:35" s="1" customFormat="1" ht="13.4" customHeight="1">
      <c r="A80" s="20"/>
      <c r="B80" s="552">
        <v>3</v>
      </c>
      <c r="C80" s="553"/>
      <c r="D80" s="566" t="s">
        <v>1804</v>
      </c>
      <c r="E80" s="567"/>
      <c r="F80" s="567"/>
      <c r="G80" s="567"/>
      <c r="H80" s="567"/>
      <c r="I80" s="567"/>
      <c r="J80" s="567"/>
      <c r="K80" s="567"/>
      <c r="L80" s="567"/>
      <c r="M80" s="567"/>
      <c r="N80" s="567"/>
      <c r="O80" s="567"/>
      <c r="P80" s="567"/>
      <c r="Q80" s="567"/>
      <c r="R80" s="567"/>
      <c r="S80" s="567"/>
      <c r="T80" s="568"/>
      <c r="U80" s="220" t="s">
        <v>444</v>
      </c>
      <c r="V80" s="557" t="s">
        <v>107</v>
      </c>
      <c r="W80" s="559"/>
      <c r="X80" s="409" t="s">
        <v>108</v>
      </c>
      <c r="Y80" s="419">
        <v>1</v>
      </c>
      <c r="Z80" s="419">
        <v>0</v>
      </c>
      <c r="AA80" s="569" t="s">
        <v>109</v>
      </c>
      <c r="AB80" s="570"/>
      <c r="AC80" s="560"/>
      <c r="AD80" s="561"/>
      <c r="AE80" s="562"/>
      <c r="AF80" s="333" t="s">
        <v>416</v>
      </c>
      <c r="AG80" s="48"/>
      <c r="AH80" s="26"/>
      <c r="AI80" s="13" t="str">
        <f t="shared" si="2"/>
        <v>■</v>
      </c>
    </row>
    <row r="81" spans="1:35" s="1" customFormat="1" ht="13.4" customHeight="1">
      <c r="A81" s="20"/>
      <c r="B81" s="541">
        <v>4</v>
      </c>
      <c r="C81" s="542"/>
      <c r="D81" s="543" t="s">
        <v>1805</v>
      </c>
      <c r="E81" s="544"/>
      <c r="F81" s="544"/>
      <c r="G81" s="544"/>
      <c r="H81" s="544"/>
      <c r="I81" s="544"/>
      <c r="J81" s="544"/>
      <c r="K81" s="544"/>
      <c r="L81" s="544"/>
      <c r="M81" s="544"/>
      <c r="N81" s="544"/>
      <c r="O81" s="544"/>
      <c r="P81" s="544"/>
      <c r="Q81" s="544"/>
      <c r="R81" s="544"/>
      <c r="S81" s="544"/>
      <c r="T81" s="545"/>
      <c r="U81" s="225" t="s">
        <v>1806</v>
      </c>
      <c r="V81" s="546" t="s">
        <v>1856</v>
      </c>
      <c r="W81" s="548"/>
      <c r="X81" s="408" t="s">
        <v>102</v>
      </c>
      <c r="Y81" s="415">
        <v>3</v>
      </c>
      <c r="Z81" s="415" t="s">
        <v>103</v>
      </c>
      <c r="AA81" s="646"/>
      <c r="AB81" s="647"/>
      <c r="AC81" s="549"/>
      <c r="AD81" s="550"/>
      <c r="AE81" s="551"/>
      <c r="AF81" s="332"/>
      <c r="AG81" s="38"/>
      <c r="AH81" s="26"/>
      <c r="AI81" s="13" t="str">
        <f t="shared" si="2"/>
        <v>■</v>
      </c>
    </row>
    <row r="82" spans="1:35" s="13" customFormat="1" ht="13.4" customHeight="1">
      <c r="A82" s="20"/>
      <c r="B82" s="541">
        <v>5</v>
      </c>
      <c r="C82" s="542"/>
      <c r="D82" s="543" t="s">
        <v>162</v>
      </c>
      <c r="E82" s="544"/>
      <c r="F82" s="544"/>
      <c r="G82" s="544"/>
      <c r="H82" s="544"/>
      <c r="I82" s="544"/>
      <c r="J82" s="544"/>
      <c r="K82" s="544"/>
      <c r="L82" s="544"/>
      <c r="M82" s="544"/>
      <c r="N82" s="544"/>
      <c r="O82" s="544"/>
      <c r="P82" s="544"/>
      <c r="Q82" s="544"/>
      <c r="R82" s="544"/>
      <c r="S82" s="544"/>
      <c r="T82" s="545"/>
      <c r="U82" s="221" t="s">
        <v>1862</v>
      </c>
      <c r="V82" s="546" t="s">
        <v>1847</v>
      </c>
      <c r="W82" s="548"/>
      <c r="X82" s="408" t="s">
        <v>102</v>
      </c>
      <c r="Y82" s="415">
        <v>17</v>
      </c>
      <c r="Z82" s="415" t="s">
        <v>103</v>
      </c>
      <c r="AA82" s="646"/>
      <c r="AB82" s="647"/>
      <c r="AC82" s="549"/>
      <c r="AD82" s="550"/>
      <c r="AE82" s="551"/>
      <c r="AF82" s="332"/>
      <c r="AG82" s="38"/>
      <c r="AH82" s="54"/>
      <c r="AI82" s="13" t="str">
        <f t="shared" si="2"/>
        <v>■</v>
      </c>
    </row>
    <row r="83" spans="1:35" s="1" customFormat="1" ht="13.4" customHeight="1">
      <c r="A83" s="20"/>
      <c r="B83" s="541">
        <v>6</v>
      </c>
      <c r="C83" s="542"/>
      <c r="D83" s="543" t="s">
        <v>1863</v>
      </c>
      <c r="E83" s="544"/>
      <c r="F83" s="544"/>
      <c r="G83" s="544"/>
      <c r="H83" s="544"/>
      <c r="I83" s="544"/>
      <c r="J83" s="544"/>
      <c r="K83" s="544"/>
      <c r="L83" s="544"/>
      <c r="M83" s="544"/>
      <c r="N83" s="544"/>
      <c r="O83" s="544"/>
      <c r="P83" s="544"/>
      <c r="Q83" s="544"/>
      <c r="R83" s="544"/>
      <c r="S83" s="544"/>
      <c r="T83" s="545"/>
      <c r="U83" s="221" t="s">
        <v>1864</v>
      </c>
      <c r="V83" s="546" t="s">
        <v>1856</v>
      </c>
      <c r="W83" s="548"/>
      <c r="X83" s="408" t="s">
        <v>710</v>
      </c>
      <c r="Y83" s="415">
        <v>7</v>
      </c>
      <c r="Z83" s="415">
        <v>3</v>
      </c>
      <c r="AA83" s="646"/>
      <c r="AB83" s="647"/>
      <c r="AC83" s="549"/>
      <c r="AD83" s="550"/>
      <c r="AE83" s="551"/>
      <c r="AF83" s="332"/>
      <c r="AG83" s="48"/>
      <c r="AH83" s="26"/>
      <c r="AI83" s="13" t="str">
        <f t="shared" si="2"/>
        <v>■</v>
      </c>
    </row>
    <row r="84" spans="1:35" s="1" customFormat="1">
      <c r="A84" s="20"/>
      <c r="B84" s="541">
        <v>7</v>
      </c>
      <c r="C84" s="542"/>
      <c r="D84" s="543" t="s">
        <v>1865</v>
      </c>
      <c r="E84" s="544"/>
      <c r="F84" s="544"/>
      <c r="G84" s="544"/>
      <c r="H84" s="544"/>
      <c r="I84" s="544"/>
      <c r="J84" s="544"/>
      <c r="K84" s="544"/>
      <c r="L84" s="544"/>
      <c r="M84" s="544"/>
      <c r="N84" s="544"/>
      <c r="O84" s="544"/>
      <c r="P84" s="544"/>
      <c r="Q84" s="544"/>
      <c r="R84" s="544"/>
      <c r="S84" s="544"/>
      <c r="T84" s="545"/>
      <c r="U84" s="221" t="s">
        <v>1866</v>
      </c>
      <c r="V84" s="701" t="s">
        <v>1856</v>
      </c>
      <c r="W84" s="702"/>
      <c r="X84" s="266" t="s">
        <v>710</v>
      </c>
      <c r="Y84" s="415">
        <v>7</v>
      </c>
      <c r="Z84" s="415">
        <v>3</v>
      </c>
      <c r="AA84" s="646"/>
      <c r="AB84" s="647"/>
      <c r="AC84" s="549"/>
      <c r="AD84" s="550"/>
      <c r="AE84" s="551"/>
      <c r="AF84" s="332"/>
      <c r="AG84" s="48"/>
      <c r="AH84" s="26"/>
      <c r="AI84" s="13" t="str">
        <f t="shared" si="2"/>
        <v>■</v>
      </c>
    </row>
    <row r="85" spans="1:35" s="1" customFormat="1" ht="13.4" customHeight="1">
      <c r="A85" s="20"/>
      <c r="B85" s="541">
        <v>8</v>
      </c>
      <c r="C85" s="542"/>
      <c r="D85" s="543" t="s">
        <v>1867</v>
      </c>
      <c r="E85" s="544"/>
      <c r="F85" s="544"/>
      <c r="G85" s="544"/>
      <c r="H85" s="544"/>
      <c r="I85" s="544"/>
      <c r="J85" s="544"/>
      <c r="K85" s="544"/>
      <c r="L85" s="544"/>
      <c r="M85" s="544"/>
      <c r="N85" s="544"/>
      <c r="O85" s="544"/>
      <c r="P85" s="544"/>
      <c r="Q85" s="544"/>
      <c r="R85" s="544"/>
      <c r="S85" s="544"/>
      <c r="T85" s="545"/>
      <c r="U85" s="221" t="s">
        <v>1868</v>
      </c>
      <c r="V85" s="701" t="s">
        <v>1869</v>
      </c>
      <c r="W85" s="702"/>
      <c r="X85" s="266" t="s">
        <v>102</v>
      </c>
      <c r="Y85" s="415">
        <v>20</v>
      </c>
      <c r="Z85" s="415" t="s">
        <v>103</v>
      </c>
      <c r="AA85" s="646"/>
      <c r="AB85" s="647"/>
      <c r="AC85" s="549"/>
      <c r="AD85" s="550"/>
      <c r="AE85" s="551"/>
      <c r="AF85" s="332"/>
      <c r="AG85" s="48"/>
      <c r="AH85" s="26"/>
      <c r="AI85" s="13" t="str">
        <f t="shared" si="2"/>
        <v>■</v>
      </c>
    </row>
    <row r="86" spans="1:35" s="13" customFormat="1" ht="13.4" customHeight="1">
      <c r="A86" s="20"/>
      <c r="B86" s="541">
        <v>9</v>
      </c>
      <c r="C86" s="542"/>
      <c r="D86" s="543" t="s">
        <v>1870</v>
      </c>
      <c r="E86" s="544"/>
      <c r="F86" s="544"/>
      <c r="G86" s="544"/>
      <c r="H86" s="544"/>
      <c r="I86" s="544"/>
      <c r="J86" s="544"/>
      <c r="K86" s="544"/>
      <c r="L86" s="544"/>
      <c r="M86" s="544"/>
      <c r="N86" s="544"/>
      <c r="O86" s="544"/>
      <c r="P86" s="544"/>
      <c r="Q86" s="544"/>
      <c r="R86" s="544"/>
      <c r="S86" s="544"/>
      <c r="T86" s="545"/>
      <c r="U86" s="221" t="s">
        <v>1871</v>
      </c>
      <c r="V86" s="701" t="s">
        <v>1856</v>
      </c>
      <c r="W86" s="702"/>
      <c r="X86" s="266" t="s">
        <v>710</v>
      </c>
      <c r="Y86" s="415">
        <v>7</v>
      </c>
      <c r="Z86" s="415">
        <v>3</v>
      </c>
      <c r="AA86" s="646"/>
      <c r="AB86" s="647"/>
      <c r="AC86" s="549"/>
      <c r="AD86" s="550"/>
      <c r="AE86" s="551"/>
      <c r="AF86" s="332"/>
      <c r="AG86" s="38"/>
      <c r="AH86" s="54"/>
      <c r="AI86" s="13" t="str">
        <f t="shared" si="2"/>
        <v>■</v>
      </c>
    </row>
    <row r="87" spans="1:35" s="13" customFormat="1" ht="13.4" customHeight="1">
      <c r="A87" s="20"/>
      <c r="B87" s="541">
        <v>10</v>
      </c>
      <c r="C87" s="542"/>
      <c r="D87" s="543" t="s">
        <v>1872</v>
      </c>
      <c r="E87" s="544"/>
      <c r="F87" s="544"/>
      <c r="G87" s="544"/>
      <c r="H87" s="544"/>
      <c r="I87" s="544"/>
      <c r="J87" s="544"/>
      <c r="K87" s="544"/>
      <c r="L87" s="544"/>
      <c r="M87" s="544"/>
      <c r="N87" s="544"/>
      <c r="O87" s="544"/>
      <c r="P87" s="544"/>
      <c r="Q87" s="544"/>
      <c r="R87" s="544"/>
      <c r="S87" s="544"/>
      <c r="T87" s="545"/>
      <c r="U87" s="221" t="s">
        <v>1873</v>
      </c>
      <c r="V87" s="701" t="s">
        <v>1869</v>
      </c>
      <c r="W87" s="702"/>
      <c r="X87" s="266" t="s">
        <v>102</v>
      </c>
      <c r="Y87" s="415">
        <v>20</v>
      </c>
      <c r="Z87" s="415" t="s">
        <v>103</v>
      </c>
      <c r="AA87" s="646"/>
      <c r="AB87" s="647"/>
      <c r="AC87" s="549"/>
      <c r="AD87" s="550"/>
      <c r="AE87" s="551"/>
      <c r="AF87" s="332"/>
      <c r="AG87" s="48"/>
      <c r="AH87" s="54"/>
      <c r="AI87" s="13" t="str">
        <f t="shared" si="2"/>
        <v>■</v>
      </c>
    </row>
    <row r="88" spans="1:35" s="1" customFormat="1" ht="13.4" customHeight="1">
      <c r="A88" s="20"/>
      <c r="B88" s="541">
        <v>11</v>
      </c>
      <c r="C88" s="542"/>
      <c r="D88" s="543" t="s">
        <v>1874</v>
      </c>
      <c r="E88" s="544"/>
      <c r="F88" s="544"/>
      <c r="G88" s="544"/>
      <c r="H88" s="544"/>
      <c r="I88" s="544"/>
      <c r="J88" s="544"/>
      <c r="K88" s="544"/>
      <c r="L88" s="544"/>
      <c r="M88" s="544"/>
      <c r="N88" s="544"/>
      <c r="O88" s="544"/>
      <c r="P88" s="544"/>
      <c r="Q88" s="544"/>
      <c r="R88" s="544"/>
      <c r="S88" s="544"/>
      <c r="T88" s="545"/>
      <c r="U88" s="221" t="s">
        <v>1875</v>
      </c>
      <c r="V88" s="701" t="s">
        <v>1856</v>
      </c>
      <c r="W88" s="702"/>
      <c r="X88" s="266" t="s">
        <v>710</v>
      </c>
      <c r="Y88" s="415">
        <v>7</v>
      </c>
      <c r="Z88" s="415">
        <v>3</v>
      </c>
      <c r="AA88" s="646"/>
      <c r="AB88" s="647"/>
      <c r="AC88" s="549"/>
      <c r="AD88" s="550"/>
      <c r="AE88" s="551"/>
      <c r="AF88" s="332"/>
      <c r="AG88" s="48"/>
      <c r="AH88" s="26"/>
      <c r="AI88" s="13" t="str">
        <f t="shared" si="2"/>
        <v>■</v>
      </c>
    </row>
    <row r="89" spans="1:35" s="1" customFormat="1" ht="13.4" customHeight="1">
      <c r="A89" s="20"/>
      <c r="B89" s="541">
        <v>12</v>
      </c>
      <c r="C89" s="542"/>
      <c r="D89" s="543" t="s">
        <v>1876</v>
      </c>
      <c r="E89" s="544"/>
      <c r="F89" s="544"/>
      <c r="G89" s="544"/>
      <c r="H89" s="544"/>
      <c r="I89" s="544"/>
      <c r="J89" s="544"/>
      <c r="K89" s="544"/>
      <c r="L89" s="544"/>
      <c r="M89" s="544"/>
      <c r="N89" s="544"/>
      <c r="O89" s="544"/>
      <c r="P89" s="544"/>
      <c r="Q89" s="544"/>
      <c r="R89" s="544"/>
      <c r="S89" s="544"/>
      <c r="T89" s="545"/>
      <c r="U89" s="221" t="s">
        <v>1877</v>
      </c>
      <c r="V89" s="546" t="s">
        <v>1869</v>
      </c>
      <c r="W89" s="548"/>
      <c r="X89" s="408" t="s">
        <v>102</v>
      </c>
      <c r="Y89" s="415">
        <v>20</v>
      </c>
      <c r="Z89" s="415" t="s">
        <v>103</v>
      </c>
      <c r="AA89" s="646"/>
      <c r="AB89" s="647"/>
      <c r="AC89" s="549"/>
      <c r="AD89" s="550"/>
      <c r="AE89" s="551"/>
      <c r="AF89" s="332"/>
      <c r="AG89" s="48"/>
      <c r="AH89" s="26"/>
      <c r="AI89" s="13" t="str">
        <f t="shared" si="2"/>
        <v>■</v>
      </c>
    </row>
    <row r="90" spans="1:35" s="1" customFormat="1" ht="13.4" customHeight="1">
      <c r="A90" s="20"/>
      <c r="B90" s="541">
        <v>13</v>
      </c>
      <c r="C90" s="542"/>
      <c r="D90" s="543" t="s">
        <v>1878</v>
      </c>
      <c r="E90" s="544"/>
      <c r="F90" s="544"/>
      <c r="G90" s="544"/>
      <c r="H90" s="544"/>
      <c r="I90" s="544"/>
      <c r="J90" s="544"/>
      <c r="K90" s="544"/>
      <c r="L90" s="544"/>
      <c r="M90" s="544"/>
      <c r="N90" s="544"/>
      <c r="O90" s="544"/>
      <c r="P90" s="544"/>
      <c r="Q90" s="544"/>
      <c r="R90" s="544"/>
      <c r="S90" s="544"/>
      <c r="T90" s="545"/>
      <c r="U90" s="221" t="s">
        <v>1879</v>
      </c>
      <c r="V90" s="546" t="s">
        <v>1847</v>
      </c>
      <c r="W90" s="548"/>
      <c r="X90" s="408" t="s">
        <v>102</v>
      </c>
      <c r="Y90" s="415">
        <v>1</v>
      </c>
      <c r="Z90" s="415" t="s">
        <v>103</v>
      </c>
      <c r="AA90" s="646"/>
      <c r="AB90" s="647"/>
      <c r="AC90" s="549"/>
      <c r="AD90" s="550"/>
      <c r="AE90" s="551"/>
      <c r="AF90" s="332"/>
      <c r="AG90" s="48"/>
      <c r="AH90" s="26"/>
      <c r="AI90" s="13" t="str">
        <f t="shared" si="2"/>
        <v>■</v>
      </c>
    </row>
    <row r="91" spans="1:35" s="1" customFormat="1" ht="13.4" customHeight="1">
      <c r="A91" s="20"/>
      <c r="B91" s="541">
        <v>14</v>
      </c>
      <c r="C91" s="542"/>
      <c r="D91" s="543" t="s">
        <v>1880</v>
      </c>
      <c r="E91" s="544"/>
      <c r="F91" s="544"/>
      <c r="G91" s="544"/>
      <c r="H91" s="544"/>
      <c r="I91" s="544"/>
      <c r="J91" s="544"/>
      <c r="K91" s="544"/>
      <c r="L91" s="544"/>
      <c r="M91" s="544"/>
      <c r="N91" s="544"/>
      <c r="O91" s="544"/>
      <c r="P91" s="544"/>
      <c r="Q91" s="544"/>
      <c r="R91" s="544"/>
      <c r="S91" s="544"/>
      <c r="T91" s="545"/>
      <c r="U91" s="221" t="s">
        <v>1881</v>
      </c>
      <c r="V91" s="546" t="s">
        <v>1847</v>
      </c>
      <c r="W91" s="548"/>
      <c r="X91" s="408" t="s">
        <v>102</v>
      </c>
      <c r="Y91" s="415">
        <v>1</v>
      </c>
      <c r="Z91" s="415" t="s">
        <v>103</v>
      </c>
      <c r="AA91" s="646"/>
      <c r="AB91" s="647"/>
      <c r="AC91" s="549"/>
      <c r="AD91" s="550"/>
      <c r="AE91" s="551"/>
      <c r="AF91" s="332"/>
      <c r="AG91" s="48"/>
      <c r="AH91" s="26"/>
      <c r="AI91" s="13" t="str">
        <f t="shared" si="2"/>
        <v>■</v>
      </c>
    </row>
    <row r="92" spans="1:35" s="1" customFormat="1" ht="13.4" customHeight="1">
      <c r="A92" s="20"/>
      <c r="B92" s="541">
        <v>15</v>
      </c>
      <c r="C92" s="542"/>
      <c r="D92" s="543" t="s">
        <v>1882</v>
      </c>
      <c r="E92" s="544"/>
      <c r="F92" s="544"/>
      <c r="G92" s="544"/>
      <c r="H92" s="544"/>
      <c r="I92" s="544"/>
      <c r="J92" s="544"/>
      <c r="K92" s="544"/>
      <c r="L92" s="544"/>
      <c r="M92" s="544"/>
      <c r="N92" s="544"/>
      <c r="O92" s="544"/>
      <c r="P92" s="544"/>
      <c r="Q92" s="544"/>
      <c r="R92" s="544"/>
      <c r="S92" s="544"/>
      <c r="T92" s="545"/>
      <c r="U92" s="221" t="s">
        <v>1883</v>
      </c>
      <c r="V92" s="546" t="s">
        <v>1847</v>
      </c>
      <c r="W92" s="548"/>
      <c r="X92" s="408" t="s">
        <v>102</v>
      </c>
      <c r="Y92" s="415">
        <v>1</v>
      </c>
      <c r="Z92" s="415" t="s">
        <v>103</v>
      </c>
      <c r="AA92" s="646"/>
      <c r="AB92" s="647"/>
      <c r="AC92" s="549"/>
      <c r="AD92" s="550"/>
      <c r="AE92" s="551"/>
      <c r="AF92" s="332"/>
      <c r="AG92" s="48"/>
      <c r="AH92" s="26"/>
      <c r="AI92" s="13" t="str">
        <f t="shared" si="2"/>
        <v>■</v>
      </c>
    </row>
    <row r="93" spans="1:35" s="1" customFormat="1" ht="13.4" customHeight="1">
      <c r="A93" s="20"/>
      <c r="B93" s="541">
        <v>16</v>
      </c>
      <c r="C93" s="542"/>
      <c r="D93" s="543" t="s">
        <v>1884</v>
      </c>
      <c r="E93" s="544"/>
      <c r="F93" s="544"/>
      <c r="G93" s="544"/>
      <c r="H93" s="544"/>
      <c r="I93" s="544"/>
      <c r="J93" s="544"/>
      <c r="K93" s="544"/>
      <c r="L93" s="544"/>
      <c r="M93" s="544"/>
      <c r="N93" s="544"/>
      <c r="O93" s="544"/>
      <c r="P93" s="544"/>
      <c r="Q93" s="544"/>
      <c r="R93" s="544"/>
      <c r="S93" s="544"/>
      <c r="T93" s="545"/>
      <c r="U93" s="221" t="s">
        <v>1885</v>
      </c>
      <c r="V93" s="546" t="s">
        <v>1856</v>
      </c>
      <c r="W93" s="548"/>
      <c r="X93" s="408" t="s">
        <v>102</v>
      </c>
      <c r="Y93" s="415">
        <v>1</v>
      </c>
      <c r="Z93" s="415" t="s">
        <v>103</v>
      </c>
      <c r="AA93" s="646"/>
      <c r="AB93" s="647"/>
      <c r="AC93" s="549"/>
      <c r="AD93" s="550"/>
      <c r="AE93" s="551"/>
      <c r="AF93" s="332"/>
      <c r="AG93" s="48"/>
      <c r="AH93" s="26"/>
      <c r="AI93" s="13" t="str">
        <f t="shared" si="2"/>
        <v>■</v>
      </c>
    </row>
    <row r="94" spans="1:35" s="1" customFormat="1" ht="13.4" customHeight="1">
      <c r="A94" s="20"/>
      <c r="B94" s="541">
        <v>17</v>
      </c>
      <c r="C94" s="542"/>
      <c r="D94" s="543" t="s">
        <v>1886</v>
      </c>
      <c r="E94" s="544"/>
      <c r="F94" s="544"/>
      <c r="G94" s="544"/>
      <c r="H94" s="544"/>
      <c r="I94" s="544"/>
      <c r="J94" s="544"/>
      <c r="K94" s="544"/>
      <c r="L94" s="544"/>
      <c r="M94" s="544"/>
      <c r="N94" s="544"/>
      <c r="O94" s="544"/>
      <c r="P94" s="544"/>
      <c r="Q94" s="544"/>
      <c r="R94" s="544"/>
      <c r="S94" s="544"/>
      <c r="T94" s="545"/>
      <c r="U94" s="221" t="s">
        <v>1887</v>
      </c>
      <c r="V94" s="546" t="s">
        <v>1847</v>
      </c>
      <c r="W94" s="548"/>
      <c r="X94" s="408" t="s">
        <v>102</v>
      </c>
      <c r="Y94" s="415">
        <v>2</v>
      </c>
      <c r="Z94" s="415" t="s">
        <v>103</v>
      </c>
      <c r="AA94" s="646"/>
      <c r="AB94" s="647"/>
      <c r="AC94" s="549"/>
      <c r="AD94" s="550"/>
      <c r="AE94" s="551"/>
      <c r="AF94" s="332"/>
      <c r="AG94" s="38"/>
      <c r="AH94" s="26"/>
      <c r="AI94" s="13" t="str">
        <f t="shared" si="2"/>
        <v>■</v>
      </c>
    </row>
    <row r="95" spans="1:35" s="1" customFormat="1" ht="13.4" customHeight="1">
      <c r="A95" s="20"/>
      <c r="B95" s="541">
        <v>18</v>
      </c>
      <c r="C95" s="542"/>
      <c r="D95" s="543" t="s">
        <v>1888</v>
      </c>
      <c r="E95" s="544"/>
      <c r="F95" s="544"/>
      <c r="G95" s="544"/>
      <c r="H95" s="544"/>
      <c r="I95" s="544"/>
      <c r="J95" s="544"/>
      <c r="K95" s="544"/>
      <c r="L95" s="544"/>
      <c r="M95" s="544"/>
      <c r="N95" s="544"/>
      <c r="O95" s="544"/>
      <c r="P95" s="544"/>
      <c r="Q95" s="544"/>
      <c r="R95" s="544"/>
      <c r="S95" s="544"/>
      <c r="T95" s="545"/>
      <c r="U95" s="221" t="s">
        <v>1889</v>
      </c>
      <c r="V95" s="546" t="s">
        <v>1847</v>
      </c>
      <c r="W95" s="548"/>
      <c r="X95" s="408" t="s">
        <v>102</v>
      </c>
      <c r="Y95" s="415">
        <v>5</v>
      </c>
      <c r="Z95" s="415" t="s">
        <v>103</v>
      </c>
      <c r="AA95" s="646"/>
      <c r="AB95" s="647"/>
      <c r="AC95" s="549"/>
      <c r="AD95" s="550"/>
      <c r="AE95" s="551"/>
      <c r="AF95" s="332"/>
      <c r="AG95" s="38"/>
      <c r="AH95" s="26"/>
      <c r="AI95" s="13" t="str">
        <f t="shared" si="2"/>
        <v>■</v>
      </c>
    </row>
    <row r="96" spans="1:35" s="1" customFormat="1" ht="13.4" customHeight="1">
      <c r="A96" s="20"/>
      <c r="B96" s="541">
        <v>19</v>
      </c>
      <c r="C96" s="542"/>
      <c r="D96" s="543" t="s">
        <v>1890</v>
      </c>
      <c r="E96" s="544"/>
      <c r="F96" s="544"/>
      <c r="G96" s="544"/>
      <c r="H96" s="544"/>
      <c r="I96" s="544"/>
      <c r="J96" s="544"/>
      <c r="K96" s="544"/>
      <c r="L96" s="544"/>
      <c r="M96" s="544"/>
      <c r="N96" s="544"/>
      <c r="O96" s="544"/>
      <c r="P96" s="544"/>
      <c r="Q96" s="544"/>
      <c r="R96" s="544"/>
      <c r="S96" s="544"/>
      <c r="T96" s="545"/>
      <c r="U96" s="221" t="s">
        <v>1891</v>
      </c>
      <c r="V96" s="546" t="s">
        <v>1847</v>
      </c>
      <c r="W96" s="548"/>
      <c r="X96" s="408" t="s">
        <v>102</v>
      </c>
      <c r="Y96" s="415">
        <v>1</v>
      </c>
      <c r="Z96" s="415" t="s">
        <v>103</v>
      </c>
      <c r="AA96" s="646"/>
      <c r="AB96" s="647"/>
      <c r="AC96" s="549"/>
      <c r="AD96" s="550"/>
      <c r="AE96" s="551"/>
      <c r="AF96" s="332"/>
      <c r="AG96" s="48"/>
      <c r="AH96" s="26"/>
      <c r="AI96" s="13" t="str">
        <f t="shared" si="2"/>
        <v>■</v>
      </c>
    </row>
    <row r="97" spans="1:35" s="1" customFormat="1" ht="13.4" customHeight="1">
      <c r="A97" s="20"/>
      <c r="B97" s="541">
        <v>20</v>
      </c>
      <c r="C97" s="542"/>
      <c r="D97" s="543" t="s">
        <v>1838</v>
      </c>
      <c r="E97" s="544"/>
      <c r="F97" s="544"/>
      <c r="G97" s="544"/>
      <c r="H97" s="544"/>
      <c r="I97" s="544"/>
      <c r="J97" s="544"/>
      <c r="K97" s="544"/>
      <c r="L97" s="544"/>
      <c r="M97" s="544"/>
      <c r="N97" s="544"/>
      <c r="O97" s="544"/>
      <c r="P97" s="544"/>
      <c r="Q97" s="544"/>
      <c r="R97" s="544"/>
      <c r="S97" s="544"/>
      <c r="T97" s="545"/>
      <c r="U97" s="221" t="s">
        <v>1839</v>
      </c>
      <c r="V97" s="546" t="s">
        <v>107</v>
      </c>
      <c r="W97" s="548"/>
      <c r="X97" s="408" t="s">
        <v>102</v>
      </c>
      <c r="Y97" s="415">
        <v>4</v>
      </c>
      <c r="Z97" s="415" t="s">
        <v>103</v>
      </c>
      <c r="AA97" s="646"/>
      <c r="AB97" s="647"/>
      <c r="AC97" s="549"/>
      <c r="AD97" s="550"/>
      <c r="AE97" s="551"/>
      <c r="AF97" s="332"/>
      <c r="AG97" s="48"/>
      <c r="AH97" s="26"/>
      <c r="AI97" s="13" t="str">
        <f t="shared" si="2"/>
        <v>■</v>
      </c>
    </row>
    <row r="98" spans="1:35" s="13" customFormat="1" ht="13.4" customHeight="1">
      <c r="A98" s="20"/>
      <c r="B98" s="541">
        <v>21</v>
      </c>
      <c r="C98" s="542"/>
      <c r="D98" s="543" t="s">
        <v>1859</v>
      </c>
      <c r="E98" s="544"/>
      <c r="F98" s="544"/>
      <c r="G98" s="544"/>
      <c r="H98" s="544"/>
      <c r="I98" s="544"/>
      <c r="J98" s="544"/>
      <c r="K98" s="544"/>
      <c r="L98" s="544"/>
      <c r="M98" s="544"/>
      <c r="N98" s="544"/>
      <c r="O98" s="544"/>
      <c r="P98" s="544"/>
      <c r="Q98" s="544"/>
      <c r="R98" s="544"/>
      <c r="S98" s="544"/>
      <c r="T98" s="545"/>
      <c r="U98" s="221" t="s">
        <v>516</v>
      </c>
      <c r="V98" s="546" t="s">
        <v>107</v>
      </c>
      <c r="W98" s="548"/>
      <c r="X98" s="408" t="s">
        <v>102</v>
      </c>
      <c r="Y98" s="415">
        <v>6</v>
      </c>
      <c r="Z98" s="415" t="s">
        <v>103</v>
      </c>
      <c r="AA98" s="646"/>
      <c r="AB98" s="647"/>
      <c r="AC98" s="549"/>
      <c r="AD98" s="550"/>
      <c r="AE98" s="551"/>
      <c r="AF98" s="332"/>
      <c r="AG98" s="48"/>
      <c r="AH98" s="54"/>
      <c r="AI98" s="13" t="str">
        <f t="shared" si="2"/>
        <v>■</v>
      </c>
    </row>
    <row r="99" spans="1:35" s="13" customFormat="1">
      <c r="A99" s="70"/>
      <c r="B99" s="26"/>
      <c r="C99" s="26"/>
      <c r="D99" s="26"/>
      <c r="E99" s="26"/>
      <c r="F99" s="26"/>
      <c r="G99" s="26"/>
      <c r="H99" s="26"/>
      <c r="I99" s="26"/>
      <c r="J99" s="26"/>
      <c r="K99" s="26"/>
      <c r="L99" s="26"/>
      <c r="M99" s="26"/>
      <c r="N99" s="26"/>
      <c r="O99" s="26"/>
      <c r="P99" s="26"/>
      <c r="Q99" s="26"/>
      <c r="R99" s="26"/>
      <c r="S99" s="26"/>
      <c r="T99" s="26"/>
      <c r="U99" s="26"/>
      <c r="V99" s="122"/>
      <c r="W99" s="122"/>
      <c r="X99" s="122"/>
      <c r="Y99" s="122"/>
      <c r="Z99" s="122"/>
      <c r="AA99" s="122"/>
      <c r="AB99" s="122"/>
      <c r="AC99" s="122"/>
      <c r="AD99" s="122"/>
      <c r="AE99" s="122"/>
      <c r="AF99" s="54"/>
      <c r="AG99" s="48"/>
      <c r="AH99" s="54"/>
    </row>
    <row r="100" spans="1:35" s="1" customFormat="1">
      <c r="A100" s="20"/>
      <c r="B100" s="52" t="s">
        <v>380</v>
      </c>
      <c r="C100" s="53"/>
      <c r="D100" s="26"/>
      <c r="E100" s="26"/>
      <c r="F100" s="26"/>
      <c r="G100" s="26"/>
      <c r="H100" s="26"/>
      <c r="I100" s="26"/>
      <c r="J100" s="26" t="s">
        <v>1892</v>
      </c>
      <c r="K100" s="26"/>
      <c r="L100" s="71"/>
      <c r="M100" s="26"/>
      <c r="N100" s="26"/>
      <c r="O100" s="26"/>
      <c r="P100" s="26"/>
      <c r="Q100" s="26"/>
      <c r="R100" s="26"/>
      <c r="S100" s="26"/>
      <c r="T100" s="26"/>
      <c r="U100" s="26" t="s">
        <v>1893</v>
      </c>
      <c r="V100" s="122"/>
      <c r="W100" s="122"/>
      <c r="X100" s="122"/>
      <c r="Y100" s="122"/>
      <c r="Z100" s="122"/>
      <c r="AA100" s="122"/>
      <c r="AB100" s="122"/>
      <c r="AC100" s="122"/>
      <c r="AD100" s="122"/>
      <c r="AE100" s="122"/>
      <c r="AF100" s="26"/>
      <c r="AG100" s="48"/>
      <c r="AH100" s="26"/>
    </row>
    <row r="101" spans="1:35" s="1" customFormat="1" ht="13.5" customHeight="1">
      <c r="A101" s="20"/>
      <c r="B101" s="583" t="s">
        <v>73</v>
      </c>
      <c r="C101" s="573"/>
      <c r="D101" s="583" t="s">
        <v>94</v>
      </c>
      <c r="E101" s="583"/>
      <c r="F101" s="583"/>
      <c r="G101" s="583"/>
      <c r="H101" s="583"/>
      <c r="I101" s="583"/>
      <c r="J101" s="583"/>
      <c r="K101" s="583"/>
      <c r="L101" s="583"/>
      <c r="M101" s="583"/>
      <c r="N101" s="583"/>
      <c r="O101" s="583"/>
      <c r="P101" s="583"/>
      <c r="Q101" s="583"/>
      <c r="R101" s="583"/>
      <c r="S101" s="583"/>
      <c r="T101" s="583"/>
      <c r="U101" s="226" t="s">
        <v>383</v>
      </c>
      <c r="V101" s="572" t="s">
        <v>138</v>
      </c>
      <c r="W101" s="572"/>
      <c r="X101" s="581" t="s">
        <v>959</v>
      </c>
      <c r="Y101" s="572" t="s">
        <v>97</v>
      </c>
      <c r="Z101" s="572"/>
      <c r="AA101" s="572" t="s">
        <v>98</v>
      </c>
      <c r="AB101" s="572"/>
      <c r="AC101" s="583" t="s">
        <v>75</v>
      </c>
      <c r="AD101" s="583"/>
      <c r="AE101" s="583"/>
      <c r="AF101" s="572" t="s">
        <v>159</v>
      </c>
      <c r="AG101" s="48"/>
      <c r="AH101" s="26"/>
    </row>
    <row r="102" spans="1:35" s="13" customFormat="1">
      <c r="A102" s="20"/>
      <c r="B102" s="573"/>
      <c r="C102" s="573"/>
      <c r="D102" s="583"/>
      <c r="E102" s="583"/>
      <c r="F102" s="583"/>
      <c r="G102" s="583"/>
      <c r="H102" s="583"/>
      <c r="I102" s="583"/>
      <c r="J102" s="583"/>
      <c r="K102" s="583"/>
      <c r="L102" s="583"/>
      <c r="M102" s="583"/>
      <c r="N102" s="583"/>
      <c r="O102" s="583"/>
      <c r="P102" s="583"/>
      <c r="Q102" s="583"/>
      <c r="R102" s="583"/>
      <c r="S102" s="583"/>
      <c r="T102" s="583"/>
      <c r="U102" s="227"/>
      <c r="V102" s="572"/>
      <c r="W102" s="572"/>
      <c r="X102" s="582"/>
      <c r="Y102" s="572"/>
      <c r="Z102" s="572"/>
      <c r="AA102" s="572"/>
      <c r="AB102" s="572"/>
      <c r="AC102" s="583"/>
      <c r="AD102" s="583"/>
      <c r="AE102" s="583"/>
      <c r="AF102" s="572"/>
      <c r="AG102" s="38"/>
      <c r="AH102" s="54"/>
    </row>
    <row r="103" spans="1:35" s="1" customFormat="1" ht="13.4" customHeight="1">
      <c r="A103" s="20"/>
      <c r="B103" s="541">
        <v>1</v>
      </c>
      <c r="C103" s="542"/>
      <c r="D103" s="563" t="s">
        <v>1802</v>
      </c>
      <c r="E103" s="564"/>
      <c r="F103" s="564"/>
      <c r="G103" s="564"/>
      <c r="H103" s="564"/>
      <c r="I103" s="564"/>
      <c r="J103" s="564"/>
      <c r="K103" s="564"/>
      <c r="L103" s="564"/>
      <c r="M103" s="564"/>
      <c r="N103" s="564"/>
      <c r="O103" s="564"/>
      <c r="P103" s="564"/>
      <c r="Q103" s="564"/>
      <c r="R103" s="564"/>
      <c r="S103" s="564"/>
      <c r="T103" s="565"/>
      <c r="U103" s="219" t="s">
        <v>441</v>
      </c>
      <c r="V103" s="546" t="s">
        <v>1847</v>
      </c>
      <c r="W103" s="548"/>
      <c r="X103" s="408" t="s">
        <v>102</v>
      </c>
      <c r="Y103" s="415">
        <v>46</v>
      </c>
      <c r="Z103" s="415" t="s">
        <v>103</v>
      </c>
      <c r="AA103" s="646"/>
      <c r="AB103" s="647"/>
      <c r="AC103" s="549"/>
      <c r="AD103" s="550"/>
      <c r="AE103" s="551"/>
      <c r="AF103" s="332"/>
      <c r="AG103" s="38"/>
      <c r="AH103" s="26"/>
      <c r="AI103" s="1" t="str">
        <f>$F$20</f>
        <v>■</v>
      </c>
    </row>
    <row r="104" spans="1:35" s="1" customFormat="1" ht="13.4" customHeight="1">
      <c r="A104" s="20"/>
      <c r="B104" s="541">
        <v>2</v>
      </c>
      <c r="C104" s="542"/>
      <c r="D104" s="563" t="s">
        <v>124</v>
      </c>
      <c r="E104" s="564"/>
      <c r="F104" s="564"/>
      <c r="G104" s="564"/>
      <c r="H104" s="564"/>
      <c r="I104" s="564"/>
      <c r="J104" s="564"/>
      <c r="K104" s="564"/>
      <c r="L104" s="564"/>
      <c r="M104" s="564"/>
      <c r="N104" s="564"/>
      <c r="O104" s="564"/>
      <c r="P104" s="564"/>
      <c r="Q104" s="564"/>
      <c r="R104" s="564"/>
      <c r="S104" s="564"/>
      <c r="T104" s="565"/>
      <c r="U104" s="219" t="s">
        <v>443</v>
      </c>
      <c r="V104" s="546" t="s">
        <v>1847</v>
      </c>
      <c r="W104" s="548"/>
      <c r="X104" s="408" t="s">
        <v>102</v>
      </c>
      <c r="Y104" s="415">
        <v>14</v>
      </c>
      <c r="Z104" s="415" t="s">
        <v>103</v>
      </c>
      <c r="AA104" s="646"/>
      <c r="AB104" s="647"/>
      <c r="AC104" s="549"/>
      <c r="AD104" s="550"/>
      <c r="AE104" s="551"/>
      <c r="AF104" s="332"/>
      <c r="AG104" s="48"/>
      <c r="AH104" s="26"/>
      <c r="AI104" s="1" t="str">
        <f t="shared" ref="AI104:AI119" si="3">$F$20</f>
        <v>■</v>
      </c>
    </row>
    <row r="105" spans="1:35" s="1" customFormat="1" ht="13.4" customHeight="1">
      <c r="A105" s="20"/>
      <c r="B105" s="552">
        <v>3</v>
      </c>
      <c r="C105" s="553"/>
      <c r="D105" s="566" t="s">
        <v>1804</v>
      </c>
      <c r="E105" s="567"/>
      <c r="F105" s="567"/>
      <c r="G105" s="567"/>
      <c r="H105" s="567"/>
      <c r="I105" s="567"/>
      <c r="J105" s="567"/>
      <c r="K105" s="567"/>
      <c r="L105" s="567"/>
      <c r="M105" s="567"/>
      <c r="N105" s="567"/>
      <c r="O105" s="567"/>
      <c r="P105" s="567"/>
      <c r="Q105" s="567"/>
      <c r="R105" s="567"/>
      <c r="S105" s="567"/>
      <c r="T105" s="568"/>
      <c r="U105" s="220" t="s">
        <v>444</v>
      </c>
      <c r="V105" s="557" t="s">
        <v>107</v>
      </c>
      <c r="W105" s="559"/>
      <c r="X105" s="409" t="s">
        <v>108</v>
      </c>
      <c r="Y105" s="419">
        <v>1</v>
      </c>
      <c r="Z105" s="419">
        <v>0</v>
      </c>
      <c r="AA105" s="569" t="s">
        <v>109</v>
      </c>
      <c r="AB105" s="570"/>
      <c r="AC105" s="560"/>
      <c r="AD105" s="561"/>
      <c r="AE105" s="562"/>
      <c r="AF105" s="333" t="s">
        <v>416</v>
      </c>
      <c r="AG105" s="48"/>
      <c r="AH105" s="26"/>
      <c r="AI105" s="1" t="str">
        <f t="shared" si="3"/>
        <v>■</v>
      </c>
    </row>
    <row r="106" spans="1:35" s="1" customFormat="1" ht="13.4" customHeight="1">
      <c r="A106" s="20"/>
      <c r="B106" s="541">
        <v>4</v>
      </c>
      <c r="C106" s="542"/>
      <c r="D106" s="543" t="s">
        <v>1805</v>
      </c>
      <c r="E106" s="544"/>
      <c r="F106" s="544"/>
      <c r="G106" s="544"/>
      <c r="H106" s="544"/>
      <c r="I106" s="544"/>
      <c r="J106" s="544"/>
      <c r="K106" s="544"/>
      <c r="L106" s="544"/>
      <c r="M106" s="544"/>
      <c r="N106" s="544"/>
      <c r="O106" s="544"/>
      <c r="P106" s="544"/>
      <c r="Q106" s="544"/>
      <c r="R106" s="544"/>
      <c r="S106" s="544"/>
      <c r="T106" s="545"/>
      <c r="U106" s="225" t="s">
        <v>1806</v>
      </c>
      <c r="V106" s="546" t="s">
        <v>1856</v>
      </c>
      <c r="W106" s="548"/>
      <c r="X106" s="408" t="s">
        <v>102</v>
      </c>
      <c r="Y106" s="415">
        <v>3</v>
      </c>
      <c r="Z106" s="415" t="s">
        <v>103</v>
      </c>
      <c r="AA106" s="646"/>
      <c r="AB106" s="647"/>
      <c r="AC106" s="549"/>
      <c r="AD106" s="550"/>
      <c r="AE106" s="551"/>
      <c r="AF106" s="332"/>
      <c r="AG106" s="38"/>
      <c r="AH106" s="26"/>
      <c r="AI106" s="1" t="str">
        <f t="shared" si="3"/>
        <v>■</v>
      </c>
    </row>
    <row r="107" spans="1:35" s="13" customFormat="1" ht="13.4" customHeight="1">
      <c r="A107" s="20"/>
      <c r="B107" s="541">
        <v>5</v>
      </c>
      <c r="C107" s="542"/>
      <c r="D107" s="543" t="s">
        <v>162</v>
      </c>
      <c r="E107" s="544"/>
      <c r="F107" s="544"/>
      <c r="G107" s="544"/>
      <c r="H107" s="544"/>
      <c r="I107" s="544"/>
      <c r="J107" s="544"/>
      <c r="K107" s="544"/>
      <c r="L107" s="544"/>
      <c r="M107" s="544"/>
      <c r="N107" s="544"/>
      <c r="O107" s="544"/>
      <c r="P107" s="544"/>
      <c r="Q107" s="544"/>
      <c r="R107" s="544"/>
      <c r="S107" s="544"/>
      <c r="T107" s="545"/>
      <c r="U107" s="221" t="s">
        <v>1862</v>
      </c>
      <c r="V107" s="546" t="s">
        <v>1847</v>
      </c>
      <c r="W107" s="548"/>
      <c r="X107" s="408" t="s">
        <v>102</v>
      </c>
      <c r="Y107" s="415">
        <v>17</v>
      </c>
      <c r="Z107" s="415" t="s">
        <v>103</v>
      </c>
      <c r="AA107" s="646"/>
      <c r="AB107" s="647"/>
      <c r="AC107" s="549"/>
      <c r="AD107" s="550"/>
      <c r="AE107" s="551"/>
      <c r="AF107" s="332"/>
      <c r="AG107" s="38"/>
      <c r="AH107" s="54"/>
      <c r="AI107" s="1" t="str">
        <f t="shared" si="3"/>
        <v>■</v>
      </c>
    </row>
    <row r="108" spans="1:35" s="1" customFormat="1" ht="13.4" customHeight="1">
      <c r="A108" s="20"/>
      <c r="B108" s="541">
        <v>6</v>
      </c>
      <c r="C108" s="542"/>
      <c r="D108" s="543" t="s">
        <v>1863</v>
      </c>
      <c r="E108" s="544"/>
      <c r="F108" s="544"/>
      <c r="G108" s="544"/>
      <c r="H108" s="544"/>
      <c r="I108" s="544"/>
      <c r="J108" s="544"/>
      <c r="K108" s="544"/>
      <c r="L108" s="544"/>
      <c r="M108" s="544"/>
      <c r="N108" s="544"/>
      <c r="O108" s="544"/>
      <c r="P108" s="544"/>
      <c r="Q108" s="544"/>
      <c r="R108" s="544"/>
      <c r="S108" s="544"/>
      <c r="T108" s="545"/>
      <c r="U108" s="221" t="s">
        <v>1864</v>
      </c>
      <c r="V108" s="546" t="s">
        <v>1856</v>
      </c>
      <c r="W108" s="548"/>
      <c r="X108" s="408" t="s">
        <v>710</v>
      </c>
      <c r="Y108" s="415">
        <v>7</v>
      </c>
      <c r="Z108" s="415">
        <v>3</v>
      </c>
      <c r="AA108" s="646"/>
      <c r="AB108" s="647"/>
      <c r="AC108" s="549"/>
      <c r="AD108" s="550"/>
      <c r="AE108" s="551"/>
      <c r="AF108" s="332"/>
      <c r="AG108" s="48"/>
      <c r="AH108" s="26"/>
      <c r="AI108" s="1" t="str">
        <f t="shared" si="3"/>
        <v>■</v>
      </c>
    </row>
    <row r="109" spans="1:35" s="1" customFormat="1">
      <c r="A109" s="20"/>
      <c r="B109" s="541">
        <v>7</v>
      </c>
      <c r="C109" s="542"/>
      <c r="D109" s="543" t="s">
        <v>1865</v>
      </c>
      <c r="E109" s="544"/>
      <c r="F109" s="544"/>
      <c r="G109" s="544"/>
      <c r="H109" s="544"/>
      <c r="I109" s="544"/>
      <c r="J109" s="544"/>
      <c r="K109" s="544"/>
      <c r="L109" s="544"/>
      <c r="M109" s="544"/>
      <c r="N109" s="544"/>
      <c r="O109" s="544"/>
      <c r="P109" s="544"/>
      <c r="Q109" s="544"/>
      <c r="R109" s="544"/>
      <c r="S109" s="544"/>
      <c r="T109" s="545"/>
      <c r="U109" s="221" t="s">
        <v>1866</v>
      </c>
      <c r="V109" s="701" t="s">
        <v>1856</v>
      </c>
      <c r="W109" s="702"/>
      <c r="X109" s="266" t="s">
        <v>710</v>
      </c>
      <c r="Y109" s="378">
        <v>7</v>
      </c>
      <c r="Z109" s="378">
        <v>3</v>
      </c>
      <c r="AA109" s="646"/>
      <c r="AB109" s="647"/>
      <c r="AC109" s="549"/>
      <c r="AD109" s="550"/>
      <c r="AE109" s="551"/>
      <c r="AF109" s="332"/>
      <c r="AG109" s="48"/>
      <c r="AH109" s="26"/>
      <c r="AI109" s="1" t="str">
        <f t="shared" si="3"/>
        <v>■</v>
      </c>
    </row>
    <row r="110" spans="1:35" s="1" customFormat="1" ht="13.4" customHeight="1">
      <c r="A110" s="20"/>
      <c r="B110" s="541">
        <v>8</v>
      </c>
      <c r="C110" s="542"/>
      <c r="D110" s="543" t="s">
        <v>1867</v>
      </c>
      <c r="E110" s="544"/>
      <c r="F110" s="544"/>
      <c r="G110" s="544"/>
      <c r="H110" s="544"/>
      <c r="I110" s="544"/>
      <c r="J110" s="544"/>
      <c r="K110" s="544"/>
      <c r="L110" s="544"/>
      <c r="M110" s="544"/>
      <c r="N110" s="544"/>
      <c r="O110" s="544"/>
      <c r="P110" s="544"/>
      <c r="Q110" s="544"/>
      <c r="R110" s="544"/>
      <c r="S110" s="544"/>
      <c r="T110" s="545"/>
      <c r="U110" s="221" t="s">
        <v>1868</v>
      </c>
      <c r="V110" s="701" t="s">
        <v>1869</v>
      </c>
      <c r="W110" s="702"/>
      <c r="X110" s="266" t="s">
        <v>102</v>
      </c>
      <c r="Y110" s="378">
        <v>20</v>
      </c>
      <c r="Z110" s="378" t="s">
        <v>103</v>
      </c>
      <c r="AA110" s="646"/>
      <c r="AB110" s="647"/>
      <c r="AC110" s="549"/>
      <c r="AD110" s="550"/>
      <c r="AE110" s="551"/>
      <c r="AF110" s="332"/>
      <c r="AG110" s="48"/>
      <c r="AH110" s="26"/>
      <c r="AI110" s="1" t="str">
        <f t="shared" si="3"/>
        <v>■</v>
      </c>
    </row>
    <row r="111" spans="1:35" s="1" customFormat="1" ht="13.4" customHeight="1">
      <c r="A111" s="20"/>
      <c r="B111" s="541">
        <v>9</v>
      </c>
      <c r="C111" s="542"/>
      <c r="D111" s="543" t="s">
        <v>1870</v>
      </c>
      <c r="E111" s="544"/>
      <c r="F111" s="544"/>
      <c r="G111" s="544"/>
      <c r="H111" s="544"/>
      <c r="I111" s="544"/>
      <c r="J111" s="544"/>
      <c r="K111" s="544"/>
      <c r="L111" s="544"/>
      <c r="M111" s="544"/>
      <c r="N111" s="544"/>
      <c r="O111" s="544"/>
      <c r="P111" s="544"/>
      <c r="Q111" s="544"/>
      <c r="R111" s="544"/>
      <c r="S111" s="544"/>
      <c r="T111" s="545"/>
      <c r="U111" s="221" t="s">
        <v>1871</v>
      </c>
      <c r="V111" s="701" t="s">
        <v>1856</v>
      </c>
      <c r="W111" s="702"/>
      <c r="X111" s="266" t="s">
        <v>710</v>
      </c>
      <c r="Y111" s="378">
        <v>7</v>
      </c>
      <c r="Z111" s="378">
        <v>3</v>
      </c>
      <c r="AA111" s="646"/>
      <c r="AB111" s="647"/>
      <c r="AC111" s="549"/>
      <c r="AD111" s="550"/>
      <c r="AE111" s="551"/>
      <c r="AF111" s="332"/>
      <c r="AG111" s="48"/>
      <c r="AH111" s="26"/>
      <c r="AI111" s="1" t="str">
        <f t="shared" si="3"/>
        <v>■</v>
      </c>
    </row>
    <row r="112" spans="1:35" s="1" customFormat="1" ht="13.4" customHeight="1">
      <c r="A112" s="20"/>
      <c r="B112" s="541">
        <v>10</v>
      </c>
      <c r="C112" s="542"/>
      <c r="D112" s="543" t="s">
        <v>1872</v>
      </c>
      <c r="E112" s="544"/>
      <c r="F112" s="544"/>
      <c r="G112" s="544"/>
      <c r="H112" s="544"/>
      <c r="I112" s="544"/>
      <c r="J112" s="544"/>
      <c r="K112" s="544"/>
      <c r="L112" s="544"/>
      <c r="M112" s="544"/>
      <c r="N112" s="544"/>
      <c r="O112" s="544"/>
      <c r="P112" s="544"/>
      <c r="Q112" s="544"/>
      <c r="R112" s="544"/>
      <c r="S112" s="544"/>
      <c r="T112" s="545"/>
      <c r="U112" s="221" t="s">
        <v>1873</v>
      </c>
      <c r="V112" s="701" t="s">
        <v>1869</v>
      </c>
      <c r="W112" s="702"/>
      <c r="X112" s="266" t="s">
        <v>102</v>
      </c>
      <c r="Y112" s="378">
        <v>20</v>
      </c>
      <c r="Z112" s="378" t="s">
        <v>103</v>
      </c>
      <c r="AA112" s="646"/>
      <c r="AB112" s="647"/>
      <c r="AC112" s="549"/>
      <c r="AD112" s="550"/>
      <c r="AE112" s="551"/>
      <c r="AF112" s="332"/>
      <c r="AG112" s="48"/>
      <c r="AH112" s="26"/>
      <c r="AI112" s="1" t="str">
        <f t="shared" si="3"/>
        <v>■</v>
      </c>
    </row>
    <row r="113" spans="1:35" s="1" customFormat="1" ht="13.4" customHeight="1">
      <c r="A113" s="20"/>
      <c r="B113" s="541">
        <v>11</v>
      </c>
      <c r="C113" s="542"/>
      <c r="D113" s="543" t="s">
        <v>1874</v>
      </c>
      <c r="E113" s="544"/>
      <c r="F113" s="544"/>
      <c r="G113" s="544"/>
      <c r="H113" s="544"/>
      <c r="I113" s="544"/>
      <c r="J113" s="544"/>
      <c r="K113" s="544"/>
      <c r="L113" s="544"/>
      <c r="M113" s="544"/>
      <c r="N113" s="544"/>
      <c r="O113" s="544"/>
      <c r="P113" s="544"/>
      <c r="Q113" s="544"/>
      <c r="R113" s="544"/>
      <c r="S113" s="544"/>
      <c r="T113" s="545"/>
      <c r="U113" s="221" t="s">
        <v>1875</v>
      </c>
      <c r="V113" s="701" t="s">
        <v>1856</v>
      </c>
      <c r="W113" s="702"/>
      <c r="X113" s="266" t="s">
        <v>710</v>
      </c>
      <c r="Y113" s="378">
        <v>7</v>
      </c>
      <c r="Z113" s="378">
        <v>3</v>
      </c>
      <c r="AA113" s="646"/>
      <c r="AB113" s="647"/>
      <c r="AC113" s="549"/>
      <c r="AD113" s="550"/>
      <c r="AE113" s="551"/>
      <c r="AF113" s="332"/>
      <c r="AG113" s="48"/>
      <c r="AH113" s="26"/>
      <c r="AI113" s="1" t="str">
        <f t="shared" si="3"/>
        <v>■</v>
      </c>
    </row>
    <row r="114" spans="1:35" s="1" customFormat="1" ht="13.4" customHeight="1">
      <c r="A114" s="20"/>
      <c r="B114" s="541">
        <v>12</v>
      </c>
      <c r="C114" s="542"/>
      <c r="D114" s="543" t="s">
        <v>1876</v>
      </c>
      <c r="E114" s="544"/>
      <c r="F114" s="544"/>
      <c r="G114" s="544"/>
      <c r="H114" s="544"/>
      <c r="I114" s="544"/>
      <c r="J114" s="544"/>
      <c r="K114" s="544"/>
      <c r="L114" s="544"/>
      <c r="M114" s="544"/>
      <c r="N114" s="544"/>
      <c r="O114" s="544"/>
      <c r="P114" s="544"/>
      <c r="Q114" s="544"/>
      <c r="R114" s="544"/>
      <c r="S114" s="544"/>
      <c r="T114" s="545"/>
      <c r="U114" s="221" t="s">
        <v>1877</v>
      </c>
      <c r="V114" s="701" t="s">
        <v>1869</v>
      </c>
      <c r="W114" s="702"/>
      <c r="X114" s="266" t="s">
        <v>102</v>
      </c>
      <c r="Y114" s="378">
        <v>20</v>
      </c>
      <c r="Z114" s="378" t="s">
        <v>103</v>
      </c>
      <c r="AA114" s="646"/>
      <c r="AB114" s="647"/>
      <c r="AC114" s="549"/>
      <c r="AD114" s="550"/>
      <c r="AE114" s="551"/>
      <c r="AF114" s="332"/>
      <c r="AG114" s="38"/>
      <c r="AH114" s="26"/>
      <c r="AI114" s="1" t="str">
        <f t="shared" si="3"/>
        <v>■</v>
      </c>
    </row>
    <row r="115" spans="1:35" s="1" customFormat="1" ht="13.4" customHeight="1">
      <c r="A115" s="20"/>
      <c r="B115" s="541">
        <v>13</v>
      </c>
      <c r="C115" s="542"/>
      <c r="D115" s="543" t="s">
        <v>1880</v>
      </c>
      <c r="E115" s="544"/>
      <c r="F115" s="544"/>
      <c r="G115" s="544"/>
      <c r="H115" s="544"/>
      <c r="I115" s="544"/>
      <c r="J115" s="544"/>
      <c r="K115" s="544"/>
      <c r="L115" s="544"/>
      <c r="M115" s="544"/>
      <c r="N115" s="544"/>
      <c r="O115" s="544"/>
      <c r="P115" s="544"/>
      <c r="Q115" s="544"/>
      <c r="R115" s="544"/>
      <c r="S115" s="544"/>
      <c r="T115" s="545"/>
      <c r="U115" s="221" t="s">
        <v>1881</v>
      </c>
      <c r="V115" s="701" t="s">
        <v>1847</v>
      </c>
      <c r="W115" s="702"/>
      <c r="X115" s="266" t="s">
        <v>102</v>
      </c>
      <c r="Y115" s="378">
        <v>1</v>
      </c>
      <c r="Z115" s="378" t="s">
        <v>103</v>
      </c>
      <c r="AA115" s="646"/>
      <c r="AB115" s="647"/>
      <c r="AC115" s="549"/>
      <c r="AD115" s="550"/>
      <c r="AE115" s="551"/>
      <c r="AF115" s="332"/>
      <c r="AG115" s="38"/>
      <c r="AH115" s="26"/>
      <c r="AI115" s="1" t="str">
        <f t="shared" si="3"/>
        <v>■</v>
      </c>
    </row>
    <row r="116" spans="1:35" s="1" customFormat="1" ht="13.4" customHeight="1">
      <c r="A116" s="20"/>
      <c r="B116" s="541">
        <v>14</v>
      </c>
      <c r="C116" s="542"/>
      <c r="D116" s="543" t="s">
        <v>1882</v>
      </c>
      <c r="E116" s="544"/>
      <c r="F116" s="544"/>
      <c r="G116" s="544"/>
      <c r="H116" s="544"/>
      <c r="I116" s="544"/>
      <c r="J116" s="544"/>
      <c r="K116" s="544"/>
      <c r="L116" s="544"/>
      <c r="M116" s="544"/>
      <c r="N116" s="544"/>
      <c r="O116" s="544"/>
      <c r="P116" s="544"/>
      <c r="Q116" s="544"/>
      <c r="R116" s="544"/>
      <c r="S116" s="544"/>
      <c r="T116" s="545"/>
      <c r="U116" s="221" t="s">
        <v>1883</v>
      </c>
      <c r="V116" s="701" t="s">
        <v>1847</v>
      </c>
      <c r="W116" s="702"/>
      <c r="X116" s="266" t="s">
        <v>102</v>
      </c>
      <c r="Y116" s="378">
        <v>1</v>
      </c>
      <c r="Z116" s="378" t="s">
        <v>103</v>
      </c>
      <c r="AA116" s="646"/>
      <c r="AB116" s="647"/>
      <c r="AC116" s="549"/>
      <c r="AD116" s="550"/>
      <c r="AE116" s="551"/>
      <c r="AF116" s="332"/>
      <c r="AG116" s="48"/>
      <c r="AH116" s="26"/>
      <c r="AI116" s="1" t="str">
        <f t="shared" si="3"/>
        <v>■</v>
      </c>
    </row>
    <row r="117" spans="1:35" s="1" customFormat="1" ht="13.4" customHeight="1">
      <c r="A117" s="20"/>
      <c r="B117" s="541">
        <v>15</v>
      </c>
      <c r="C117" s="542"/>
      <c r="D117" s="543" t="s">
        <v>1890</v>
      </c>
      <c r="E117" s="544"/>
      <c r="F117" s="544"/>
      <c r="G117" s="544"/>
      <c r="H117" s="544"/>
      <c r="I117" s="544"/>
      <c r="J117" s="544"/>
      <c r="K117" s="544"/>
      <c r="L117" s="544"/>
      <c r="M117" s="544"/>
      <c r="N117" s="544"/>
      <c r="O117" s="544"/>
      <c r="P117" s="544"/>
      <c r="Q117" s="544"/>
      <c r="R117" s="544"/>
      <c r="S117" s="544"/>
      <c r="T117" s="545"/>
      <c r="U117" s="221" t="s">
        <v>1891</v>
      </c>
      <c r="V117" s="701" t="s">
        <v>1847</v>
      </c>
      <c r="W117" s="702"/>
      <c r="X117" s="266" t="s">
        <v>102</v>
      </c>
      <c r="Y117" s="378">
        <v>1</v>
      </c>
      <c r="Z117" s="378" t="s">
        <v>103</v>
      </c>
      <c r="AA117" s="646"/>
      <c r="AB117" s="647"/>
      <c r="AC117" s="549"/>
      <c r="AD117" s="550"/>
      <c r="AE117" s="551"/>
      <c r="AF117" s="332"/>
      <c r="AG117" s="48"/>
      <c r="AH117" s="26"/>
      <c r="AI117" s="1" t="str">
        <f t="shared" si="3"/>
        <v>■</v>
      </c>
    </row>
    <row r="118" spans="1:35" s="1" customFormat="1" ht="13.4" customHeight="1">
      <c r="A118" s="20"/>
      <c r="B118" s="541">
        <v>16</v>
      </c>
      <c r="C118" s="542"/>
      <c r="D118" s="543" t="s">
        <v>1838</v>
      </c>
      <c r="E118" s="544"/>
      <c r="F118" s="544"/>
      <c r="G118" s="544"/>
      <c r="H118" s="544"/>
      <c r="I118" s="544"/>
      <c r="J118" s="544"/>
      <c r="K118" s="544"/>
      <c r="L118" s="544"/>
      <c r="M118" s="544"/>
      <c r="N118" s="544"/>
      <c r="O118" s="544"/>
      <c r="P118" s="544"/>
      <c r="Q118" s="544"/>
      <c r="R118" s="544"/>
      <c r="S118" s="544"/>
      <c r="T118" s="545"/>
      <c r="U118" s="221" t="s">
        <v>1839</v>
      </c>
      <c r="V118" s="546" t="s">
        <v>107</v>
      </c>
      <c r="W118" s="548"/>
      <c r="X118" s="381" t="s">
        <v>102</v>
      </c>
      <c r="Y118" s="378">
        <v>4</v>
      </c>
      <c r="Z118" s="378" t="s">
        <v>103</v>
      </c>
      <c r="AA118" s="646"/>
      <c r="AB118" s="647"/>
      <c r="AC118" s="549"/>
      <c r="AD118" s="550"/>
      <c r="AE118" s="551"/>
      <c r="AF118" s="332"/>
      <c r="AG118" s="48"/>
      <c r="AH118" s="26"/>
      <c r="AI118" s="1" t="str">
        <f t="shared" si="3"/>
        <v>■</v>
      </c>
    </row>
    <row r="119" spans="1:35" s="1" customFormat="1" ht="13.4" customHeight="1">
      <c r="A119" s="20"/>
      <c r="B119" s="541">
        <v>17</v>
      </c>
      <c r="C119" s="542"/>
      <c r="D119" s="543" t="s">
        <v>1859</v>
      </c>
      <c r="E119" s="544"/>
      <c r="F119" s="544"/>
      <c r="G119" s="544"/>
      <c r="H119" s="544"/>
      <c r="I119" s="544"/>
      <c r="J119" s="544"/>
      <c r="K119" s="544"/>
      <c r="L119" s="544"/>
      <c r="M119" s="544"/>
      <c r="N119" s="544"/>
      <c r="O119" s="544"/>
      <c r="P119" s="544"/>
      <c r="Q119" s="544"/>
      <c r="R119" s="544"/>
      <c r="S119" s="544"/>
      <c r="T119" s="545"/>
      <c r="U119" s="221" t="s">
        <v>516</v>
      </c>
      <c r="V119" s="546" t="s">
        <v>107</v>
      </c>
      <c r="W119" s="548"/>
      <c r="X119" s="381" t="s">
        <v>102</v>
      </c>
      <c r="Y119" s="378">
        <v>6</v>
      </c>
      <c r="Z119" s="378" t="s">
        <v>103</v>
      </c>
      <c r="AA119" s="646"/>
      <c r="AB119" s="647"/>
      <c r="AC119" s="549"/>
      <c r="AD119" s="550"/>
      <c r="AE119" s="551"/>
      <c r="AF119" s="332"/>
      <c r="AG119" s="48"/>
      <c r="AH119" s="26"/>
      <c r="AI119" s="1" t="str">
        <f t="shared" si="3"/>
        <v>■</v>
      </c>
    </row>
    <row r="120" spans="1:35" s="1" customFormat="1">
      <c r="A120" s="70"/>
      <c r="B120" s="26"/>
      <c r="C120" s="26"/>
      <c r="D120" s="26"/>
      <c r="E120" s="26"/>
      <c r="F120" s="26"/>
      <c r="G120" s="26"/>
      <c r="H120" s="26"/>
      <c r="I120" s="26"/>
      <c r="J120" s="26"/>
      <c r="K120" s="26"/>
      <c r="L120" s="26"/>
      <c r="M120" s="26"/>
      <c r="N120" s="26"/>
      <c r="O120" s="26"/>
      <c r="P120" s="26"/>
      <c r="Q120" s="26"/>
      <c r="R120" s="26"/>
      <c r="S120" s="26"/>
      <c r="T120" s="26"/>
      <c r="U120" s="26"/>
      <c r="V120" s="26"/>
      <c r="W120" s="26"/>
      <c r="X120" s="26"/>
      <c r="Y120" s="26"/>
      <c r="Z120" s="26"/>
      <c r="AA120" s="26"/>
      <c r="AB120" s="26"/>
      <c r="AC120" s="26"/>
      <c r="AD120" s="26"/>
      <c r="AE120" s="26"/>
      <c r="AF120" s="55"/>
      <c r="AG120" s="48"/>
      <c r="AH120" s="26"/>
    </row>
    <row r="121" spans="1:35" s="1" customFormat="1">
      <c r="A121" s="70"/>
      <c r="C121" s="26"/>
      <c r="E121" s="76" t="s">
        <v>1894</v>
      </c>
      <c r="F121" s="26"/>
      <c r="G121" s="26"/>
      <c r="H121" s="26"/>
      <c r="I121" s="26"/>
      <c r="J121" s="26"/>
      <c r="K121" s="26"/>
      <c r="L121" s="26"/>
      <c r="M121" s="26"/>
      <c r="N121" s="26"/>
      <c r="O121" s="26"/>
      <c r="P121" s="26"/>
      <c r="Q121" s="26"/>
      <c r="R121" s="26"/>
      <c r="S121" s="26"/>
      <c r="T121" s="26"/>
      <c r="U121" s="26"/>
      <c r="V121" s="26"/>
      <c r="W121" s="26"/>
      <c r="X121" s="26"/>
      <c r="Y121" s="26"/>
      <c r="Z121" s="26"/>
      <c r="AA121" s="26"/>
      <c r="AB121" s="26"/>
      <c r="AC121" s="26"/>
      <c r="AD121" s="26"/>
      <c r="AE121" s="26"/>
      <c r="AF121" s="55"/>
      <c r="AG121" s="48"/>
      <c r="AH121" s="26"/>
    </row>
    <row r="122" spans="1:35" s="1" customFormat="1">
      <c r="A122" s="70"/>
      <c r="F122" s="26" t="s">
        <v>1895</v>
      </c>
      <c r="G122" s="26"/>
      <c r="H122" s="26"/>
      <c r="I122" s="26"/>
      <c r="J122" s="26"/>
      <c r="K122" s="26"/>
      <c r="L122" s="26"/>
      <c r="M122" s="26"/>
      <c r="N122" s="26"/>
      <c r="O122" s="26"/>
      <c r="P122" s="26"/>
      <c r="Q122" s="26"/>
      <c r="R122" s="26"/>
      <c r="S122" s="26"/>
      <c r="T122" s="26"/>
      <c r="U122" s="26"/>
      <c r="V122" s="26"/>
      <c r="W122" s="26"/>
      <c r="X122" s="26"/>
      <c r="Y122" s="26"/>
      <c r="Z122" s="26"/>
      <c r="AA122" s="26"/>
      <c r="AB122" s="26"/>
      <c r="AC122" s="26"/>
      <c r="AD122" s="26"/>
      <c r="AE122" s="26"/>
      <c r="AF122" s="55"/>
      <c r="AG122" s="48"/>
      <c r="AH122" s="26"/>
    </row>
    <row r="123" spans="1:35" s="1" customFormat="1">
      <c r="A123" s="70"/>
      <c r="B123" s="76"/>
      <c r="C123" s="26"/>
      <c r="D123" s="26"/>
      <c r="E123" s="26"/>
      <c r="F123" s="26"/>
      <c r="G123" s="26"/>
      <c r="H123" s="26"/>
      <c r="I123" s="26"/>
      <c r="J123" s="26"/>
      <c r="K123" s="26"/>
      <c r="L123" s="26"/>
      <c r="M123" s="26"/>
      <c r="N123" s="26"/>
      <c r="O123" s="26"/>
      <c r="P123" s="26"/>
      <c r="Q123" s="26"/>
      <c r="R123" s="26"/>
      <c r="S123" s="26"/>
      <c r="T123" s="26"/>
      <c r="U123" s="26"/>
      <c r="V123" s="26"/>
      <c r="W123" s="26"/>
      <c r="X123" s="26"/>
      <c r="Y123" s="26"/>
      <c r="Z123" s="26"/>
      <c r="AA123" s="26"/>
      <c r="AB123" s="26"/>
      <c r="AC123" s="26"/>
      <c r="AD123" s="26"/>
      <c r="AE123" s="26"/>
      <c r="AF123" s="55"/>
      <c r="AG123" s="48"/>
      <c r="AH123" s="26"/>
    </row>
    <row r="124" spans="1:35" s="1" customFormat="1">
      <c r="A124" s="70"/>
      <c r="B124" s="76"/>
      <c r="C124" s="26"/>
      <c r="D124" s="26"/>
      <c r="E124" s="26"/>
      <c r="F124" s="26"/>
      <c r="G124" s="26"/>
      <c r="H124" s="26"/>
      <c r="I124" s="26"/>
      <c r="J124" s="26"/>
      <c r="K124" s="26"/>
      <c r="L124" s="26"/>
      <c r="M124" s="26"/>
      <c r="N124" s="26"/>
      <c r="O124" s="26"/>
      <c r="P124" s="26"/>
      <c r="Q124" s="26"/>
      <c r="R124" s="26"/>
      <c r="S124" s="26"/>
      <c r="T124" s="26"/>
      <c r="U124" s="26"/>
      <c r="V124" s="26"/>
      <c r="W124" s="26"/>
      <c r="X124" s="26"/>
      <c r="Y124" s="26"/>
      <c r="Z124" s="26"/>
      <c r="AA124" s="26"/>
      <c r="AB124" s="26"/>
      <c r="AC124" s="26"/>
      <c r="AD124" s="26"/>
      <c r="AE124" s="26"/>
      <c r="AF124" s="55"/>
      <c r="AG124" s="48"/>
      <c r="AH124" s="26"/>
    </row>
    <row r="125" spans="1:35" s="1" customFormat="1">
      <c r="A125" s="70"/>
      <c r="B125" s="26"/>
      <c r="C125" s="26"/>
      <c r="D125" s="26"/>
      <c r="E125" s="26"/>
      <c r="F125" s="26"/>
      <c r="G125" s="26"/>
      <c r="H125" s="26"/>
      <c r="I125" s="26"/>
      <c r="J125" s="26"/>
      <c r="K125" s="26"/>
      <c r="L125" s="26"/>
      <c r="M125" s="26"/>
      <c r="N125" s="26"/>
      <c r="O125" s="26"/>
      <c r="P125" s="26"/>
      <c r="Q125" s="26"/>
      <c r="R125" s="26"/>
      <c r="S125" s="26"/>
      <c r="T125" s="26"/>
      <c r="U125" s="26"/>
      <c r="V125" s="26"/>
      <c r="W125" s="26"/>
      <c r="X125" s="26"/>
      <c r="Y125" s="26"/>
      <c r="Z125" s="26"/>
      <c r="AA125" s="26"/>
      <c r="AB125" s="26"/>
      <c r="AC125" s="26"/>
      <c r="AD125" s="26"/>
      <c r="AE125" s="26"/>
      <c r="AF125" s="55"/>
      <c r="AG125" s="48"/>
      <c r="AH125" s="26"/>
    </row>
    <row r="126" spans="1:35" s="1" customFormat="1">
      <c r="A126" s="70"/>
      <c r="B126" s="47" t="s">
        <v>908</v>
      </c>
      <c r="C126" s="26"/>
      <c r="D126" s="26"/>
      <c r="E126" s="26"/>
      <c r="F126" s="26"/>
      <c r="G126" s="26"/>
      <c r="H126" s="26"/>
      <c r="I126" s="26"/>
      <c r="J126" s="26"/>
      <c r="K126" s="26"/>
      <c r="L126" s="26"/>
      <c r="M126" s="26"/>
      <c r="N126" s="26"/>
      <c r="O126" s="26"/>
      <c r="P126" s="26"/>
      <c r="Q126" s="26"/>
      <c r="R126" s="26"/>
      <c r="S126" s="26"/>
      <c r="T126" s="26"/>
      <c r="U126" s="26"/>
      <c r="V126" s="26"/>
      <c r="W126" s="26"/>
      <c r="X126" s="26"/>
      <c r="Y126" s="26"/>
      <c r="Z126" s="26"/>
      <c r="AA126" s="26"/>
      <c r="AB126" s="26"/>
      <c r="AC126" s="26"/>
      <c r="AD126" s="26"/>
      <c r="AE126" s="26"/>
      <c r="AF126" s="55"/>
      <c r="AG126" s="48"/>
      <c r="AH126" s="26"/>
    </row>
    <row r="127" spans="1:35" s="1" customFormat="1">
      <c r="A127" s="70"/>
      <c r="B127" s="47"/>
      <c r="C127" s="26"/>
      <c r="D127" s="26"/>
      <c r="E127" s="26"/>
      <c r="F127" s="26"/>
      <c r="G127" s="26"/>
      <c r="H127" s="26"/>
      <c r="I127" s="26"/>
      <c r="J127" s="26"/>
      <c r="K127" s="26"/>
      <c r="L127" s="26"/>
      <c r="M127" s="26"/>
      <c r="N127" s="26"/>
      <c r="O127" s="26"/>
      <c r="P127" s="26"/>
      <c r="Q127" s="26"/>
      <c r="R127" s="26"/>
      <c r="S127" s="26"/>
      <c r="T127" s="26"/>
      <c r="U127" s="26"/>
      <c r="V127" s="26"/>
      <c r="W127" s="26"/>
      <c r="X127" s="26"/>
      <c r="Y127" s="26"/>
      <c r="Z127" s="26"/>
      <c r="AA127" s="26"/>
      <c r="AB127" s="26"/>
      <c r="AC127" s="26"/>
      <c r="AD127" s="26"/>
      <c r="AE127" s="26"/>
      <c r="AF127" s="55"/>
      <c r="AG127" s="48"/>
      <c r="AH127" s="26"/>
    </row>
    <row r="128" spans="1:35" s="1" customFormat="1">
      <c r="A128" s="70"/>
      <c r="B128" s="47"/>
      <c r="C128" s="26"/>
      <c r="D128" s="26"/>
      <c r="E128" s="26"/>
      <c r="F128" s="26"/>
      <c r="G128" s="26"/>
      <c r="H128" s="26"/>
      <c r="I128" s="26"/>
      <c r="J128" s="26"/>
      <c r="K128" s="26"/>
      <c r="L128" s="26"/>
      <c r="M128" s="26"/>
      <c r="N128" s="26"/>
      <c r="O128" s="26"/>
      <c r="P128" s="26"/>
      <c r="Q128" s="26"/>
      <c r="R128" s="26"/>
      <c r="S128" s="26"/>
      <c r="T128" s="26"/>
      <c r="U128" s="26"/>
      <c r="V128" s="26"/>
      <c r="W128" s="26"/>
      <c r="X128" s="26"/>
      <c r="Y128" s="26"/>
      <c r="Z128" s="26"/>
      <c r="AA128" s="26"/>
      <c r="AB128" s="26"/>
      <c r="AC128" s="26"/>
      <c r="AD128" s="26"/>
      <c r="AE128" s="26"/>
      <c r="AF128" s="55"/>
      <c r="AG128" s="48"/>
      <c r="AH128" s="26"/>
    </row>
    <row r="129" spans="1:34" s="1" customFormat="1">
      <c r="A129" s="70"/>
      <c r="B129"/>
      <c r="C129" s="26"/>
      <c r="D129" s="26"/>
      <c r="E129" s="26"/>
      <c r="F129" s="26"/>
      <c r="G129" s="26"/>
      <c r="H129" s="26"/>
      <c r="I129" s="26"/>
      <c r="J129" s="26"/>
      <c r="K129" s="26"/>
      <c r="L129" s="26"/>
      <c r="M129" s="26"/>
      <c r="N129" s="26"/>
      <c r="O129" s="26"/>
      <c r="P129" s="26"/>
      <c r="Q129" s="26"/>
      <c r="R129" s="26"/>
      <c r="S129" s="26"/>
      <c r="T129" s="26"/>
      <c r="U129" s="26"/>
      <c r="V129" s="26"/>
      <c r="W129" s="26"/>
      <c r="X129" s="26"/>
      <c r="Y129" s="26"/>
      <c r="Z129" s="26"/>
      <c r="AA129" s="26"/>
      <c r="AB129" s="26"/>
      <c r="AC129" s="26"/>
      <c r="AD129" s="26"/>
      <c r="AE129" s="26"/>
      <c r="AF129" s="55"/>
      <c r="AG129" s="48"/>
      <c r="AH129" s="26"/>
    </row>
    <row r="130" spans="1:34">
      <c r="A130" s="70"/>
      <c r="B130" s="26"/>
      <c r="C130" s="26"/>
      <c r="D130" s="26"/>
      <c r="E130" s="26"/>
      <c r="F130" s="26"/>
      <c r="G130" s="26"/>
      <c r="H130" s="26"/>
      <c r="I130" s="26"/>
      <c r="J130" s="26"/>
      <c r="K130" s="26"/>
      <c r="L130" s="26"/>
      <c r="M130" s="26"/>
      <c r="N130" s="26"/>
      <c r="O130" s="26"/>
      <c r="P130" s="26"/>
      <c r="Q130" s="26"/>
      <c r="R130" s="26"/>
      <c r="S130" s="26"/>
      <c r="T130" s="26"/>
      <c r="V130" s="26"/>
      <c r="W130" s="26"/>
      <c r="X130" s="26"/>
      <c r="Y130" s="26"/>
      <c r="Z130" s="26"/>
      <c r="AA130" s="26"/>
      <c r="AB130" s="26"/>
      <c r="AC130" s="26"/>
      <c r="AD130" s="26"/>
      <c r="AE130" s="26"/>
      <c r="AF130" s="55"/>
      <c r="AG130" s="48"/>
      <c r="AH130" s="16"/>
    </row>
    <row r="131" spans="1:34">
      <c r="A131" s="380"/>
      <c r="B131" s="58"/>
      <c r="C131" s="58"/>
      <c r="D131" s="58"/>
      <c r="E131" s="58"/>
      <c r="F131" s="58"/>
      <c r="G131" s="58"/>
      <c r="H131" s="58"/>
      <c r="I131" s="58"/>
      <c r="J131" s="58"/>
      <c r="K131" s="58"/>
      <c r="L131" s="58"/>
      <c r="M131" s="58"/>
      <c r="N131" s="58"/>
      <c r="O131" s="58"/>
      <c r="P131" s="58"/>
      <c r="Q131" s="58"/>
      <c r="R131" s="58"/>
      <c r="S131" s="58"/>
      <c r="T131" s="58"/>
      <c r="U131" s="58"/>
      <c r="V131" s="58"/>
      <c r="W131" s="58"/>
      <c r="X131" s="58"/>
      <c r="Y131" s="58"/>
      <c r="Z131" s="58"/>
      <c r="AA131" s="58"/>
      <c r="AB131" s="58"/>
      <c r="AC131" s="58"/>
      <c r="AD131" s="58"/>
      <c r="AE131" s="58"/>
      <c r="AF131" s="245"/>
      <c r="AG131" s="62"/>
      <c r="AH131" s="16"/>
    </row>
    <row r="132" spans="1:34">
      <c r="AF132" s="55"/>
      <c r="AG132" s="16"/>
      <c r="AH132" s="16"/>
    </row>
    <row r="133" spans="1:34">
      <c r="AF133" s="55"/>
      <c r="AG133" s="16"/>
      <c r="AH133" s="16"/>
    </row>
    <row r="134" spans="1:34">
      <c r="AF134" s="55"/>
      <c r="AG134" s="16"/>
      <c r="AH134" s="16"/>
    </row>
    <row r="146" spans="1:6">
      <c r="A146" t="s">
        <v>909</v>
      </c>
      <c r="B146" t="s">
        <v>910</v>
      </c>
      <c r="C146" t="s">
        <v>911</v>
      </c>
      <c r="D146" t="s">
        <v>912</v>
      </c>
      <c r="E146" t="s">
        <v>913</v>
      </c>
      <c r="F146" t="s">
        <v>914</v>
      </c>
    </row>
    <row r="147" spans="1:6">
      <c r="A147" t="s">
        <v>340</v>
      </c>
      <c r="B147" t="s">
        <v>915</v>
      </c>
      <c r="C147" s="3" t="s">
        <v>82</v>
      </c>
      <c r="D147" t="s">
        <v>916</v>
      </c>
      <c r="E147" t="s">
        <v>917</v>
      </c>
      <c r="F147" t="s">
        <v>918</v>
      </c>
    </row>
    <row r="148" spans="1:6">
      <c r="A148" t="s">
        <v>920</v>
      </c>
      <c r="B148" t="s">
        <v>921</v>
      </c>
      <c r="C148" s="3" t="s">
        <v>922</v>
      </c>
      <c r="D148" t="s">
        <v>923</v>
      </c>
      <c r="E148" t="s">
        <v>924</v>
      </c>
      <c r="F148" t="s">
        <v>925</v>
      </c>
    </row>
    <row r="149" spans="1:6">
      <c r="A149" t="s">
        <v>927</v>
      </c>
      <c r="B149"/>
      <c r="C149" s="3" t="s">
        <v>928</v>
      </c>
      <c r="D149"/>
      <c r="E149" t="s">
        <v>929</v>
      </c>
      <c r="F149" t="s">
        <v>930</v>
      </c>
    </row>
    <row r="150" spans="1:6">
      <c r="A150"/>
      <c r="B150"/>
      <c r="C150" s="3" t="s">
        <v>931</v>
      </c>
      <c r="D150"/>
      <c r="E150" t="s">
        <v>932</v>
      </c>
      <c r="F150" t="s">
        <v>933</v>
      </c>
    </row>
    <row r="151" spans="1:6">
      <c r="A151"/>
      <c r="B151"/>
      <c r="C151" s="3" t="s">
        <v>230</v>
      </c>
      <c r="D151"/>
      <c r="E151"/>
      <c r="F151" t="s">
        <v>934</v>
      </c>
    </row>
    <row r="152" spans="1:6">
      <c r="A152"/>
      <c r="B152"/>
      <c r="C152" s="3" t="s">
        <v>177</v>
      </c>
      <c r="D152"/>
      <c r="E152"/>
      <c r="F152" t="s">
        <v>935</v>
      </c>
    </row>
    <row r="153" spans="1:6">
      <c r="A153"/>
      <c r="B153"/>
      <c r="C153"/>
      <c r="D153"/>
      <c r="E153"/>
      <c r="F153" t="s">
        <v>936</v>
      </c>
    </row>
    <row r="154" spans="1:6">
      <c r="A154"/>
      <c r="B154"/>
      <c r="C154"/>
      <c r="D154"/>
      <c r="E154"/>
      <c r="F154" t="s">
        <v>937</v>
      </c>
    </row>
    <row r="155" spans="1:6">
      <c r="A155"/>
      <c r="B155"/>
      <c r="C155"/>
      <c r="D155"/>
      <c r="E155"/>
      <c r="F155" t="s">
        <v>938</v>
      </c>
    </row>
    <row r="156" spans="1:6">
      <c r="A156"/>
      <c r="B156"/>
      <c r="C156"/>
      <c r="D156"/>
      <c r="E156"/>
      <c r="F156" t="s">
        <v>939</v>
      </c>
    </row>
    <row r="157" spans="1:6">
      <c r="A157"/>
      <c r="B157"/>
      <c r="C157"/>
      <c r="D157"/>
      <c r="E157"/>
      <c r="F157" t="s">
        <v>940</v>
      </c>
    </row>
    <row r="158" spans="1:6">
      <c r="A158"/>
      <c r="B158"/>
      <c r="C158"/>
      <c r="D158"/>
      <c r="E158"/>
      <c r="F158" t="s">
        <v>941</v>
      </c>
    </row>
    <row r="159" spans="1:6">
      <c r="A159"/>
      <c r="B159"/>
      <c r="C159"/>
      <c r="D159"/>
      <c r="E159"/>
      <c r="F159" t="s">
        <v>942</v>
      </c>
    </row>
    <row r="160" spans="1:6">
      <c r="A160"/>
      <c r="B160"/>
      <c r="C160"/>
      <c r="D160"/>
      <c r="E160"/>
      <c r="F160" t="s">
        <v>943</v>
      </c>
    </row>
    <row r="161" spans="1:6">
      <c r="A161"/>
      <c r="B161"/>
      <c r="C161"/>
      <c r="D161"/>
      <c r="E161"/>
      <c r="F161" t="s">
        <v>944</v>
      </c>
    </row>
    <row r="162" spans="1:6">
      <c r="A162"/>
      <c r="B162"/>
      <c r="C162"/>
      <c r="D162"/>
      <c r="E162"/>
      <c r="F162" t="s">
        <v>945</v>
      </c>
    </row>
    <row r="179" spans="2:10">
      <c r="B179" s="45"/>
    </row>
    <row r="180" spans="2:10">
      <c r="B180" s="45"/>
      <c r="J180" s="45"/>
    </row>
    <row r="181" spans="2:10">
      <c r="B181" s="45"/>
      <c r="J181" s="45"/>
    </row>
    <row r="182" spans="2:10">
      <c r="B182" s="45"/>
      <c r="J182" s="45"/>
    </row>
    <row r="183" spans="2:10">
      <c r="B183" s="45"/>
      <c r="J183" s="45"/>
    </row>
    <row r="184" spans="2:10">
      <c r="B184" s="45"/>
      <c r="J184" s="45"/>
    </row>
    <row r="185" spans="2:10">
      <c r="B185" s="45"/>
      <c r="J185" s="45"/>
    </row>
    <row r="186" spans="2:10">
      <c r="B186" s="45"/>
      <c r="J186" s="45"/>
    </row>
    <row r="187" spans="2:10">
      <c r="B187" s="45"/>
      <c r="J187" s="45"/>
    </row>
    <row r="188" spans="2:10">
      <c r="B188" s="45"/>
      <c r="J188" s="45"/>
    </row>
    <row r="189" spans="2:10">
      <c r="B189" s="45"/>
      <c r="J189" s="45"/>
    </row>
    <row r="190" spans="2:10">
      <c r="B190" s="45"/>
      <c r="J190" s="45"/>
    </row>
    <row r="191" spans="2:10">
      <c r="B191" s="45"/>
      <c r="J191" s="45"/>
    </row>
    <row r="192" spans="2:10">
      <c r="B192" s="45"/>
      <c r="J192" s="45"/>
    </row>
    <row r="193" spans="2:10">
      <c r="B193" s="45"/>
      <c r="J193" s="45"/>
    </row>
    <row r="194" spans="2:10">
      <c r="B194" s="45"/>
      <c r="J194" s="45"/>
    </row>
    <row r="195" spans="2:10">
      <c r="B195" s="45"/>
      <c r="J195" s="45"/>
    </row>
    <row r="196" spans="2:10">
      <c r="B196" s="45"/>
    </row>
  </sheetData>
  <dataConsolidate/>
  <mergeCells count="454">
    <mergeCell ref="V6:Y6"/>
    <mergeCell ref="G8:M8"/>
    <mergeCell ref="R8:V8"/>
    <mergeCell ref="G10:S10"/>
    <mergeCell ref="G12:S12"/>
    <mergeCell ref="G14:S14"/>
    <mergeCell ref="G4:N4"/>
    <mergeCell ref="G6:H6"/>
    <mergeCell ref="I6:J6"/>
    <mergeCell ref="K6:M6"/>
    <mergeCell ref="O6:P6"/>
    <mergeCell ref="S6:T6"/>
    <mergeCell ref="AC24:AE25"/>
    <mergeCell ref="AF24:AF25"/>
    <mergeCell ref="B26:C26"/>
    <mergeCell ref="D26:T26"/>
    <mergeCell ref="V26:W26"/>
    <mergeCell ref="AA26:AB26"/>
    <mergeCell ref="AC26:AE26"/>
    <mergeCell ref="B24:C25"/>
    <mergeCell ref="D24:T25"/>
    <mergeCell ref="V24:W25"/>
    <mergeCell ref="X24:X25"/>
    <mergeCell ref="Y24:Z25"/>
    <mergeCell ref="AA24:AB25"/>
    <mergeCell ref="B27:C27"/>
    <mergeCell ref="D27:T27"/>
    <mergeCell ref="V27:W27"/>
    <mergeCell ref="AA27:AB27"/>
    <mergeCell ref="AC27:AE27"/>
    <mergeCell ref="B28:C28"/>
    <mergeCell ref="D28:T28"/>
    <mergeCell ref="V28:W28"/>
    <mergeCell ref="AA28:AB28"/>
    <mergeCell ref="AC28:AE28"/>
    <mergeCell ref="B29:C29"/>
    <mergeCell ref="D29:T29"/>
    <mergeCell ref="V29:W29"/>
    <mergeCell ref="AA29:AB29"/>
    <mergeCell ref="AC29:AE29"/>
    <mergeCell ref="B30:C30"/>
    <mergeCell ref="D30:T30"/>
    <mergeCell ref="V30:W30"/>
    <mergeCell ref="AA30:AB30"/>
    <mergeCell ref="AC30:AE30"/>
    <mergeCell ref="B31:C31"/>
    <mergeCell ref="D31:T31"/>
    <mergeCell ref="V31:W31"/>
    <mergeCell ref="AA31:AB31"/>
    <mergeCell ref="AC31:AE31"/>
    <mergeCell ref="B32:C32"/>
    <mergeCell ref="D32:T32"/>
    <mergeCell ref="V32:W32"/>
    <mergeCell ref="AA32:AB32"/>
    <mergeCell ref="AC32:AE32"/>
    <mergeCell ref="B33:C33"/>
    <mergeCell ref="D33:T33"/>
    <mergeCell ref="V33:W33"/>
    <mergeCell ref="AA33:AB33"/>
    <mergeCell ref="AC33:AE33"/>
    <mergeCell ref="B34:C34"/>
    <mergeCell ref="D34:T34"/>
    <mergeCell ref="V34:W34"/>
    <mergeCell ref="AA34:AB34"/>
    <mergeCell ref="AC34:AE34"/>
    <mergeCell ref="B35:C35"/>
    <mergeCell ref="D35:T35"/>
    <mergeCell ref="V35:W35"/>
    <mergeCell ref="AA35:AB35"/>
    <mergeCell ref="AC35:AE35"/>
    <mergeCell ref="B36:C36"/>
    <mergeCell ref="D36:T36"/>
    <mergeCell ref="V36:W36"/>
    <mergeCell ref="AA36:AB36"/>
    <mergeCell ref="AC36:AE36"/>
    <mergeCell ref="B37:C37"/>
    <mergeCell ref="D37:T37"/>
    <mergeCell ref="V37:W37"/>
    <mergeCell ref="AA37:AB37"/>
    <mergeCell ref="AC37:AE37"/>
    <mergeCell ref="B38:C38"/>
    <mergeCell ref="D38:T38"/>
    <mergeCell ref="V38:W38"/>
    <mergeCell ref="AA38:AB38"/>
    <mergeCell ref="AC38:AE38"/>
    <mergeCell ref="B39:C39"/>
    <mergeCell ref="D39:T39"/>
    <mergeCell ref="V39:W39"/>
    <mergeCell ref="AA39:AB39"/>
    <mergeCell ref="AC39:AE39"/>
    <mergeCell ref="B40:C40"/>
    <mergeCell ref="D40:T40"/>
    <mergeCell ref="V40:W40"/>
    <mergeCell ref="AA40:AB40"/>
    <mergeCell ref="AC40:AE40"/>
    <mergeCell ref="B41:C41"/>
    <mergeCell ref="D41:T41"/>
    <mergeCell ref="V41:W41"/>
    <mergeCell ref="AA41:AB41"/>
    <mergeCell ref="AC41:AE41"/>
    <mergeCell ref="B42:C42"/>
    <mergeCell ref="D42:T42"/>
    <mergeCell ref="V42:W42"/>
    <mergeCell ref="AA42:AB42"/>
    <mergeCell ref="AC42:AE42"/>
    <mergeCell ref="B43:C43"/>
    <mergeCell ref="D43:T43"/>
    <mergeCell ref="V43:W43"/>
    <mergeCell ref="AA43:AB43"/>
    <mergeCell ref="AC43:AE43"/>
    <mergeCell ref="B44:C44"/>
    <mergeCell ref="D44:T44"/>
    <mergeCell ref="V44:W44"/>
    <mergeCell ref="AA44:AB44"/>
    <mergeCell ref="AC44:AE44"/>
    <mergeCell ref="B45:C45"/>
    <mergeCell ref="D45:T45"/>
    <mergeCell ref="V45:W45"/>
    <mergeCell ref="AA45:AB45"/>
    <mergeCell ref="AC45:AE45"/>
    <mergeCell ref="B46:C46"/>
    <mergeCell ref="D46:T46"/>
    <mergeCell ref="V46:W46"/>
    <mergeCell ref="AA46:AB46"/>
    <mergeCell ref="AC46:AE46"/>
    <mergeCell ref="B47:C47"/>
    <mergeCell ref="D47:T47"/>
    <mergeCell ref="V47:W47"/>
    <mergeCell ref="AA47:AB47"/>
    <mergeCell ref="AC47:AE47"/>
    <mergeCell ref="B48:C48"/>
    <mergeCell ref="D48:T48"/>
    <mergeCell ref="V48:W48"/>
    <mergeCell ref="AA48:AB48"/>
    <mergeCell ref="AC48:AE48"/>
    <mergeCell ref="B49:C49"/>
    <mergeCell ref="D49:T49"/>
    <mergeCell ref="V49:W49"/>
    <mergeCell ref="AA49:AB49"/>
    <mergeCell ref="AC49:AE49"/>
    <mergeCell ref="B50:C50"/>
    <mergeCell ref="D50:T50"/>
    <mergeCell ref="V50:W50"/>
    <mergeCell ref="AA50:AB50"/>
    <mergeCell ref="AC50:AE50"/>
    <mergeCell ref="B51:C51"/>
    <mergeCell ref="D51:T51"/>
    <mergeCell ref="V51:W51"/>
    <mergeCell ref="AA51:AB51"/>
    <mergeCell ref="AC51:AE51"/>
    <mergeCell ref="B52:C52"/>
    <mergeCell ref="D52:T52"/>
    <mergeCell ref="V52:W52"/>
    <mergeCell ref="AA52:AB52"/>
    <mergeCell ref="AC52:AE52"/>
    <mergeCell ref="B53:C53"/>
    <mergeCell ref="D53:T53"/>
    <mergeCell ref="V53:W53"/>
    <mergeCell ref="AA53:AB53"/>
    <mergeCell ref="AC53:AE53"/>
    <mergeCell ref="B54:C54"/>
    <mergeCell ref="D54:T54"/>
    <mergeCell ref="V54:W54"/>
    <mergeCell ref="AA54:AB54"/>
    <mergeCell ref="AC54:AE54"/>
    <mergeCell ref="B55:C55"/>
    <mergeCell ref="D55:T55"/>
    <mergeCell ref="V55:W55"/>
    <mergeCell ref="AA55:AB55"/>
    <mergeCell ref="AC55:AE55"/>
    <mergeCell ref="B56:C56"/>
    <mergeCell ref="D56:T56"/>
    <mergeCell ref="V56:W56"/>
    <mergeCell ref="AA56:AB56"/>
    <mergeCell ref="AC56:AE56"/>
    <mergeCell ref="B57:C57"/>
    <mergeCell ref="D57:T57"/>
    <mergeCell ref="V57:W57"/>
    <mergeCell ref="AA57:AB57"/>
    <mergeCell ref="AC57:AE57"/>
    <mergeCell ref="B58:C58"/>
    <mergeCell ref="D58:T58"/>
    <mergeCell ref="V58:W58"/>
    <mergeCell ref="AA58:AB58"/>
    <mergeCell ref="AC58:AE58"/>
    <mergeCell ref="B59:C59"/>
    <mergeCell ref="D59:T59"/>
    <mergeCell ref="V59:W59"/>
    <mergeCell ref="AA59:AB59"/>
    <mergeCell ref="AC59:AE59"/>
    <mergeCell ref="B60:C60"/>
    <mergeCell ref="D60:T60"/>
    <mergeCell ref="V60:W60"/>
    <mergeCell ref="AA60:AB60"/>
    <mergeCell ref="AC60:AE60"/>
    <mergeCell ref="B61:C61"/>
    <mergeCell ref="D61:T61"/>
    <mergeCell ref="V61:W61"/>
    <mergeCell ref="AA61:AB61"/>
    <mergeCell ref="AC61:AE61"/>
    <mergeCell ref="B62:C62"/>
    <mergeCell ref="D62:T62"/>
    <mergeCell ref="V62:W62"/>
    <mergeCell ref="AA62:AB62"/>
    <mergeCell ref="AC62:AE62"/>
    <mergeCell ref="AC65:AE66"/>
    <mergeCell ref="AF65:AF66"/>
    <mergeCell ref="B67:C67"/>
    <mergeCell ref="D67:T67"/>
    <mergeCell ref="V67:W67"/>
    <mergeCell ref="AA67:AB67"/>
    <mergeCell ref="AC67:AE67"/>
    <mergeCell ref="B65:C66"/>
    <mergeCell ref="D65:T66"/>
    <mergeCell ref="V65:W66"/>
    <mergeCell ref="X65:X66"/>
    <mergeCell ref="Y65:Z66"/>
    <mergeCell ref="AA65:AB66"/>
    <mergeCell ref="B68:C68"/>
    <mergeCell ref="D68:T68"/>
    <mergeCell ref="V68:W68"/>
    <mergeCell ref="AA68:AB68"/>
    <mergeCell ref="AC68:AE68"/>
    <mergeCell ref="B69:C69"/>
    <mergeCell ref="D69:T69"/>
    <mergeCell ref="V69:W69"/>
    <mergeCell ref="AA69:AB69"/>
    <mergeCell ref="AC69:AE69"/>
    <mergeCell ref="B70:C70"/>
    <mergeCell ref="D70:T70"/>
    <mergeCell ref="V70:W70"/>
    <mergeCell ref="AA70:AB70"/>
    <mergeCell ref="AC70:AE70"/>
    <mergeCell ref="B71:C71"/>
    <mergeCell ref="D71:T71"/>
    <mergeCell ref="V71:W71"/>
    <mergeCell ref="AA71:AB71"/>
    <mergeCell ref="AC71:AE71"/>
    <mergeCell ref="B72:C72"/>
    <mergeCell ref="D72:T72"/>
    <mergeCell ref="V72:W72"/>
    <mergeCell ref="AA72:AB72"/>
    <mergeCell ref="AC72:AE72"/>
    <mergeCell ref="B73:C73"/>
    <mergeCell ref="D73:T73"/>
    <mergeCell ref="V73:W73"/>
    <mergeCell ref="AA73:AB73"/>
    <mergeCell ref="AC73:AE73"/>
    <mergeCell ref="AC76:AE77"/>
    <mergeCell ref="AF76:AF77"/>
    <mergeCell ref="B78:C78"/>
    <mergeCell ref="D78:T78"/>
    <mergeCell ref="V78:W78"/>
    <mergeCell ref="AA78:AB78"/>
    <mergeCell ref="AC78:AE78"/>
    <mergeCell ref="B76:C77"/>
    <mergeCell ref="D76:T77"/>
    <mergeCell ref="V76:W77"/>
    <mergeCell ref="X76:X77"/>
    <mergeCell ref="Y76:Z77"/>
    <mergeCell ref="AA76:AB77"/>
    <mergeCell ref="B79:C79"/>
    <mergeCell ref="D79:T79"/>
    <mergeCell ref="V79:W79"/>
    <mergeCell ref="AA79:AB79"/>
    <mergeCell ref="AC79:AE79"/>
    <mergeCell ref="B80:C80"/>
    <mergeCell ref="D80:T80"/>
    <mergeCell ref="V80:W80"/>
    <mergeCell ref="AA80:AB80"/>
    <mergeCell ref="AC80:AE80"/>
    <mergeCell ref="B81:C81"/>
    <mergeCell ref="D81:T81"/>
    <mergeCell ref="V81:W81"/>
    <mergeCell ref="AA81:AB81"/>
    <mergeCell ref="AC81:AE81"/>
    <mergeCell ref="B82:C82"/>
    <mergeCell ref="D82:T82"/>
    <mergeCell ref="V82:W82"/>
    <mergeCell ref="AA82:AB82"/>
    <mergeCell ref="AC82:AE82"/>
    <mergeCell ref="B83:C83"/>
    <mergeCell ref="D83:T83"/>
    <mergeCell ref="V83:W83"/>
    <mergeCell ref="AA83:AB83"/>
    <mergeCell ref="AC83:AE83"/>
    <mergeCell ref="B84:C84"/>
    <mergeCell ref="D84:T84"/>
    <mergeCell ref="V84:W84"/>
    <mergeCell ref="AA84:AB84"/>
    <mergeCell ref="AC84:AE84"/>
    <mergeCell ref="B85:C85"/>
    <mergeCell ref="D85:T85"/>
    <mergeCell ref="V85:W85"/>
    <mergeCell ref="AA85:AB85"/>
    <mergeCell ref="AC85:AE85"/>
    <mergeCell ref="B86:C86"/>
    <mergeCell ref="D86:T86"/>
    <mergeCell ref="V86:W86"/>
    <mergeCell ref="AA86:AB86"/>
    <mergeCell ref="AC86:AE86"/>
    <mergeCell ref="B87:C87"/>
    <mergeCell ref="D87:T87"/>
    <mergeCell ref="V87:W87"/>
    <mergeCell ref="AA87:AB87"/>
    <mergeCell ref="AC87:AE87"/>
    <mergeCell ref="B88:C88"/>
    <mergeCell ref="D88:T88"/>
    <mergeCell ref="V88:W88"/>
    <mergeCell ref="AA88:AB88"/>
    <mergeCell ref="AC88:AE88"/>
    <mergeCell ref="B89:C89"/>
    <mergeCell ref="D89:T89"/>
    <mergeCell ref="V89:W89"/>
    <mergeCell ref="AA89:AB89"/>
    <mergeCell ref="AC89:AE89"/>
    <mergeCell ref="B90:C90"/>
    <mergeCell ref="D90:T90"/>
    <mergeCell ref="V90:W90"/>
    <mergeCell ref="AA90:AB90"/>
    <mergeCell ref="AC90:AE90"/>
    <mergeCell ref="B91:C91"/>
    <mergeCell ref="D91:T91"/>
    <mergeCell ref="V91:W91"/>
    <mergeCell ref="AA91:AB91"/>
    <mergeCell ref="AC91:AE91"/>
    <mergeCell ref="B92:C92"/>
    <mergeCell ref="D92:T92"/>
    <mergeCell ref="V92:W92"/>
    <mergeCell ref="AA92:AB92"/>
    <mergeCell ref="AC92:AE92"/>
    <mergeCell ref="B93:C93"/>
    <mergeCell ref="D93:T93"/>
    <mergeCell ref="V93:W93"/>
    <mergeCell ref="AA93:AB93"/>
    <mergeCell ref="AC93:AE93"/>
    <mergeCell ref="B94:C94"/>
    <mergeCell ref="D94:T94"/>
    <mergeCell ref="V94:W94"/>
    <mergeCell ref="AA94:AB94"/>
    <mergeCell ref="AC94:AE94"/>
    <mergeCell ref="B95:C95"/>
    <mergeCell ref="D95:T95"/>
    <mergeCell ref="V95:W95"/>
    <mergeCell ref="AA95:AB95"/>
    <mergeCell ref="AC95:AE95"/>
    <mergeCell ref="B96:C96"/>
    <mergeCell ref="D96:T96"/>
    <mergeCell ref="V96:W96"/>
    <mergeCell ref="AA96:AB96"/>
    <mergeCell ref="AC96:AE96"/>
    <mergeCell ref="B97:C97"/>
    <mergeCell ref="D97:T97"/>
    <mergeCell ref="V97:W97"/>
    <mergeCell ref="AA97:AB97"/>
    <mergeCell ref="AC97:AE97"/>
    <mergeCell ref="B98:C98"/>
    <mergeCell ref="D98:T98"/>
    <mergeCell ref="V98:W98"/>
    <mergeCell ref="AA98:AB98"/>
    <mergeCell ref="AC98:AE98"/>
    <mergeCell ref="AC101:AE102"/>
    <mergeCell ref="AF101:AF102"/>
    <mergeCell ref="B103:C103"/>
    <mergeCell ref="D103:T103"/>
    <mergeCell ref="V103:W103"/>
    <mergeCell ref="AA103:AB103"/>
    <mergeCell ref="AC103:AE103"/>
    <mergeCell ref="B101:C102"/>
    <mergeCell ref="D101:T102"/>
    <mergeCell ref="V101:W102"/>
    <mergeCell ref="X101:X102"/>
    <mergeCell ref="Y101:Z102"/>
    <mergeCell ref="AA101:AB102"/>
    <mergeCell ref="B104:C104"/>
    <mergeCell ref="D104:T104"/>
    <mergeCell ref="V104:W104"/>
    <mergeCell ref="AA104:AB104"/>
    <mergeCell ref="AC104:AE104"/>
    <mergeCell ref="B105:C105"/>
    <mergeCell ref="D105:T105"/>
    <mergeCell ref="V105:W105"/>
    <mergeCell ref="AA105:AB105"/>
    <mergeCell ref="AC105:AE105"/>
    <mergeCell ref="B106:C106"/>
    <mergeCell ref="D106:T106"/>
    <mergeCell ref="V106:W106"/>
    <mergeCell ref="AA106:AB106"/>
    <mergeCell ref="AC106:AE106"/>
    <mergeCell ref="B107:C107"/>
    <mergeCell ref="D107:T107"/>
    <mergeCell ref="V107:W107"/>
    <mergeCell ref="AA107:AB107"/>
    <mergeCell ref="AC107:AE107"/>
    <mergeCell ref="B108:C108"/>
    <mergeCell ref="D108:T108"/>
    <mergeCell ref="V108:W108"/>
    <mergeCell ref="AA108:AB108"/>
    <mergeCell ref="AC108:AE108"/>
    <mergeCell ref="B109:C109"/>
    <mergeCell ref="D109:T109"/>
    <mergeCell ref="V109:W109"/>
    <mergeCell ref="AA109:AB109"/>
    <mergeCell ref="AC109:AE109"/>
    <mergeCell ref="B110:C110"/>
    <mergeCell ref="D110:T110"/>
    <mergeCell ref="V110:W110"/>
    <mergeCell ref="AA110:AB110"/>
    <mergeCell ref="AC110:AE110"/>
    <mergeCell ref="B111:C111"/>
    <mergeCell ref="D111:T111"/>
    <mergeCell ref="V111:W111"/>
    <mergeCell ref="AA111:AB111"/>
    <mergeCell ref="AC111:AE111"/>
    <mergeCell ref="B112:C112"/>
    <mergeCell ref="D112:T112"/>
    <mergeCell ref="V112:W112"/>
    <mergeCell ref="AA112:AB112"/>
    <mergeCell ref="AC112:AE112"/>
    <mergeCell ref="B113:C113"/>
    <mergeCell ref="D113:T113"/>
    <mergeCell ref="V113:W113"/>
    <mergeCell ref="AA113:AB113"/>
    <mergeCell ref="AC113:AE113"/>
    <mergeCell ref="B114:C114"/>
    <mergeCell ref="D114:T114"/>
    <mergeCell ref="V114:W114"/>
    <mergeCell ref="AA114:AB114"/>
    <mergeCell ref="AC114:AE114"/>
    <mergeCell ref="B115:C115"/>
    <mergeCell ref="D115:T115"/>
    <mergeCell ref="V115:W115"/>
    <mergeCell ref="AA115:AB115"/>
    <mergeCell ref="AC115:AE115"/>
    <mergeCell ref="B116:C116"/>
    <mergeCell ref="D116:T116"/>
    <mergeCell ref="V116:W116"/>
    <mergeCell ref="AA116:AB116"/>
    <mergeCell ref="AC116:AE116"/>
    <mergeCell ref="B117:C117"/>
    <mergeCell ref="D117:T117"/>
    <mergeCell ref="V117:W117"/>
    <mergeCell ref="AA117:AB117"/>
    <mergeCell ref="AC117:AE117"/>
    <mergeCell ref="B118:C118"/>
    <mergeCell ref="D118:T118"/>
    <mergeCell ref="V118:W118"/>
    <mergeCell ref="AA118:AB118"/>
    <mergeCell ref="AC118:AE118"/>
    <mergeCell ref="B119:C119"/>
    <mergeCell ref="D119:T119"/>
    <mergeCell ref="V119:W119"/>
    <mergeCell ref="AA119:AB119"/>
    <mergeCell ref="AC119:AE119"/>
  </mergeCells>
  <phoneticPr fontId="24"/>
  <conditionalFormatting sqref="B62:AF1048576 B1:AF33 B46:AF60 B45:AE45 B35:AF41 B34:AE34 B43:AF44 B42:AE42">
    <cfRule type="expression" dxfId="40" priority="5">
      <formula>$AI1="□"</formula>
    </cfRule>
  </conditionalFormatting>
  <conditionalFormatting sqref="B61:AF61">
    <cfRule type="expression" dxfId="39" priority="4">
      <formula>$AI61="□"</formula>
    </cfRule>
  </conditionalFormatting>
  <conditionalFormatting sqref="AF45">
    <cfRule type="expression" dxfId="38" priority="3">
      <formula>$AN45="□"</formula>
    </cfRule>
  </conditionalFormatting>
  <conditionalFormatting sqref="AF34">
    <cfRule type="expression" dxfId="37" priority="2">
      <formula>$AN34="□"</formula>
    </cfRule>
  </conditionalFormatting>
  <conditionalFormatting sqref="AF42">
    <cfRule type="expression" dxfId="36" priority="1">
      <formula>$AN42="□"</formula>
    </cfRule>
  </conditionalFormatting>
  <dataValidations count="8">
    <dataValidation type="list" allowBlank="1" showInputMessage="1" showErrorMessage="1" sqref="I6:J6 S6:T6" xr:uid="{F07BEFF3-888D-4D8C-8A2B-515B197A09B1}">
      <formula1>"08,09,10,11,12,13,14,15,16,17,18,19,20,21,22,23,24,25,26,27,28,29,30"</formula1>
    </dataValidation>
    <dataValidation type="list" allowBlank="1" showInputMessage="1" showErrorMessage="1" sqref="G10:S10 G12:S12 G14:S14" xr:uid="{56779FA6-549B-46FF-8643-7DC85933A6C8}">
      <formula1>$F$147:$F$162</formula1>
    </dataValidation>
    <dataValidation type="list" allowBlank="1" showInputMessage="1" showErrorMessage="1" sqref="R8:V8" xr:uid="{0A96F1B4-0DC1-40E9-851E-D967150075FB}">
      <formula1>$E$147:$E$150</formula1>
    </dataValidation>
    <dataValidation type="list" allowBlank="1" showInputMessage="1" showErrorMessage="1" sqref="G4:N4" xr:uid="{491AE624-6A99-4337-AFB7-9B265908C8CC}">
      <formula1>$A$147:$A$149</formula1>
    </dataValidation>
    <dataValidation type="list" allowBlank="1" showInputMessage="1" showErrorMessage="1" sqref="AC67:AC73 AC103:AC119 AC78:AC98 AC26:AC62" xr:uid="{199A4153-B6BB-4344-B1C7-C88AE7E820A9}">
      <formula1>$C$147:$C$152</formula1>
    </dataValidation>
    <dataValidation type="list" allowBlank="1" showInputMessage="1" showErrorMessage="1" sqref="F17:F20" xr:uid="{850CFDC7-721B-4629-8CC1-3A23A382087B}">
      <formula1>"□,■"</formula1>
    </dataValidation>
    <dataValidation type="list" allowBlank="1" showInputMessage="1" showErrorMessage="1" sqref="AA67:AA73 AA103:AA119 AA78:AA98 AA26:AA62" xr:uid="{96CE3026-27D8-46BA-BB24-8A33B48F2ABE}">
      <formula1>"○,×"</formula1>
    </dataValidation>
    <dataValidation type="list" allowBlank="1" showInputMessage="1" showErrorMessage="1" sqref="G8:M8" xr:uid="{97C9EC91-7A12-420C-803D-A4640E325B64}">
      <formula1>"する,しない"</formula1>
    </dataValidation>
  </dataValidations>
  <pageMargins left="0.19685039370078741" right="0.19685039370078741" top="0.39370078740157483" bottom="0.39370078740157483" header="0.19685039370078741" footer="0.19685039370078741"/>
  <pageSetup paperSize="9" scale="78" fitToHeight="0" orientation="landscape" r:id="rId1"/>
  <headerFooter alignWithMargins="0">
    <oddFooter>&amp;C&amp;P</oddFooter>
  </headerFooter>
  <rowBreaks count="3" manualBreakCount="3">
    <brk id="45" max="32" man="1"/>
    <brk id="63" max="32" man="1"/>
    <brk id="99" max="32"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723C3EB-A31C-4899-8369-4EAB8FAD5802}">
  <sheetPr codeName="Sheet7">
    <pageSetUpPr fitToPage="1"/>
  </sheetPr>
  <dimension ref="A1:AI160"/>
  <sheetViews>
    <sheetView showGridLines="0" view="pageBreakPreview" zoomScaleNormal="100" zoomScaleSheetLayoutView="100" workbookViewId="0"/>
  </sheetViews>
  <sheetFormatPr defaultColWidth="9" defaultRowHeight="13"/>
  <cols>
    <col min="1" max="1" width="2.6328125" style="16" customWidth="1"/>
    <col min="2" max="2" width="2.90625" style="16" customWidth="1"/>
    <col min="3" max="3" width="2.6328125" style="16" customWidth="1"/>
    <col min="4" max="4" width="2.90625" style="16" customWidth="1"/>
    <col min="5" max="16" width="2.6328125" style="16" customWidth="1"/>
    <col min="17" max="17" width="3.453125" style="16" customWidth="1"/>
    <col min="18" max="18" width="3.90625" style="16" bestFit="1" customWidth="1"/>
    <col min="19" max="19" width="2.6328125" style="16" customWidth="1"/>
    <col min="20" max="20" width="3.90625" style="16" customWidth="1"/>
    <col min="21" max="21" width="0.1796875" style="26" hidden="1" customWidth="1"/>
    <col min="22" max="22" width="10.36328125" style="16" customWidth="1"/>
    <col min="23" max="23" width="2.6328125" style="16" customWidth="1"/>
    <col min="24" max="24" width="8.08984375" style="16" bestFit="1" customWidth="1"/>
    <col min="25" max="25" width="5" style="16" bestFit="1" customWidth="1"/>
    <col min="26" max="28" width="2.6328125" style="16" customWidth="1"/>
    <col min="29" max="29" width="5.90625" style="16" customWidth="1"/>
    <col min="30" max="30" width="2.6328125" style="16" customWidth="1"/>
    <col min="31" max="31" width="2.6328125" style="3" customWidth="1"/>
    <col min="32" max="32" width="81.453125" style="34" bestFit="1" customWidth="1"/>
    <col min="33" max="33" width="2.90625" style="3" customWidth="1"/>
    <col min="34" max="34" width="9" style="3"/>
    <col min="35" max="35" width="3.90625" style="3" hidden="1" customWidth="1"/>
    <col min="36" max="16384" width="9" style="3"/>
  </cols>
  <sheetData>
    <row r="1" spans="1:33" customFormat="1" ht="39" customHeight="1">
      <c r="A1" s="79"/>
      <c r="B1" s="80" t="s">
        <v>337</v>
      </c>
      <c r="C1" s="80"/>
      <c r="D1" s="80"/>
      <c r="E1" s="80"/>
      <c r="F1" s="80"/>
      <c r="G1" s="80"/>
      <c r="H1" s="80"/>
      <c r="I1" s="80"/>
      <c r="J1" s="80"/>
      <c r="K1" s="80"/>
      <c r="L1" s="80"/>
      <c r="M1" s="80"/>
      <c r="N1" s="80"/>
      <c r="O1" s="80"/>
      <c r="P1" s="80"/>
      <c r="Q1" s="80"/>
      <c r="R1" s="80"/>
      <c r="S1" s="80"/>
      <c r="T1" s="80"/>
      <c r="U1" s="217"/>
      <c r="V1" s="81"/>
      <c r="W1" s="80"/>
      <c r="X1" s="80"/>
      <c r="Y1" s="80"/>
      <c r="Z1" s="80"/>
      <c r="AA1" s="80"/>
      <c r="AB1" s="80"/>
      <c r="AC1" s="80"/>
      <c r="AD1" s="80"/>
      <c r="AE1" s="80"/>
      <c r="AF1" s="270"/>
      <c r="AG1" s="82"/>
    </row>
    <row r="2" spans="1:33" s="1" customFormat="1" ht="19">
      <c r="A2" s="83"/>
      <c r="B2" s="84"/>
      <c r="C2" s="85" t="s">
        <v>1896</v>
      </c>
      <c r="D2" s="85"/>
      <c r="E2" s="86"/>
      <c r="F2" s="86"/>
      <c r="G2" s="86"/>
      <c r="H2" s="86"/>
      <c r="I2" s="86"/>
      <c r="J2" s="86"/>
      <c r="K2" s="86"/>
      <c r="L2" s="86"/>
      <c r="M2" s="86"/>
      <c r="N2" s="86"/>
      <c r="O2" s="86"/>
      <c r="P2" s="86"/>
      <c r="Q2" s="86"/>
      <c r="R2" s="86"/>
      <c r="S2" s="86"/>
      <c r="T2" s="86"/>
      <c r="U2" s="86"/>
      <c r="V2" s="86"/>
      <c r="W2" s="86"/>
      <c r="X2" s="86"/>
      <c r="Y2" s="86"/>
      <c r="Z2" s="86"/>
      <c r="AA2" s="86"/>
      <c r="AB2" s="86"/>
      <c r="AC2" s="86"/>
      <c r="AD2" s="86"/>
      <c r="AE2" s="86"/>
      <c r="AF2" s="271"/>
      <c r="AG2" s="87"/>
    </row>
    <row r="3" spans="1:33" customFormat="1">
      <c r="A3" s="88"/>
      <c r="B3" s="104"/>
      <c r="AF3" s="272"/>
      <c r="AG3" s="89"/>
    </row>
    <row r="4" spans="1:33" s="1" customFormat="1">
      <c r="A4" s="6"/>
      <c r="B4" s="8"/>
      <c r="C4" s="7" t="s">
        <v>339</v>
      </c>
      <c r="D4" s="8"/>
      <c r="E4" s="9"/>
      <c r="F4" s="9"/>
      <c r="G4" s="612" t="s">
        <v>340</v>
      </c>
      <c r="H4" s="613"/>
      <c r="I4" s="613"/>
      <c r="J4" s="613"/>
      <c r="K4" s="613"/>
      <c r="L4" s="613"/>
      <c r="M4" s="613"/>
      <c r="N4" s="614"/>
      <c r="O4" s="110"/>
      <c r="P4" s="9"/>
      <c r="Q4" s="9"/>
      <c r="R4" s="9"/>
      <c r="S4" s="9"/>
      <c r="T4" s="9"/>
      <c r="U4" s="9"/>
      <c r="V4" s="9"/>
      <c r="W4" s="9"/>
      <c r="X4" s="9"/>
      <c r="Y4" s="9"/>
      <c r="Z4" s="9"/>
      <c r="AA4" s="9"/>
      <c r="AB4" s="9"/>
      <c r="AC4" s="9"/>
      <c r="AD4" s="9"/>
      <c r="AE4" s="8"/>
      <c r="AF4" s="115"/>
      <c r="AG4" s="69"/>
    </row>
    <row r="5" spans="1:33" s="1" customFormat="1">
      <c r="A5" s="6"/>
      <c r="B5" s="8"/>
      <c r="C5" s="8"/>
      <c r="D5" s="8"/>
      <c r="E5" s="9"/>
      <c r="F5" s="9"/>
      <c r="G5" s="9"/>
      <c r="H5" s="9"/>
      <c r="I5" s="9"/>
      <c r="J5" s="9"/>
      <c r="K5" s="9"/>
      <c r="L5" s="9"/>
      <c r="M5" s="9"/>
      <c r="N5" s="9"/>
      <c r="O5" s="9"/>
      <c r="P5" s="9"/>
      <c r="Q5" s="9"/>
      <c r="R5" s="9"/>
      <c r="S5" s="9"/>
      <c r="T5" s="9"/>
      <c r="U5" s="9"/>
      <c r="V5" s="9"/>
      <c r="W5" s="9"/>
      <c r="X5" s="9"/>
      <c r="Y5" s="9"/>
      <c r="Z5" s="9"/>
      <c r="AA5" s="9"/>
      <c r="AB5" s="9"/>
      <c r="AC5" s="9"/>
      <c r="AD5" s="9"/>
      <c r="AE5" s="8"/>
      <c r="AF5" s="115"/>
      <c r="AG5" s="69"/>
    </row>
    <row r="6" spans="1:33" s="9" customFormat="1">
      <c r="A6" s="90"/>
      <c r="C6" s="91" t="s">
        <v>341</v>
      </c>
      <c r="D6" s="91"/>
      <c r="E6" s="91"/>
      <c r="F6" s="91"/>
      <c r="G6" s="615">
        <v>20</v>
      </c>
      <c r="H6" s="615"/>
      <c r="I6" s="604"/>
      <c r="J6" s="605"/>
      <c r="K6" s="706" t="s">
        <v>1793</v>
      </c>
      <c r="L6" s="703"/>
      <c r="M6" s="703"/>
      <c r="N6" s="91"/>
      <c r="O6" s="616" t="s">
        <v>344</v>
      </c>
      <c r="P6" s="616"/>
      <c r="R6" s="376">
        <v>20</v>
      </c>
      <c r="S6" s="604"/>
      <c r="T6" s="605"/>
      <c r="V6" s="703" t="s">
        <v>1793</v>
      </c>
      <c r="W6" s="703"/>
      <c r="X6" s="704"/>
      <c r="Y6" s="705"/>
      <c r="Z6" s="91"/>
      <c r="AA6" s="91"/>
      <c r="AF6" s="113"/>
      <c r="AG6" s="92"/>
    </row>
    <row r="7" spans="1:33" s="1" customFormat="1">
      <c r="A7" s="2"/>
      <c r="C7" s="7"/>
      <c r="D7" s="7"/>
      <c r="E7" s="7"/>
      <c r="F7" s="7"/>
      <c r="G7" s="78"/>
      <c r="H7" s="78"/>
      <c r="I7" s="78"/>
      <c r="J7" s="110"/>
      <c r="K7" s="110"/>
      <c r="L7" s="7"/>
      <c r="M7" s="110"/>
      <c r="N7" s="110"/>
      <c r="O7" s="110"/>
      <c r="P7" s="7"/>
      <c r="R7" s="110"/>
      <c r="S7" s="110"/>
      <c r="T7" s="78"/>
      <c r="U7" s="78"/>
      <c r="V7" s="110"/>
      <c r="W7" s="110"/>
      <c r="X7" s="110"/>
      <c r="Y7" s="7"/>
      <c r="Z7" s="110"/>
      <c r="AA7" s="110"/>
      <c r="AB7" s="110"/>
      <c r="AC7" s="7"/>
      <c r="AE7" s="7"/>
      <c r="AF7" s="34"/>
      <c r="AG7" s="69"/>
    </row>
    <row r="8" spans="1:33" s="95" customFormat="1">
      <c r="A8" s="93"/>
      <c r="C8" s="7" t="s">
        <v>41</v>
      </c>
      <c r="D8" s="94"/>
      <c r="E8" s="94"/>
      <c r="F8" s="94"/>
      <c r="G8" s="609"/>
      <c r="H8" s="610"/>
      <c r="I8" s="610"/>
      <c r="J8" s="610"/>
      <c r="K8" s="610"/>
      <c r="L8" s="610"/>
      <c r="M8" s="611"/>
      <c r="N8" s="1"/>
      <c r="O8" s="7" t="s">
        <v>947</v>
      </c>
      <c r="P8" s="1"/>
      <c r="Q8" s="1"/>
      <c r="R8" s="609"/>
      <c r="S8" s="610"/>
      <c r="T8" s="610"/>
      <c r="U8" s="610"/>
      <c r="V8" s="611"/>
      <c r="W8" s="1"/>
      <c r="X8" s="1"/>
      <c r="Y8" s="7"/>
      <c r="Z8" s="110"/>
      <c r="AA8" s="110"/>
      <c r="AB8" s="110"/>
      <c r="AC8" s="7"/>
      <c r="AD8" s="1"/>
      <c r="AE8" s="7"/>
      <c r="AF8" s="117"/>
      <c r="AG8" s="96"/>
    </row>
    <row r="9" spans="1:33" s="95" customFormat="1">
      <c r="A9" s="93"/>
      <c r="C9" s="7"/>
      <c r="D9" s="94"/>
      <c r="E9" s="94"/>
      <c r="F9" s="94"/>
      <c r="G9" s="97"/>
      <c r="H9" s="97"/>
      <c r="I9" s="97"/>
      <c r="J9" s="97"/>
      <c r="K9" s="97"/>
      <c r="L9" s="97"/>
      <c r="M9" s="97"/>
      <c r="N9" s="1"/>
      <c r="O9" s="7"/>
      <c r="P9" s="1"/>
      <c r="Q9" s="1"/>
      <c r="R9" s="97"/>
      <c r="S9" s="97"/>
      <c r="T9" s="97"/>
      <c r="U9" s="97"/>
      <c r="V9" s="97"/>
      <c r="W9" s="1"/>
      <c r="X9" s="1"/>
      <c r="Y9" s="7"/>
      <c r="Z9" s="110"/>
      <c r="AA9" s="110"/>
      <c r="AB9" s="110"/>
      <c r="AC9" s="7"/>
      <c r="AD9" s="1"/>
      <c r="AE9" s="7"/>
      <c r="AF9" s="34" t="s">
        <v>348</v>
      </c>
      <c r="AG9" s="96"/>
    </row>
    <row r="10" spans="1:33" s="95" customFormat="1">
      <c r="A10" s="93"/>
      <c r="C10" s="7" t="s">
        <v>349</v>
      </c>
      <c r="D10" s="1"/>
      <c r="E10" s="1"/>
      <c r="F10" s="1"/>
      <c r="G10" s="606"/>
      <c r="H10" s="607"/>
      <c r="I10" s="607"/>
      <c r="J10" s="607"/>
      <c r="K10" s="607"/>
      <c r="L10" s="607"/>
      <c r="M10" s="607"/>
      <c r="N10" s="607"/>
      <c r="O10" s="607"/>
      <c r="P10" s="607"/>
      <c r="Q10" s="607"/>
      <c r="R10" s="607"/>
      <c r="S10" s="608"/>
      <c r="T10" s="1"/>
      <c r="U10" s="1"/>
      <c r="V10" s="97"/>
      <c r="W10" s="1"/>
      <c r="X10" s="1"/>
      <c r="Y10" s="7"/>
      <c r="Z10" s="110"/>
      <c r="AA10" s="110"/>
      <c r="AB10" s="110"/>
      <c r="AC10" s="7"/>
      <c r="AD10" s="1"/>
      <c r="AE10" s="7"/>
      <c r="AF10" s="55" t="s">
        <v>350</v>
      </c>
      <c r="AG10" s="96"/>
    </row>
    <row r="11" spans="1:33" s="95" customFormat="1">
      <c r="A11" s="93"/>
      <c r="C11" s="7"/>
      <c r="D11" s="1"/>
      <c r="E11" s="1"/>
      <c r="F11" s="1"/>
      <c r="G11" s="1"/>
      <c r="H11" s="1"/>
      <c r="I11" s="1"/>
      <c r="J11" s="1"/>
      <c r="K11" s="1"/>
      <c r="L11" s="1"/>
      <c r="M11" s="1"/>
      <c r="N11" s="1"/>
      <c r="O11" s="1"/>
      <c r="P11" s="1"/>
      <c r="Q11" s="1"/>
      <c r="R11" s="1"/>
      <c r="S11" s="1"/>
      <c r="T11" s="1"/>
      <c r="U11" s="1"/>
      <c r="V11" s="97"/>
      <c r="W11" s="1"/>
      <c r="X11" s="1"/>
      <c r="Y11" s="7"/>
      <c r="Z11" s="110"/>
      <c r="AA11" s="110"/>
      <c r="AB11" s="110"/>
      <c r="AC11" s="7"/>
      <c r="AD11" s="1"/>
      <c r="AE11" s="7"/>
      <c r="AF11" s="55" t="s">
        <v>351</v>
      </c>
      <c r="AG11" s="96"/>
    </row>
    <row r="12" spans="1:33" s="95" customFormat="1">
      <c r="A12" s="93"/>
      <c r="C12" s="1"/>
      <c r="D12" s="1"/>
      <c r="E12" s="1"/>
      <c r="F12" s="1"/>
      <c r="G12" s="606"/>
      <c r="H12" s="607"/>
      <c r="I12" s="607"/>
      <c r="J12" s="607"/>
      <c r="K12" s="607"/>
      <c r="L12" s="607"/>
      <c r="M12" s="607"/>
      <c r="N12" s="607"/>
      <c r="O12" s="607"/>
      <c r="P12" s="607"/>
      <c r="Q12" s="607"/>
      <c r="R12" s="607"/>
      <c r="S12" s="608"/>
      <c r="T12" s="1"/>
      <c r="U12" s="1"/>
      <c r="V12" s="97"/>
      <c r="W12" s="1"/>
      <c r="X12" s="1"/>
      <c r="Y12" s="7"/>
      <c r="Z12" s="110"/>
      <c r="AA12" s="110"/>
      <c r="AB12" s="110"/>
      <c r="AC12" s="7"/>
      <c r="AD12" s="1"/>
      <c r="AE12" s="7"/>
      <c r="AF12" s="55" t="s">
        <v>352</v>
      </c>
      <c r="AG12" s="96"/>
    </row>
    <row r="13" spans="1:33" s="95" customFormat="1">
      <c r="A13" s="93"/>
      <c r="C13" s="7"/>
      <c r="D13" s="94"/>
      <c r="E13" s="94"/>
      <c r="F13" s="94"/>
      <c r="G13" s="97"/>
      <c r="H13" s="97"/>
      <c r="I13" s="97"/>
      <c r="J13" s="97"/>
      <c r="K13" s="97"/>
      <c r="L13" s="97"/>
      <c r="M13" s="97"/>
      <c r="N13" s="1"/>
      <c r="O13" s="7"/>
      <c r="P13" s="1"/>
      <c r="Q13" s="1"/>
      <c r="R13" s="97"/>
      <c r="S13" s="97"/>
      <c r="T13" s="97"/>
      <c r="U13" s="97"/>
      <c r="V13" s="97"/>
      <c r="W13" s="1"/>
      <c r="X13" s="1"/>
      <c r="Y13" s="7"/>
      <c r="Z13" s="110"/>
      <c r="AA13" s="110"/>
      <c r="AB13" s="110"/>
      <c r="AC13" s="7"/>
      <c r="AD13" s="1"/>
      <c r="AE13" s="7"/>
      <c r="AF13" s="55" t="s">
        <v>353</v>
      </c>
      <c r="AG13" s="96"/>
    </row>
    <row r="14" spans="1:33" s="95" customFormat="1">
      <c r="A14" s="93"/>
      <c r="C14" s="7"/>
      <c r="D14" s="94"/>
      <c r="E14" s="94"/>
      <c r="F14" s="94"/>
      <c r="G14" s="606"/>
      <c r="H14" s="607"/>
      <c r="I14" s="607"/>
      <c r="J14" s="607"/>
      <c r="K14" s="607"/>
      <c r="L14" s="607"/>
      <c r="M14" s="607"/>
      <c r="N14" s="607"/>
      <c r="O14" s="607"/>
      <c r="P14" s="607"/>
      <c r="Q14" s="607"/>
      <c r="R14" s="607"/>
      <c r="S14" s="608"/>
      <c r="T14" s="97"/>
      <c r="U14" s="97"/>
      <c r="V14" s="97"/>
      <c r="W14" s="1"/>
      <c r="X14" s="1"/>
      <c r="Y14" s="7"/>
      <c r="Z14" s="110"/>
      <c r="AA14" s="110"/>
      <c r="AB14" s="110"/>
      <c r="AC14" s="7"/>
      <c r="AD14" s="1"/>
      <c r="AE14" s="7"/>
      <c r="AF14" s="55" t="s">
        <v>1794</v>
      </c>
      <c r="AG14" s="96"/>
    </row>
    <row r="15" spans="1:33">
      <c r="A15" s="5"/>
      <c r="B15" s="3"/>
      <c r="C15" s="3"/>
      <c r="D15" s="3"/>
      <c r="E15" s="3"/>
      <c r="F15" s="3"/>
      <c r="G15" s="3"/>
      <c r="H15" s="3"/>
      <c r="I15" s="3"/>
      <c r="J15" s="3"/>
      <c r="K15" s="3"/>
      <c r="L15" s="3"/>
      <c r="M15" s="3"/>
      <c r="N15" s="3"/>
      <c r="O15" s="3"/>
      <c r="P15" s="3"/>
      <c r="Q15" s="3"/>
      <c r="R15" s="3"/>
      <c r="S15" s="3"/>
      <c r="T15" s="3"/>
      <c r="U15" s="1"/>
      <c r="V15" s="3"/>
      <c r="W15" s="3"/>
      <c r="X15" s="3"/>
      <c r="Y15" s="3"/>
      <c r="Z15" s="3"/>
      <c r="AA15" s="3"/>
      <c r="AB15" s="3"/>
      <c r="AC15" s="3"/>
      <c r="AD15" s="3"/>
      <c r="AF15" s="55"/>
      <c r="AG15" s="4"/>
    </row>
    <row r="16" spans="1:33">
      <c r="A16" s="5"/>
      <c r="B16" s="7" t="s">
        <v>355</v>
      </c>
      <c r="C16" s="7"/>
      <c r="D16" s="7"/>
      <c r="E16" s="7"/>
      <c r="F16" s="1" t="s">
        <v>356</v>
      </c>
      <c r="G16" s="1"/>
      <c r="H16" s="1"/>
      <c r="I16" s="97"/>
      <c r="J16" s="97"/>
      <c r="K16" s="97"/>
      <c r="L16" s="3"/>
      <c r="M16" s="3"/>
      <c r="N16" s="3"/>
      <c r="O16" s="3"/>
      <c r="P16" s="3"/>
      <c r="Q16" s="3"/>
      <c r="R16" s="3"/>
      <c r="S16" s="3"/>
      <c r="T16" s="3"/>
      <c r="U16" s="1"/>
      <c r="V16" s="3"/>
      <c r="W16" s="3"/>
      <c r="X16" s="3"/>
      <c r="Y16" s="3"/>
      <c r="Z16" s="3"/>
      <c r="AA16" s="3"/>
      <c r="AB16" s="3"/>
      <c r="AC16" s="3"/>
      <c r="AD16" s="3"/>
      <c r="AG16" s="4"/>
    </row>
    <row r="17" spans="1:35">
      <c r="A17" s="5"/>
      <c r="B17" s="7"/>
      <c r="C17" s="94"/>
      <c r="D17" s="94"/>
      <c r="E17" s="94"/>
      <c r="F17" s="98" t="s">
        <v>357</v>
      </c>
      <c r="G17" s="322" t="s">
        <v>1897</v>
      </c>
      <c r="H17" s="97"/>
      <c r="I17" s="97"/>
      <c r="J17" s="97"/>
      <c r="K17" s="97"/>
      <c r="L17" s="3"/>
      <c r="M17" s="3"/>
      <c r="N17" s="3"/>
      <c r="O17" s="3"/>
      <c r="P17" s="3"/>
      <c r="Q17" s="3"/>
      <c r="R17" s="3"/>
      <c r="S17" s="3"/>
      <c r="T17" s="3"/>
      <c r="U17" s="1"/>
      <c r="V17" s="3"/>
      <c r="W17" s="3"/>
      <c r="X17" s="3"/>
      <c r="Y17" s="3"/>
      <c r="Z17" s="3"/>
      <c r="AA17" s="3"/>
      <c r="AB17" s="3"/>
      <c r="AC17" s="3"/>
      <c r="AD17" s="3"/>
      <c r="AG17" s="4"/>
    </row>
    <row r="18" spans="1:35">
      <c r="A18" s="5"/>
      <c r="B18" s="7"/>
      <c r="C18" s="94"/>
      <c r="D18" s="94"/>
      <c r="E18" s="94"/>
      <c r="F18" s="98" t="s">
        <v>357</v>
      </c>
      <c r="G18" s="322" t="s">
        <v>1898</v>
      </c>
      <c r="H18" s="97"/>
      <c r="I18" s="97"/>
      <c r="J18" s="97"/>
      <c r="K18" s="97"/>
      <c r="L18" s="3"/>
      <c r="M18" s="3"/>
      <c r="N18" s="3"/>
      <c r="O18" s="3"/>
      <c r="P18" s="3"/>
      <c r="Q18" s="3"/>
      <c r="R18" s="3"/>
      <c r="S18" s="3"/>
      <c r="T18" s="3"/>
      <c r="U18" s="1"/>
      <c r="V18" s="3"/>
      <c r="W18" s="3"/>
      <c r="X18" s="3"/>
      <c r="Y18" s="3"/>
      <c r="Z18" s="3"/>
      <c r="AA18" s="3"/>
      <c r="AB18" s="3"/>
      <c r="AC18" s="3"/>
      <c r="AD18" s="3"/>
      <c r="AG18" s="4"/>
    </row>
    <row r="19" spans="1:35" s="1" customFormat="1">
      <c r="A19" s="5"/>
      <c r="B19" s="7"/>
      <c r="C19" s="94"/>
      <c r="D19" s="94"/>
      <c r="E19" s="94"/>
      <c r="F19" s="98" t="s">
        <v>357</v>
      </c>
      <c r="G19" s="322" t="s">
        <v>1796</v>
      </c>
      <c r="H19" s="97"/>
      <c r="I19" s="97"/>
      <c r="J19" s="97"/>
      <c r="K19" s="97"/>
      <c r="L19" s="3"/>
      <c r="M19" s="3"/>
      <c r="N19" s="3"/>
      <c r="O19" s="3"/>
      <c r="P19" s="3"/>
      <c r="Q19" s="3"/>
      <c r="R19" s="3"/>
      <c r="S19" s="3"/>
      <c r="T19" s="3"/>
      <c r="V19" s="3"/>
      <c r="W19" s="3"/>
      <c r="X19" s="3"/>
      <c r="Y19" s="3"/>
      <c r="Z19" s="3"/>
      <c r="AA19" s="3"/>
      <c r="AB19" s="3"/>
      <c r="AC19" s="3"/>
      <c r="AD19" s="3"/>
      <c r="AE19" s="3"/>
      <c r="AF19" s="34"/>
      <c r="AG19" s="4"/>
    </row>
    <row r="20" spans="1:35" s="1" customFormat="1">
      <c r="A20" s="5"/>
      <c r="B20" s="7"/>
      <c r="C20" s="94"/>
      <c r="D20" s="94"/>
      <c r="E20" s="94"/>
      <c r="F20" s="98" t="s">
        <v>357</v>
      </c>
      <c r="G20" s="322" t="s">
        <v>1899</v>
      </c>
      <c r="H20" s="97"/>
      <c r="I20" s="97"/>
      <c r="J20" s="97"/>
      <c r="K20" s="97"/>
      <c r="L20" s="3"/>
      <c r="M20" s="3"/>
      <c r="N20" s="3"/>
      <c r="O20" s="3"/>
      <c r="P20" s="3"/>
      <c r="Q20" s="3"/>
      <c r="R20" s="3"/>
      <c r="S20" s="3"/>
      <c r="T20" s="3"/>
      <c r="V20" s="3"/>
      <c r="W20" s="3"/>
      <c r="X20" s="3"/>
      <c r="Y20" s="3"/>
      <c r="Z20" s="3"/>
      <c r="AA20" s="3"/>
      <c r="AB20" s="3"/>
      <c r="AC20" s="3"/>
      <c r="AD20" s="3"/>
      <c r="AE20" s="3"/>
      <c r="AF20" s="34"/>
      <c r="AG20" s="4"/>
    </row>
    <row r="21" spans="1:35" s="13" customFormat="1">
      <c r="A21" s="5"/>
      <c r="B21" s="7"/>
      <c r="C21" s="94"/>
      <c r="D21" s="94"/>
      <c r="E21" s="94"/>
      <c r="F21" s="98" t="s">
        <v>357</v>
      </c>
      <c r="G21" s="322" t="s">
        <v>1900</v>
      </c>
      <c r="H21" s="97"/>
      <c r="I21" s="97"/>
      <c r="J21" s="97"/>
      <c r="K21" s="97"/>
      <c r="L21" s="3"/>
      <c r="M21" s="3"/>
      <c r="N21" s="3"/>
      <c r="O21" s="3"/>
      <c r="P21" s="3"/>
      <c r="Q21" s="3"/>
      <c r="R21" s="3"/>
      <c r="S21" s="3"/>
      <c r="T21" s="3"/>
      <c r="U21" s="1"/>
      <c r="V21" s="3"/>
      <c r="W21" s="3"/>
      <c r="X21" s="3"/>
      <c r="Y21" s="3"/>
      <c r="Z21" s="3"/>
      <c r="AA21" s="3"/>
      <c r="AB21" s="3"/>
      <c r="AC21" s="3"/>
      <c r="AD21" s="3"/>
      <c r="AE21" s="3"/>
      <c r="AF21" s="1" t="s">
        <v>375</v>
      </c>
      <c r="AG21" s="4"/>
    </row>
    <row r="22" spans="1:35" s="13" customFormat="1">
      <c r="A22" s="5"/>
      <c r="B22" s="3"/>
      <c r="C22" s="3"/>
      <c r="D22" s="3"/>
      <c r="E22" s="3"/>
      <c r="F22" s="3"/>
      <c r="G22" s="3"/>
      <c r="H22" s="3"/>
      <c r="I22" s="3"/>
      <c r="J22" s="3"/>
      <c r="K22" s="3"/>
      <c r="L22" s="3"/>
      <c r="M22" s="3"/>
      <c r="N22" s="3"/>
      <c r="O22" s="3"/>
      <c r="P22" s="3"/>
      <c r="Q22" s="3"/>
      <c r="R22" s="3"/>
      <c r="S22" s="3"/>
      <c r="T22" s="3"/>
      <c r="U22" s="1"/>
      <c r="V22" s="3"/>
      <c r="W22" s="3"/>
      <c r="X22" s="3"/>
      <c r="Y22" s="3"/>
      <c r="Z22" s="3"/>
      <c r="AA22" s="3"/>
      <c r="AB22" s="3"/>
      <c r="AC22" s="3"/>
      <c r="AD22" s="3"/>
      <c r="AE22" s="3"/>
      <c r="AF22" s="34"/>
      <c r="AG22" s="4"/>
    </row>
    <row r="23" spans="1:35" s="1" customFormat="1">
      <c r="A23" s="20"/>
      <c r="B23" s="52" t="s">
        <v>380</v>
      </c>
      <c r="C23" s="53"/>
      <c r="D23" s="16"/>
      <c r="E23" s="16"/>
      <c r="F23" s="16"/>
      <c r="G23" s="16"/>
      <c r="H23" s="16"/>
      <c r="I23" s="16"/>
      <c r="J23" s="26" t="s">
        <v>1799</v>
      </c>
      <c r="K23" s="16"/>
      <c r="L23" s="52"/>
      <c r="M23" s="16"/>
      <c r="N23" s="16"/>
      <c r="O23" s="16"/>
      <c r="P23" s="16"/>
      <c r="Q23" s="16"/>
      <c r="R23" s="16"/>
      <c r="S23" s="16"/>
      <c r="T23" s="16"/>
      <c r="U23" s="26" t="s">
        <v>1901</v>
      </c>
      <c r="V23" s="16"/>
      <c r="W23" s="16"/>
      <c r="X23" s="16"/>
      <c r="Y23" s="16"/>
      <c r="Z23" s="16"/>
      <c r="AA23" s="16"/>
      <c r="AB23" s="16"/>
      <c r="AC23" s="16"/>
      <c r="AD23" s="16"/>
      <c r="AE23" s="3"/>
      <c r="AF23" s="26" t="s">
        <v>1801</v>
      </c>
      <c r="AG23" s="4"/>
    </row>
    <row r="24" spans="1:35" s="68" customFormat="1" ht="12.75" customHeight="1">
      <c r="A24" s="51"/>
      <c r="B24" s="583" t="s">
        <v>73</v>
      </c>
      <c r="C24" s="573"/>
      <c r="D24" s="583" t="s">
        <v>94</v>
      </c>
      <c r="E24" s="583"/>
      <c r="F24" s="583"/>
      <c r="G24" s="583"/>
      <c r="H24" s="583"/>
      <c r="I24" s="583"/>
      <c r="J24" s="583"/>
      <c r="K24" s="583"/>
      <c r="L24" s="583"/>
      <c r="M24" s="583"/>
      <c r="N24" s="583"/>
      <c r="O24" s="583"/>
      <c r="P24" s="583"/>
      <c r="Q24" s="583"/>
      <c r="R24" s="583"/>
      <c r="S24" s="583"/>
      <c r="T24" s="583"/>
      <c r="U24" s="226" t="s">
        <v>383</v>
      </c>
      <c r="V24" s="572" t="s">
        <v>138</v>
      </c>
      <c r="W24" s="572"/>
      <c r="X24" s="652" t="s">
        <v>959</v>
      </c>
      <c r="Y24" s="572" t="s">
        <v>97</v>
      </c>
      <c r="Z24" s="572"/>
      <c r="AA24" s="572" t="s">
        <v>98</v>
      </c>
      <c r="AB24" s="572"/>
      <c r="AC24" s="583" t="s">
        <v>75</v>
      </c>
      <c r="AD24" s="583"/>
      <c r="AE24" s="583"/>
      <c r="AF24" s="581" t="s">
        <v>159</v>
      </c>
      <c r="AG24" s="29"/>
      <c r="AH24" s="26"/>
    </row>
    <row r="25" spans="1:35" s="13" customFormat="1">
      <c r="A25" s="51"/>
      <c r="B25" s="573"/>
      <c r="C25" s="573"/>
      <c r="D25" s="583"/>
      <c r="E25" s="583"/>
      <c r="F25" s="583"/>
      <c r="G25" s="583"/>
      <c r="H25" s="583"/>
      <c r="I25" s="583"/>
      <c r="J25" s="583"/>
      <c r="K25" s="583"/>
      <c r="L25" s="583"/>
      <c r="M25" s="583"/>
      <c r="N25" s="583"/>
      <c r="O25" s="583"/>
      <c r="P25" s="583"/>
      <c r="Q25" s="583"/>
      <c r="R25" s="583"/>
      <c r="S25" s="583"/>
      <c r="T25" s="583"/>
      <c r="U25" s="227"/>
      <c r="V25" s="572"/>
      <c r="W25" s="572"/>
      <c r="X25" s="707"/>
      <c r="Y25" s="572"/>
      <c r="Z25" s="572"/>
      <c r="AA25" s="572"/>
      <c r="AB25" s="572"/>
      <c r="AC25" s="583"/>
      <c r="AD25" s="583"/>
      <c r="AE25" s="583"/>
      <c r="AF25" s="582"/>
      <c r="AG25" s="29"/>
      <c r="AH25" s="54"/>
    </row>
    <row r="26" spans="1:35" s="1" customFormat="1" ht="13.4" customHeight="1">
      <c r="A26" s="20"/>
      <c r="B26" s="541">
        <v>1</v>
      </c>
      <c r="C26" s="542"/>
      <c r="D26" s="586" t="s">
        <v>1802</v>
      </c>
      <c r="E26" s="587"/>
      <c r="F26" s="587"/>
      <c r="G26" s="587"/>
      <c r="H26" s="587"/>
      <c r="I26" s="587"/>
      <c r="J26" s="587"/>
      <c r="K26" s="587"/>
      <c r="L26" s="587"/>
      <c r="M26" s="587"/>
      <c r="N26" s="587"/>
      <c r="O26" s="587"/>
      <c r="P26" s="587"/>
      <c r="Q26" s="587"/>
      <c r="R26" s="587"/>
      <c r="S26" s="587"/>
      <c r="T26" s="588"/>
      <c r="U26" s="219" t="s">
        <v>441</v>
      </c>
      <c r="V26" s="546" t="s">
        <v>1847</v>
      </c>
      <c r="W26" s="548"/>
      <c r="X26" s="408" t="s">
        <v>102</v>
      </c>
      <c r="Y26" s="415">
        <v>46</v>
      </c>
      <c r="Z26" s="415" t="s">
        <v>103</v>
      </c>
      <c r="AA26" s="646"/>
      <c r="AB26" s="647"/>
      <c r="AC26" s="549"/>
      <c r="AD26" s="550"/>
      <c r="AE26" s="551"/>
      <c r="AF26" s="265"/>
      <c r="AG26" s="48"/>
      <c r="AH26" s="26"/>
      <c r="AI26" s="3" t="str">
        <f>$F$17</f>
        <v>■</v>
      </c>
    </row>
    <row r="27" spans="1:35" s="1" customFormat="1" ht="13.4" customHeight="1">
      <c r="A27" s="20"/>
      <c r="B27" s="541">
        <v>2</v>
      </c>
      <c r="C27" s="542"/>
      <c r="D27" s="586" t="s">
        <v>124</v>
      </c>
      <c r="E27" s="587"/>
      <c r="F27" s="587"/>
      <c r="G27" s="587"/>
      <c r="H27" s="587"/>
      <c r="I27" s="587"/>
      <c r="J27" s="587"/>
      <c r="K27" s="587"/>
      <c r="L27" s="587"/>
      <c r="M27" s="587"/>
      <c r="N27" s="587"/>
      <c r="O27" s="587"/>
      <c r="P27" s="587"/>
      <c r="Q27" s="587"/>
      <c r="R27" s="587"/>
      <c r="S27" s="587"/>
      <c r="T27" s="588"/>
      <c r="U27" s="219" t="s">
        <v>443</v>
      </c>
      <c r="V27" s="546" t="s">
        <v>1847</v>
      </c>
      <c r="W27" s="548"/>
      <c r="X27" s="408" t="s">
        <v>102</v>
      </c>
      <c r="Y27" s="415">
        <v>14</v>
      </c>
      <c r="Z27" s="415" t="s">
        <v>103</v>
      </c>
      <c r="AA27" s="646"/>
      <c r="AB27" s="647"/>
      <c r="AC27" s="549"/>
      <c r="AD27" s="550"/>
      <c r="AE27" s="551"/>
      <c r="AF27" s="265"/>
      <c r="AG27" s="48"/>
      <c r="AH27" s="26"/>
      <c r="AI27" s="3" t="str">
        <f t="shared" ref="AI27:AI65" si="0">$F$17</f>
        <v>■</v>
      </c>
    </row>
    <row r="28" spans="1:35" s="1" customFormat="1" ht="13.4" customHeight="1">
      <c r="A28" s="20"/>
      <c r="B28" s="552">
        <v>3</v>
      </c>
      <c r="C28" s="553"/>
      <c r="D28" s="589" t="s">
        <v>1804</v>
      </c>
      <c r="E28" s="590"/>
      <c r="F28" s="590"/>
      <c r="G28" s="590"/>
      <c r="H28" s="590"/>
      <c r="I28" s="590"/>
      <c r="J28" s="590"/>
      <c r="K28" s="590"/>
      <c r="L28" s="590"/>
      <c r="M28" s="590"/>
      <c r="N28" s="590"/>
      <c r="O28" s="590"/>
      <c r="P28" s="590"/>
      <c r="Q28" s="590"/>
      <c r="R28" s="590"/>
      <c r="S28" s="590"/>
      <c r="T28" s="591"/>
      <c r="U28" s="220" t="s">
        <v>444</v>
      </c>
      <c r="V28" s="557" t="s">
        <v>107</v>
      </c>
      <c r="W28" s="559"/>
      <c r="X28" s="409" t="s">
        <v>108</v>
      </c>
      <c r="Y28" s="417">
        <v>1</v>
      </c>
      <c r="Z28" s="417">
        <v>0</v>
      </c>
      <c r="AA28" s="648" t="s">
        <v>109</v>
      </c>
      <c r="AB28" s="649"/>
      <c r="AC28" s="684"/>
      <c r="AD28" s="685"/>
      <c r="AE28" s="686"/>
      <c r="AF28" s="350" t="s">
        <v>416</v>
      </c>
      <c r="AG28" s="38"/>
      <c r="AH28" s="26"/>
      <c r="AI28" s="3" t="str">
        <f t="shared" si="0"/>
        <v>■</v>
      </c>
    </row>
    <row r="29" spans="1:35" s="1" customFormat="1" ht="13.4" customHeight="1">
      <c r="A29" s="20"/>
      <c r="B29" s="541">
        <v>4</v>
      </c>
      <c r="C29" s="542"/>
      <c r="D29" s="543" t="s">
        <v>1805</v>
      </c>
      <c r="E29" s="544"/>
      <c r="F29" s="544"/>
      <c r="G29" s="544"/>
      <c r="H29" s="544"/>
      <c r="I29" s="544"/>
      <c r="J29" s="544"/>
      <c r="K29" s="544"/>
      <c r="L29" s="544"/>
      <c r="M29" s="544"/>
      <c r="N29" s="544"/>
      <c r="O29" s="544"/>
      <c r="P29" s="544"/>
      <c r="Q29" s="544"/>
      <c r="R29" s="544"/>
      <c r="S29" s="544"/>
      <c r="T29" s="545"/>
      <c r="U29" s="225" t="s">
        <v>1806</v>
      </c>
      <c r="V29" s="546" t="s">
        <v>1856</v>
      </c>
      <c r="W29" s="548"/>
      <c r="X29" s="408" t="s">
        <v>102</v>
      </c>
      <c r="Y29" s="415">
        <v>3</v>
      </c>
      <c r="Z29" s="415" t="s">
        <v>103</v>
      </c>
      <c r="AA29" s="646"/>
      <c r="AB29" s="647"/>
      <c r="AC29" s="549"/>
      <c r="AD29" s="550"/>
      <c r="AE29" s="551"/>
      <c r="AF29" s="265"/>
      <c r="AG29" s="38"/>
      <c r="AH29" s="26"/>
      <c r="AI29" s="3" t="str">
        <f t="shared" si="0"/>
        <v>■</v>
      </c>
    </row>
    <row r="30" spans="1:35" s="1" customFormat="1" ht="13.4" customHeight="1">
      <c r="A30" s="20"/>
      <c r="B30" s="541">
        <v>5</v>
      </c>
      <c r="C30" s="542"/>
      <c r="D30" s="543" t="s">
        <v>112</v>
      </c>
      <c r="E30" s="544"/>
      <c r="F30" s="544"/>
      <c r="G30" s="544"/>
      <c r="H30" s="544"/>
      <c r="I30" s="544"/>
      <c r="J30" s="544"/>
      <c r="K30" s="544"/>
      <c r="L30" s="544"/>
      <c r="M30" s="544"/>
      <c r="N30" s="544"/>
      <c r="O30" s="544"/>
      <c r="P30" s="544"/>
      <c r="Q30" s="544"/>
      <c r="R30" s="544"/>
      <c r="S30" s="544"/>
      <c r="T30" s="545"/>
      <c r="U30" s="225" t="s">
        <v>448</v>
      </c>
      <c r="V30" s="546" t="s">
        <v>1847</v>
      </c>
      <c r="W30" s="548"/>
      <c r="X30" s="408" t="s">
        <v>102</v>
      </c>
      <c r="Y30" s="415">
        <v>64</v>
      </c>
      <c r="Z30" s="415" t="s">
        <v>103</v>
      </c>
      <c r="AA30" s="646"/>
      <c r="AB30" s="647"/>
      <c r="AC30" s="549"/>
      <c r="AD30" s="550"/>
      <c r="AE30" s="551"/>
      <c r="AF30" s="265"/>
      <c r="AG30" s="48"/>
      <c r="AH30" s="26"/>
      <c r="AI30" s="3" t="str">
        <f t="shared" si="0"/>
        <v>■</v>
      </c>
    </row>
    <row r="31" spans="1:35" s="1" customFormat="1">
      <c r="A31" s="20"/>
      <c r="B31" s="541">
        <v>6</v>
      </c>
      <c r="C31" s="542"/>
      <c r="D31" s="631" t="s">
        <v>113</v>
      </c>
      <c r="E31" s="632"/>
      <c r="F31" s="632"/>
      <c r="G31" s="632"/>
      <c r="H31" s="632"/>
      <c r="I31" s="632"/>
      <c r="J31" s="632"/>
      <c r="K31" s="632"/>
      <c r="L31" s="632"/>
      <c r="M31" s="632"/>
      <c r="N31" s="632"/>
      <c r="O31" s="632"/>
      <c r="P31" s="632"/>
      <c r="Q31" s="632"/>
      <c r="R31" s="632"/>
      <c r="S31" s="632"/>
      <c r="T31" s="633"/>
      <c r="U31" s="225" t="s">
        <v>449</v>
      </c>
      <c r="V31" s="546" t="s">
        <v>101</v>
      </c>
      <c r="W31" s="548"/>
      <c r="X31" s="408" t="s">
        <v>102</v>
      </c>
      <c r="Y31" s="415">
        <v>64</v>
      </c>
      <c r="Z31" s="415" t="s">
        <v>103</v>
      </c>
      <c r="AA31" s="646"/>
      <c r="AB31" s="647"/>
      <c r="AC31" s="549"/>
      <c r="AD31" s="550"/>
      <c r="AE31" s="551"/>
      <c r="AF31" s="265"/>
      <c r="AG31" s="48"/>
      <c r="AH31" s="26"/>
      <c r="AI31" s="3" t="str">
        <f t="shared" si="0"/>
        <v>■</v>
      </c>
    </row>
    <row r="32" spans="1:35" s="1" customFormat="1" ht="13.4" customHeight="1">
      <c r="A32" s="20"/>
      <c r="B32" s="541">
        <v>7</v>
      </c>
      <c r="C32" s="542"/>
      <c r="D32" s="543" t="s">
        <v>114</v>
      </c>
      <c r="E32" s="544"/>
      <c r="F32" s="544"/>
      <c r="G32" s="544"/>
      <c r="H32" s="544"/>
      <c r="I32" s="544"/>
      <c r="J32" s="544"/>
      <c r="K32" s="544"/>
      <c r="L32" s="544"/>
      <c r="M32" s="544"/>
      <c r="N32" s="544"/>
      <c r="O32" s="544"/>
      <c r="P32" s="544"/>
      <c r="Q32" s="544"/>
      <c r="R32" s="544"/>
      <c r="S32" s="544"/>
      <c r="T32" s="545"/>
      <c r="U32" s="225" t="s">
        <v>450</v>
      </c>
      <c r="V32" s="546" t="s">
        <v>1847</v>
      </c>
      <c r="W32" s="548"/>
      <c r="X32" s="408" t="s">
        <v>102</v>
      </c>
      <c r="Y32" s="415">
        <v>64</v>
      </c>
      <c r="Z32" s="415" t="s">
        <v>103</v>
      </c>
      <c r="AA32" s="646"/>
      <c r="AB32" s="647"/>
      <c r="AC32" s="549"/>
      <c r="AD32" s="550"/>
      <c r="AE32" s="551"/>
      <c r="AF32" s="265"/>
      <c r="AG32" s="48"/>
      <c r="AH32" s="26"/>
      <c r="AI32" s="3" t="str">
        <f t="shared" si="0"/>
        <v>■</v>
      </c>
    </row>
    <row r="33" spans="1:35" s="13" customFormat="1" ht="13.4" customHeight="1">
      <c r="A33" s="20"/>
      <c r="B33" s="676">
        <v>8</v>
      </c>
      <c r="C33" s="677"/>
      <c r="D33" s="678" t="s">
        <v>1807</v>
      </c>
      <c r="E33" s="679"/>
      <c r="F33" s="679"/>
      <c r="G33" s="679"/>
      <c r="H33" s="679"/>
      <c r="I33" s="679"/>
      <c r="J33" s="679"/>
      <c r="K33" s="679"/>
      <c r="L33" s="679"/>
      <c r="M33" s="679"/>
      <c r="N33" s="679"/>
      <c r="O33" s="679"/>
      <c r="P33" s="679"/>
      <c r="Q33" s="679"/>
      <c r="R33" s="679"/>
      <c r="S33" s="679"/>
      <c r="T33" s="680"/>
      <c r="U33" s="259" t="s">
        <v>447</v>
      </c>
      <c r="V33" s="681" t="s">
        <v>1856</v>
      </c>
      <c r="W33" s="683"/>
      <c r="X33" s="409" t="s">
        <v>108</v>
      </c>
      <c r="Y33" s="417">
        <v>3</v>
      </c>
      <c r="Z33" s="417">
        <v>0</v>
      </c>
      <c r="AA33" s="648" t="s">
        <v>109</v>
      </c>
      <c r="AB33" s="649"/>
      <c r="AC33" s="684"/>
      <c r="AD33" s="685"/>
      <c r="AE33" s="686"/>
      <c r="AF33" s="350" t="s">
        <v>416</v>
      </c>
      <c r="AG33" s="48"/>
      <c r="AH33" s="54"/>
      <c r="AI33" s="3" t="str">
        <f t="shared" si="0"/>
        <v>■</v>
      </c>
    </row>
    <row r="34" spans="1:35" s="13" customFormat="1" ht="13.4" customHeight="1">
      <c r="A34" s="20"/>
      <c r="B34" s="541">
        <v>9</v>
      </c>
      <c r="C34" s="542"/>
      <c r="D34" s="543" t="s">
        <v>1902</v>
      </c>
      <c r="E34" s="544"/>
      <c r="F34" s="544"/>
      <c r="G34" s="544"/>
      <c r="H34" s="544"/>
      <c r="I34" s="544"/>
      <c r="J34" s="544"/>
      <c r="K34" s="544"/>
      <c r="L34" s="544"/>
      <c r="M34" s="544"/>
      <c r="N34" s="544"/>
      <c r="O34" s="544"/>
      <c r="P34" s="544"/>
      <c r="Q34" s="544"/>
      <c r="R34" s="544"/>
      <c r="S34" s="544"/>
      <c r="T34" s="545"/>
      <c r="U34" s="221" t="s">
        <v>1903</v>
      </c>
      <c r="V34" s="546" t="s">
        <v>1847</v>
      </c>
      <c r="W34" s="548"/>
      <c r="X34" s="408" t="s">
        <v>102</v>
      </c>
      <c r="Y34" s="415">
        <v>8</v>
      </c>
      <c r="Z34" s="415" t="s">
        <v>103</v>
      </c>
      <c r="AA34" s="646"/>
      <c r="AB34" s="647"/>
      <c r="AC34" s="549"/>
      <c r="AD34" s="550"/>
      <c r="AE34" s="551"/>
      <c r="AF34" s="265" t="s">
        <v>3020</v>
      </c>
      <c r="AG34" s="48"/>
      <c r="AH34" s="54"/>
      <c r="AI34" s="3" t="str">
        <f t="shared" si="0"/>
        <v>■</v>
      </c>
    </row>
    <row r="35" spans="1:35" s="1" customFormat="1" ht="13.4" customHeight="1">
      <c r="A35" s="20"/>
      <c r="B35" s="541">
        <v>10</v>
      </c>
      <c r="C35" s="542"/>
      <c r="D35" s="543" t="s">
        <v>1904</v>
      </c>
      <c r="E35" s="544"/>
      <c r="F35" s="544"/>
      <c r="G35" s="544"/>
      <c r="H35" s="544"/>
      <c r="I35" s="544"/>
      <c r="J35" s="544"/>
      <c r="K35" s="544"/>
      <c r="L35" s="544"/>
      <c r="M35" s="544"/>
      <c r="N35" s="544"/>
      <c r="O35" s="544"/>
      <c r="P35" s="544"/>
      <c r="Q35" s="544"/>
      <c r="R35" s="544"/>
      <c r="S35" s="544"/>
      <c r="T35" s="545"/>
      <c r="U35" s="221" t="s">
        <v>1905</v>
      </c>
      <c r="V35" s="546" t="s">
        <v>1856</v>
      </c>
      <c r="W35" s="548"/>
      <c r="X35" s="408" t="s">
        <v>102</v>
      </c>
      <c r="Y35" s="415">
        <v>1</v>
      </c>
      <c r="Z35" s="415" t="s">
        <v>103</v>
      </c>
      <c r="AA35" s="646"/>
      <c r="AB35" s="647"/>
      <c r="AC35" s="549"/>
      <c r="AD35" s="550"/>
      <c r="AE35" s="551"/>
      <c r="AF35" s="265"/>
      <c r="AG35" s="48"/>
      <c r="AH35" s="26"/>
      <c r="AI35" s="3" t="str">
        <f t="shared" si="0"/>
        <v>■</v>
      </c>
    </row>
    <row r="36" spans="1:35" s="1" customFormat="1" ht="13.4" customHeight="1">
      <c r="A36" s="20"/>
      <c r="B36" s="552">
        <v>11</v>
      </c>
      <c r="C36" s="553"/>
      <c r="D36" s="554" t="s">
        <v>1906</v>
      </c>
      <c r="E36" s="555"/>
      <c r="F36" s="555"/>
      <c r="G36" s="555"/>
      <c r="H36" s="555"/>
      <c r="I36" s="555"/>
      <c r="J36" s="555"/>
      <c r="K36" s="555"/>
      <c r="L36" s="555"/>
      <c r="M36" s="555"/>
      <c r="N36" s="555"/>
      <c r="O36" s="555"/>
      <c r="P36" s="555"/>
      <c r="Q36" s="555"/>
      <c r="R36" s="555"/>
      <c r="S36" s="555"/>
      <c r="T36" s="556"/>
      <c r="U36" s="220" t="s">
        <v>1907</v>
      </c>
      <c r="V36" s="557" t="s">
        <v>1856</v>
      </c>
      <c r="W36" s="559"/>
      <c r="X36" s="409" t="s">
        <v>102</v>
      </c>
      <c r="Y36" s="419">
        <v>8</v>
      </c>
      <c r="Z36" s="419" t="s">
        <v>103</v>
      </c>
      <c r="AA36" s="569" t="s">
        <v>109</v>
      </c>
      <c r="AB36" s="570"/>
      <c r="AC36" s="560"/>
      <c r="AD36" s="561"/>
      <c r="AE36" s="562"/>
      <c r="AF36" s="321" t="s">
        <v>416</v>
      </c>
      <c r="AG36" s="48"/>
      <c r="AH36" s="26"/>
      <c r="AI36" s="3" t="str">
        <f t="shared" si="0"/>
        <v>■</v>
      </c>
    </row>
    <row r="37" spans="1:35" s="13" customFormat="1" ht="13.4" customHeight="1">
      <c r="A37" s="20"/>
      <c r="B37" s="541">
        <v>12</v>
      </c>
      <c r="C37" s="542"/>
      <c r="D37" s="543" t="s">
        <v>1814</v>
      </c>
      <c r="E37" s="544"/>
      <c r="F37" s="544"/>
      <c r="G37" s="544"/>
      <c r="H37" s="544"/>
      <c r="I37" s="544"/>
      <c r="J37" s="544"/>
      <c r="K37" s="544"/>
      <c r="L37" s="544"/>
      <c r="M37" s="544"/>
      <c r="N37" s="544"/>
      <c r="O37" s="544"/>
      <c r="P37" s="544"/>
      <c r="Q37" s="544"/>
      <c r="R37" s="544"/>
      <c r="S37" s="544"/>
      <c r="T37" s="545"/>
      <c r="U37" s="221" t="s">
        <v>1815</v>
      </c>
      <c r="V37" s="546" t="s">
        <v>1856</v>
      </c>
      <c r="W37" s="548"/>
      <c r="X37" s="408" t="s">
        <v>102</v>
      </c>
      <c r="Y37" s="415">
        <v>1</v>
      </c>
      <c r="Z37" s="415" t="s">
        <v>103</v>
      </c>
      <c r="AA37" s="646"/>
      <c r="AB37" s="647"/>
      <c r="AC37" s="549"/>
      <c r="AD37" s="550"/>
      <c r="AE37" s="551"/>
      <c r="AF37" s="265"/>
      <c r="AG37" s="38"/>
      <c r="AH37" s="54"/>
      <c r="AI37" s="3" t="str">
        <f t="shared" si="0"/>
        <v>■</v>
      </c>
    </row>
    <row r="38" spans="1:35" s="1" customFormat="1" ht="13.4" customHeight="1">
      <c r="A38" s="20"/>
      <c r="B38" s="552">
        <v>13</v>
      </c>
      <c r="C38" s="553"/>
      <c r="D38" s="554" t="s">
        <v>1816</v>
      </c>
      <c r="E38" s="555"/>
      <c r="F38" s="555"/>
      <c r="G38" s="555"/>
      <c r="H38" s="555"/>
      <c r="I38" s="555"/>
      <c r="J38" s="555"/>
      <c r="K38" s="555"/>
      <c r="L38" s="555"/>
      <c r="M38" s="555"/>
      <c r="N38" s="555"/>
      <c r="O38" s="555"/>
      <c r="P38" s="555"/>
      <c r="Q38" s="555"/>
      <c r="R38" s="555"/>
      <c r="S38" s="555"/>
      <c r="T38" s="556"/>
      <c r="U38" s="320" t="s">
        <v>1817</v>
      </c>
      <c r="V38" s="557" t="s">
        <v>1856</v>
      </c>
      <c r="W38" s="559"/>
      <c r="X38" s="409" t="s">
        <v>102</v>
      </c>
      <c r="Y38" s="419">
        <v>11</v>
      </c>
      <c r="Z38" s="419" t="s">
        <v>103</v>
      </c>
      <c r="AA38" s="569" t="s">
        <v>109</v>
      </c>
      <c r="AB38" s="570"/>
      <c r="AC38" s="560"/>
      <c r="AD38" s="561"/>
      <c r="AE38" s="562"/>
      <c r="AF38" s="321" t="s">
        <v>416</v>
      </c>
      <c r="AG38" s="38"/>
      <c r="AH38" s="26"/>
      <c r="AI38" s="3" t="str">
        <f t="shared" si="0"/>
        <v>■</v>
      </c>
    </row>
    <row r="39" spans="1:35" s="1" customFormat="1" ht="13.4" customHeight="1">
      <c r="A39" s="20"/>
      <c r="B39" s="541">
        <v>14</v>
      </c>
      <c r="C39" s="542"/>
      <c r="D39" s="543" t="s">
        <v>1908</v>
      </c>
      <c r="E39" s="544"/>
      <c r="F39" s="544"/>
      <c r="G39" s="544"/>
      <c r="H39" s="544"/>
      <c r="I39" s="544"/>
      <c r="J39" s="544"/>
      <c r="K39" s="544"/>
      <c r="L39" s="544"/>
      <c r="M39" s="544"/>
      <c r="N39" s="544"/>
      <c r="O39" s="544"/>
      <c r="P39" s="544"/>
      <c r="Q39" s="544"/>
      <c r="R39" s="544"/>
      <c r="S39" s="544"/>
      <c r="T39" s="545"/>
      <c r="U39" s="221" t="s">
        <v>1909</v>
      </c>
      <c r="V39" s="546" t="s">
        <v>1856</v>
      </c>
      <c r="W39" s="548"/>
      <c r="X39" s="408" t="s">
        <v>102</v>
      </c>
      <c r="Y39" s="415">
        <v>1</v>
      </c>
      <c r="Z39" s="415" t="s">
        <v>103</v>
      </c>
      <c r="AA39" s="646"/>
      <c r="AB39" s="647"/>
      <c r="AC39" s="549"/>
      <c r="AD39" s="550"/>
      <c r="AE39" s="551"/>
      <c r="AF39" s="265"/>
      <c r="AG39" s="48"/>
      <c r="AH39" s="26"/>
      <c r="AI39" s="3" t="str">
        <f t="shared" si="0"/>
        <v>■</v>
      </c>
    </row>
    <row r="40" spans="1:35" s="1" customFormat="1" ht="13.5" customHeight="1">
      <c r="A40" s="20"/>
      <c r="B40" s="552">
        <v>15</v>
      </c>
      <c r="C40" s="553"/>
      <c r="D40" s="554" t="s">
        <v>1910</v>
      </c>
      <c r="E40" s="555"/>
      <c r="F40" s="555"/>
      <c r="G40" s="555"/>
      <c r="H40" s="555"/>
      <c r="I40" s="555"/>
      <c r="J40" s="555"/>
      <c r="K40" s="555"/>
      <c r="L40" s="555"/>
      <c r="M40" s="555"/>
      <c r="N40" s="555"/>
      <c r="O40" s="555"/>
      <c r="P40" s="555"/>
      <c r="Q40" s="555"/>
      <c r="R40" s="555"/>
      <c r="S40" s="555"/>
      <c r="T40" s="556"/>
      <c r="U40" s="320" t="s">
        <v>1911</v>
      </c>
      <c r="V40" s="557" t="s">
        <v>1856</v>
      </c>
      <c r="W40" s="559"/>
      <c r="X40" s="409" t="s">
        <v>102</v>
      </c>
      <c r="Y40" s="419">
        <v>11</v>
      </c>
      <c r="Z40" s="419" t="s">
        <v>103</v>
      </c>
      <c r="AA40" s="569" t="s">
        <v>109</v>
      </c>
      <c r="AB40" s="570"/>
      <c r="AC40" s="560"/>
      <c r="AD40" s="561"/>
      <c r="AE40" s="562"/>
      <c r="AF40" s="321" t="s">
        <v>416</v>
      </c>
      <c r="AG40" s="48"/>
      <c r="AH40" s="26"/>
      <c r="AI40" s="3" t="str">
        <f t="shared" si="0"/>
        <v>■</v>
      </c>
    </row>
    <row r="41" spans="1:35" s="1" customFormat="1" ht="13.4" customHeight="1">
      <c r="A41" s="20"/>
      <c r="B41" s="541">
        <v>16</v>
      </c>
      <c r="C41" s="542"/>
      <c r="D41" s="543" t="s">
        <v>1912</v>
      </c>
      <c r="E41" s="544"/>
      <c r="F41" s="544"/>
      <c r="G41" s="544"/>
      <c r="H41" s="544"/>
      <c r="I41" s="544"/>
      <c r="J41" s="544"/>
      <c r="K41" s="544"/>
      <c r="L41" s="544"/>
      <c r="M41" s="544"/>
      <c r="N41" s="544"/>
      <c r="O41" s="544"/>
      <c r="P41" s="544"/>
      <c r="Q41" s="544"/>
      <c r="R41" s="544"/>
      <c r="S41" s="544"/>
      <c r="T41" s="545"/>
      <c r="U41" s="225" t="s">
        <v>1913</v>
      </c>
      <c r="V41" s="546" t="s">
        <v>1856</v>
      </c>
      <c r="W41" s="548"/>
      <c r="X41" s="408" t="s">
        <v>102</v>
      </c>
      <c r="Y41" s="415">
        <v>3</v>
      </c>
      <c r="Z41" s="415" t="s">
        <v>103</v>
      </c>
      <c r="AA41" s="646"/>
      <c r="AB41" s="647"/>
      <c r="AC41" s="549"/>
      <c r="AD41" s="550"/>
      <c r="AE41" s="551"/>
      <c r="AF41" s="265"/>
      <c r="AG41" s="38"/>
      <c r="AH41" s="26"/>
      <c r="AI41" s="3" t="str">
        <f t="shared" si="0"/>
        <v>■</v>
      </c>
    </row>
    <row r="42" spans="1:35" s="13" customFormat="1" ht="13.4" customHeight="1">
      <c r="A42" s="20"/>
      <c r="B42" s="541">
        <v>17</v>
      </c>
      <c r="C42" s="542"/>
      <c r="D42" s="543" t="s">
        <v>1914</v>
      </c>
      <c r="E42" s="544"/>
      <c r="F42" s="544"/>
      <c r="G42" s="544"/>
      <c r="H42" s="544"/>
      <c r="I42" s="544"/>
      <c r="J42" s="544"/>
      <c r="K42" s="544"/>
      <c r="L42" s="544"/>
      <c r="M42" s="544"/>
      <c r="N42" s="544"/>
      <c r="O42" s="544"/>
      <c r="P42" s="544"/>
      <c r="Q42" s="544"/>
      <c r="R42" s="544"/>
      <c r="S42" s="544"/>
      <c r="T42" s="545"/>
      <c r="U42" s="225" t="s">
        <v>1915</v>
      </c>
      <c r="V42" s="546" t="s">
        <v>1847</v>
      </c>
      <c r="W42" s="548"/>
      <c r="X42" s="408" t="s">
        <v>102</v>
      </c>
      <c r="Y42" s="415">
        <v>8</v>
      </c>
      <c r="Z42" s="415" t="s">
        <v>103</v>
      </c>
      <c r="AA42" s="646"/>
      <c r="AB42" s="647"/>
      <c r="AC42" s="549"/>
      <c r="AD42" s="550"/>
      <c r="AE42" s="551"/>
      <c r="AF42" s="265"/>
      <c r="AG42" s="48"/>
      <c r="AH42" s="54"/>
      <c r="AI42" s="3" t="str">
        <f t="shared" si="0"/>
        <v>■</v>
      </c>
    </row>
    <row r="43" spans="1:35" s="1" customFormat="1" ht="13.4" customHeight="1">
      <c r="A43" s="20"/>
      <c r="B43" s="541">
        <v>18</v>
      </c>
      <c r="C43" s="542"/>
      <c r="D43" s="543" t="s">
        <v>1916</v>
      </c>
      <c r="E43" s="544"/>
      <c r="F43" s="544"/>
      <c r="G43" s="544"/>
      <c r="H43" s="544"/>
      <c r="I43" s="544"/>
      <c r="J43" s="544"/>
      <c r="K43" s="544"/>
      <c r="L43" s="544"/>
      <c r="M43" s="544"/>
      <c r="N43" s="544"/>
      <c r="O43" s="544"/>
      <c r="P43" s="544"/>
      <c r="Q43" s="544"/>
      <c r="R43" s="544"/>
      <c r="S43" s="544"/>
      <c r="T43" s="545"/>
      <c r="U43" s="225" t="s">
        <v>1917</v>
      </c>
      <c r="V43" s="546" t="s">
        <v>1844</v>
      </c>
      <c r="W43" s="548"/>
      <c r="X43" s="408" t="s">
        <v>102</v>
      </c>
      <c r="Y43" s="415">
        <v>128</v>
      </c>
      <c r="Z43" s="415" t="s">
        <v>103</v>
      </c>
      <c r="AA43" s="646"/>
      <c r="AB43" s="647"/>
      <c r="AC43" s="549"/>
      <c r="AD43" s="550"/>
      <c r="AE43" s="551"/>
      <c r="AF43" s="265"/>
      <c r="AG43" s="48"/>
      <c r="AH43" s="26"/>
      <c r="AI43" s="3" t="str">
        <f t="shared" si="0"/>
        <v>■</v>
      </c>
    </row>
    <row r="44" spans="1:35" s="1" customFormat="1" ht="13.4" customHeight="1">
      <c r="A44" s="20"/>
      <c r="B44" s="676">
        <v>19</v>
      </c>
      <c r="C44" s="677"/>
      <c r="D44" s="678" t="s">
        <v>1918</v>
      </c>
      <c r="E44" s="679"/>
      <c r="F44" s="679"/>
      <c r="G44" s="679"/>
      <c r="H44" s="679"/>
      <c r="I44" s="679"/>
      <c r="J44" s="679"/>
      <c r="K44" s="679"/>
      <c r="L44" s="679"/>
      <c r="M44" s="679"/>
      <c r="N44" s="679"/>
      <c r="O44" s="679"/>
      <c r="P44" s="679"/>
      <c r="Q44" s="679"/>
      <c r="R44" s="679"/>
      <c r="S44" s="679"/>
      <c r="T44" s="680"/>
      <c r="U44" s="261" t="s">
        <v>1919</v>
      </c>
      <c r="V44" s="681" t="s">
        <v>1856</v>
      </c>
      <c r="W44" s="683"/>
      <c r="X44" s="409" t="s">
        <v>102</v>
      </c>
      <c r="Y44" s="417">
        <v>10</v>
      </c>
      <c r="Z44" s="417" t="s">
        <v>103</v>
      </c>
      <c r="AA44" s="648" t="s">
        <v>109</v>
      </c>
      <c r="AB44" s="649"/>
      <c r="AC44" s="684"/>
      <c r="AD44" s="685"/>
      <c r="AE44" s="686"/>
      <c r="AF44" s="350" t="s">
        <v>416</v>
      </c>
      <c r="AG44" s="48"/>
      <c r="AH44" s="26"/>
      <c r="AI44" s="3" t="str">
        <f t="shared" si="0"/>
        <v>■</v>
      </c>
    </row>
    <row r="45" spans="1:35" s="13" customFormat="1" ht="13.4" customHeight="1">
      <c r="A45" s="20"/>
      <c r="B45" s="541">
        <v>20</v>
      </c>
      <c r="C45" s="542"/>
      <c r="D45" s="543" t="s">
        <v>1920</v>
      </c>
      <c r="E45" s="544"/>
      <c r="F45" s="544"/>
      <c r="G45" s="544"/>
      <c r="H45" s="544"/>
      <c r="I45" s="544"/>
      <c r="J45" s="544"/>
      <c r="K45" s="544"/>
      <c r="L45" s="544"/>
      <c r="M45" s="544"/>
      <c r="N45" s="544"/>
      <c r="O45" s="544"/>
      <c r="P45" s="544"/>
      <c r="Q45" s="544"/>
      <c r="R45" s="544"/>
      <c r="S45" s="544"/>
      <c r="T45" s="545"/>
      <c r="U45" s="225" t="s">
        <v>1921</v>
      </c>
      <c r="V45" s="546" t="s">
        <v>1856</v>
      </c>
      <c r="W45" s="548"/>
      <c r="X45" s="408" t="s">
        <v>102</v>
      </c>
      <c r="Y45" s="415">
        <v>10</v>
      </c>
      <c r="Z45" s="415" t="s">
        <v>103</v>
      </c>
      <c r="AA45" s="646"/>
      <c r="AB45" s="647"/>
      <c r="AC45" s="549"/>
      <c r="AD45" s="550"/>
      <c r="AE45" s="551"/>
      <c r="AF45" s="265" t="s">
        <v>3020</v>
      </c>
      <c r="AG45" s="48"/>
      <c r="AH45" s="54"/>
      <c r="AI45" s="3" t="str">
        <f t="shared" si="0"/>
        <v>■</v>
      </c>
    </row>
    <row r="46" spans="1:35" s="1" customFormat="1" ht="13.4" customHeight="1">
      <c r="A46" s="20"/>
      <c r="B46" s="552">
        <v>21</v>
      </c>
      <c r="C46" s="553"/>
      <c r="D46" s="554" t="s">
        <v>1922</v>
      </c>
      <c r="E46" s="555"/>
      <c r="F46" s="555"/>
      <c r="G46" s="555"/>
      <c r="H46" s="555"/>
      <c r="I46" s="555"/>
      <c r="J46" s="555"/>
      <c r="K46" s="555"/>
      <c r="L46" s="555"/>
      <c r="M46" s="555"/>
      <c r="N46" s="555"/>
      <c r="O46" s="555"/>
      <c r="P46" s="555"/>
      <c r="Q46" s="555"/>
      <c r="R46" s="555"/>
      <c r="S46" s="555"/>
      <c r="T46" s="556"/>
      <c r="U46" s="220" t="s">
        <v>546</v>
      </c>
      <c r="V46" s="557" t="s">
        <v>1856</v>
      </c>
      <c r="W46" s="559"/>
      <c r="X46" s="409" t="s">
        <v>102</v>
      </c>
      <c r="Y46" s="419">
        <v>8</v>
      </c>
      <c r="Z46" s="419" t="s">
        <v>103</v>
      </c>
      <c r="AA46" s="569" t="s">
        <v>109</v>
      </c>
      <c r="AB46" s="570"/>
      <c r="AC46" s="560"/>
      <c r="AD46" s="561"/>
      <c r="AE46" s="562"/>
      <c r="AF46" s="321" t="s">
        <v>416</v>
      </c>
      <c r="AG46" s="48"/>
      <c r="AH46" s="26"/>
      <c r="AI46" s="3" t="str">
        <f t="shared" si="0"/>
        <v>■</v>
      </c>
    </row>
    <row r="47" spans="1:35" s="1" customFormat="1">
      <c r="A47" s="20"/>
      <c r="B47" s="552">
        <v>22</v>
      </c>
      <c r="C47" s="553"/>
      <c r="D47" s="708" t="s">
        <v>1827</v>
      </c>
      <c r="E47" s="709"/>
      <c r="F47" s="709"/>
      <c r="G47" s="709"/>
      <c r="H47" s="709"/>
      <c r="I47" s="709"/>
      <c r="J47" s="709"/>
      <c r="K47" s="709"/>
      <c r="L47" s="709"/>
      <c r="M47" s="709"/>
      <c r="N47" s="709"/>
      <c r="O47" s="709"/>
      <c r="P47" s="709"/>
      <c r="Q47" s="709"/>
      <c r="R47" s="709"/>
      <c r="S47" s="709"/>
      <c r="T47" s="710"/>
      <c r="U47" s="220" t="s">
        <v>548</v>
      </c>
      <c r="V47" s="557" t="s">
        <v>101</v>
      </c>
      <c r="W47" s="559"/>
      <c r="X47" s="409" t="s">
        <v>102</v>
      </c>
      <c r="Y47" s="419">
        <v>8</v>
      </c>
      <c r="Z47" s="419" t="s">
        <v>103</v>
      </c>
      <c r="AA47" s="569" t="s">
        <v>109</v>
      </c>
      <c r="AB47" s="570"/>
      <c r="AC47" s="560"/>
      <c r="AD47" s="561"/>
      <c r="AE47" s="562"/>
      <c r="AF47" s="321" t="s">
        <v>416</v>
      </c>
      <c r="AG47" s="48"/>
      <c r="AH47" s="26"/>
      <c r="AI47" s="3" t="str">
        <f t="shared" si="0"/>
        <v>■</v>
      </c>
    </row>
    <row r="48" spans="1:35" s="1" customFormat="1">
      <c r="A48" s="20"/>
      <c r="B48" s="541">
        <v>23</v>
      </c>
      <c r="C48" s="542"/>
      <c r="D48" s="631" t="s">
        <v>549</v>
      </c>
      <c r="E48" s="632"/>
      <c r="F48" s="632"/>
      <c r="G48" s="632"/>
      <c r="H48" s="632"/>
      <c r="I48" s="632"/>
      <c r="J48" s="632"/>
      <c r="K48" s="632"/>
      <c r="L48" s="632"/>
      <c r="M48" s="632"/>
      <c r="N48" s="632"/>
      <c r="O48" s="632"/>
      <c r="P48" s="632"/>
      <c r="Q48" s="632"/>
      <c r="R48" s="632"/>
      <c r="S48" s="632"/>
      <c r="T48" s="633"/>
      <c r="U48" s="221" t="s">
        <v>550</v>
      </c>
      <c r="V48" s="546" t="s">
        <v>101</v>
      </c>
      <c r="W48" s="548"/>
      <c r="X48" s="408" t="s">
        <v>102</v>
      </c>
      <c r="Y48" s="415">
        <v>8</v>
      </c>
      <c r="Z48" s="415" t="s">
        <v>103</v>
      </c>
      <c r="AA48" s="646"/>
      <c r="AB48" s="647"/>
      <c r="AC48" s="549"/>
      <c r="AD48" s="550"/>
      <c r="AE48" s="551"/>
      <c r="AF48" s="265" t="s">
        <v>3020</v>
      </c>
      <c r="AG48" s="48"/>
      <c r="AH48" s="26"/>
      <c r="AI48" s="3" t="str">
        <f t="shared" si="0"/>
        <v>■</v>
      </c>
    </row>
    <row r="49" spans="1:35" s="1" customFormat="1">
      <c r="A49" s="20"/>
      <c r="B49" s="541">
        <v>24</v>
      </c>
      <c r="C49" s="542"/>
      <c r="D49" s="631" t="s">
        <v>1829</v>
      </c>
      <c r="E49" s="632"/>
      <c r="F49" s="632"/>
      <c r="G49" s="632"/>
      <c r="H49" s="632"/>
      <c r="I49" s="632"/>
      <c r="J49" s="632"/>
      <c r="K49" s="632"/>
      <c r="L49" s="632"/>
      <c r="M49" s="632"/>
      <c r="N49" s="632"/>
      <c r="O49" s="632"/>
      <c r="P49" s="632"/>
      <c r="Q49" s="632"/>
      <c r="R49" s="632"/>
      <c r="S49" s="632"/>
      <c r="T49" s="633"/>
      <c r="U49" s="221" t="s">
        <v>1830</v>
      </c>
      <c r="V49" s="546" t="s">
        <v>1856</v>
      </c>
      <c r="W49" s="548"/>
      <c r="X49" s="408" t="s">
        <v>102</v>
      </c>
      <c r="Y49" s="415">
        <v>2</v>
      </c>
      <c r="Z49" s="415" t="s">
        <v>103</v>
      </c>
      <c r="AA49" s="646"/>
      <c r="AB49" s="647"/>
      <c r="AC49" s="549"/>
      <c r="AD49" s="550"/>
      <c r="AE49" s="551"/>
      <c r="AF49" s="265"/>
      <c r="AG49" s="48"/>
      <c r="AH49" s="26"/>
      <c r="AI49" s="3" t="str">
        <f t="shared" si="0"/>
        <v>■</v>
      </c>
    </row>
    <row r="50" spans="1:35" s="1" customFormat="1">
      <c r="A50" s="20"/>
      <c r="B50" s="541">
        <v>25</v>
      </c>
      <c r="C50" s="542"/>
      <c r="D50" s="631" t="s">
        <v>1831</v>
      </c>
      <c r="E50" s="632"/>
      <c r="F50" s="632"/>
      <c r="G50" s="632"/>
      <c r="H50" s="632"/>
      <c r="I50" s="632"/>
      <c r="J50" s="632"/>
      <c r="K50" s="632"/>
      <c r="L50" s="632"/>
      <c r="M50" s="632"/>
      <c r="N50" s="632"/>
      <c r="O50" s="632"/>
      <c r="P50" s="632"/>
      <c r="Q50" s="632"/>
      <c r="R50" s="632"/>
      <c r="S50" s="632"/>
      <c r="T50" s="633"/>
      <c r="U50" s="221" t="s">
        <v>1832</v>
      </c>
      <c r="V50" s="546" t="s">
        <v>1856</v>
      </c>
      <c r="W50" s="548"/>
      <c r="X50" s="408" t="s">
        <v>102</v>
      </c>
      <c r="Y50" s="415">
        <v>1</v>
      </c>
      <c r="Z50" s="415" t="s">
        <v>103</v>
      </c>
      <c r="AA50" s="646"/>
      <c r="AB50" s="647"/>
      <c r="AC50" s="549"/>
      <c r="AD50" s="550"/>
      <c r="AE50" s="551"/>
      <c r="AF50" s="265"/>
      <c r="AG50" s="48"/>
      <c r="AH50" s="26"/>
      <c r="AI50" s="3" t="str">
        <f t="shared" si="0"/>
        <v>■</v>
      </c>
    </row>
    <row r="51" spans="1:35" s="1" customFormat="1">
      <c r="A51" s="20"/>
      <c r="B51" s="541">
        <v>26</v>
      </c>
      <c r="C51" s="542"/>
      <c r="D51" s="631" t="s">
        <v>1366</v>
      </c>
      <c r="E51" s="632"/>
      <c r="F51" s="632"/>
      <c r="G51" s="632"/>
      <c r="H51" s="632"/>
      <c r="I51" s="632"/>
      <c r="J51" s="632"/>
      <c r="K51" s="632"/>
      <c r="L51" s="632"/>
      <c r="M51" s="632"/>
      <c r="N51" s="632"/>
      <c r="O51" s="632"/>
      <c r="P51" s="632"/>
      <c r="Q51" s="632"/>
      <c r="R51" s="632"/>
      <c r="S51" s="632"/>
      <c r="T51" s="633"/>
      <c r="U51" s="221" t="s">
        <v>516</v>
      </c>
      <c r="V51" s="546" t="s">
        <v>1856</v>
      </c>
      <c r="W51" s="548"/>
      <c r="X51" s="408" t="s">
        <v>102</v>
      </c>
      <c r="Y51" s="415">
        <v>6</v>
      </c>
      <c r="Z51" s="415" t="s">
        <v>103</v>
      </c>
      <c r="AA51" s="646"/>
      <c r="AB51" s="647"/>
      <c r="AC51" s="549"/>
      <c r="AD51" s="550"/>
      <c r="AE51" s="551"/>
      <c r="AF51" s="265"/>
      <c r="AG51" s="48"/>
      <c r="AH51" s="26"/>
      <c r="AI51" s="3" t="str">
        <f t="shared" si="0"/>
        <v>■</v>
      </c>
    </row>
    <row r="52" spans="1:35" s="1" customFormat="1">
      <c r="A52" s="20"/>
      <c r="B52" s="541">
        <v>27</v>
      </c>
      <c r="C52" s="542"/>
      <c r="D52" s="631" t="s">
        <v>1833</v>
      </c>
      <c r="E52" s="632"/>
      <c r="F52" s="632"/>
      <c r="G52" s="632"/>
      <c r="H52" s="632"/>
      <c r="I52" s="632"/>
      <c r="J52" s="632"/>
      <c r="K52" s="632"/>
      <c r="L52" s="632"/>
      <c r="M52" s="632"/>
      <c r="N52" s="632"/>
      <c r="O52" s="632"/>
      <c r="P52" s="632"/>
      <c r="Q52" s="632"/>
      <c r="R52" s="632"/>
      <c r="S52" s="632"/>
      <c r="T52" s="633"/>
      <c r="U52" s="221" t="s">
        <v>518</v>
      </c>
      <c r="V52" s="546" t="s">
        <v>101</v>
      </c>
      <c r="W52" s="548"/>
      <c r="X52" s="408" t="s">
        <v>102</v>
      </c>
      <c r="Y52" s="415">
        <v>3</v>
      </c>
      <c r="Z52" s="415" t="s">
        <v>103</v>
      </c>
      <c r="AA52" s="646"/>
      <c r="AB52" s="647"/>
      <c r="AC52" s="549"/>
      <c r="AD52" s="550"/>
      <c r="AE52" s="551"/>
      <c r="AF52" s="265"/>
      <c r="AG52" s="48"/>
      <c r="AH52" s="26"/>
      <c r="AI52" s="3" t="str">
        <f t="shared" si="0"/>
        <v>■</v>
      </c>
    </row>
    <row r="53" spans="1:35" s="1" customFormat="1">
      <c r="A53" s="20"/>
      <c r="B53" s="541">
        <v>28</v>
      </c>
      <c r="C53" s="542"/>
      <c r="D53" s="631" t="s">
        <v>1834</v>
      </c>
      <c r="E53" s="632"/>
      <c r="F53" s="632"/>
      <c r="G53" s="632"/>
      <c r="H53" s="632"/>
      <c r="I53" s="632"/>
      <c r="J53" s="632"/>
      <c r="K53" s="632"/>
      <c r="L53" s="632"/>
      <c r="M53" s="632"/>
      <c r="N53" s="632"/>
      <c r="O53" s="632"/>
      <c r="P53" s="632"/>
      <c r="Q53" s="632"/>
      <c r="R53" s="632"/>
      <c r="S53" s="632"/>
      <c r="T53" s="633"/>
      <c r="U53" s="221" t="s">
        <v>520</v>
      </c>
      <c r="V53" s="546" t="s">
        <v>101</v>
      </c>
      <c r="W53" s="548"/>
      <c r="X53" s="408" t="s">
        <v>102</v>
      </c>
      <c r="Y53" s="415">
        <v>3</v>
      </c>
      <c r="Z53" s="415" t="s">
        <v>103</v>
      </c>
      <c r="AA53" s="646"/>
      <c r="AB53" s="647"/>
      <c r="AC53" s="549"/>
      <c r="AD53" s="550"/>
      <c r="AE53" s="551"/>
      <c r="AF53" s="265"/>
      <c r="AG53" s="48"/>
      <c r="AH53" s="26"/>
      <c r="AI53" s="3" t="str">
        <f t="shared" si="0"/>
        <v>■</v>
      </c>
    </row>
    <row r="54" spans="1:35" s="1" customFormat="1">
      <c r="A54" s="20"/>
      <c r="B54" s="676">
        <v>29</v>
      </c>
      <c r="C54" s="677"/>
      <c r="D54" s="711" t="s">
        <v>1835</v>
      </c>
      <c r="E54" s="712"/>
      <c r="F54" s="712"/>
      <c r="G54" s="712"/>
      <c r="H54" s="712"/>
      <c r="I54" s="712"/>
      <c r="J54" s="712"/>
      <c r="K54" s="712"/>
      <c r="L54" s="712"/>
      <c r="M54" s="712"/>
      <c r="N54" s="712"/>
      <c r="O54" s="712"/>
      <c r="P54" s="712"/>
      <c r="Q54" s="712"/>
      <c r="R54" s="712"/>
      <c r="S54" s="712"/>
      <c r="T54" s="713"/>
      <c r="U54" s="259" t="s">
        <v>522</v>
      </c>
      <c r="V54" s="681" t="s">
        <v>107</v>
      </c>
      <c r="W54" s="683"/>
      <c r="X54" s="416" t="s">
        <v>108</v>
      </c>
      <c r="Y54" s="417">
        <v>3</v>
      </c>
      <c r="Z54" s="417">
        <v>0</v>
      </c>
      <c r="AA54" s="648" t="s">
        <v>109</v>
      </c>
      <c r="AB54" s="649"/>
      <c r="AC54" s="684"/>
      <c r="AD54" s="685"/>
      <c r="AE54" s="686"/>
      <c r="AF54" s="350" t="s">
        <v>416</v>
      </c>
      <c r="AG54" s="48"/>
      <c r="AH54" s="26"/>
      <c r="AI54" s="3" t="str">
        <f t="shared" si="0"/>
        <v>■</v>
      </c>
    </row>
    <row r="55" spans="1:35" s="1" customFormat="1">
      <c r="A55" s="20"/>
      <c r="B55" s="541">
        <v>30</v>
      </c>
      <c r="C55" s="542"/>
      <c r="D55" s="631" t="s">
        <v>1836</v>
      </c>
      <c r="E55" s="632"/>
      <c r="F55" s="632"/>
      <c r="G55" s="632"/>
      <c r="H55" s="632"/>
      <c r="I55" s="632"/>
      <c r="J55" s="632"/>
      <c r="K55" s="632"/>
      <c r="L55" s="632"/>
      <c r="M55" s="632"/>
      <c r="N55" s="632"/>
      <c r="O55" s="632"/>
      <c r="P55" s="632"/>
      <c r="Q55" s="632"/>
      <c r="R55" s="632"/>
      <c r="S55" s="632"/>
      <c r="T55" s="633"/>
      <c r="U55" s="221" t="s">
        <v>524</v>
      </c>
      <c r="V55" s="546" t="s">
        <v>101</v>
      </c>
      <c r="W55" s="548"/>
      <c r="X55" s="408" t="s">
        <v>102</v>
      </c>
      <c r="Y55" s="415">
        <v>3</v>
      </c>
      <c r="Z55" s="415" t="s">
        <v>103</v>
      </c>
      <c r="AA55" s="646"/>
      <c r="AB55" s="647"/>
      <c r="AC55" s="549"/>
      <c r="AD55" s="550"/>
      <c r="AE55" s="551"/>
      <c r="AF55" s="265"/>
      <c r="AG55" s="38"/>
      <c r="AH55" s="26"/>
      <c r="AI55" s="3" t="str">
        <f t="shared" si="0"/>
        <v>■</v>
      </c>
    </row>
    <row r="56" spans="1:35" s="1" customFormat="1">
      <c r="A56" s="20"/>
      <c r="B56" s="541">
        <v>31</v>
      </c>
      <c r="C56" s="542"/>
      <c r="D56" s="631" t="s">
        <v>1837</v>
      </c>
      <c r="E56" s="632"/>
      <c r="F56" s="632"/>
      <c r="G56" s="632"/>
      <c r="H56" s="632"/>
      <c r="I56" s="632"/>
      <c r="J56" s="632"/>
      <c r="K56" s="632"/>
      <c r="L56" s="632"/>
      <c r="M56" s="632"/>
      <c r="N56" s="632"/>
      <c r="O56" s="632"/>
      <c r="P56" s="632"/>
      <c r="Q56" s="632"/>
      <c r="R56" s="632"/>
      <c r="S56" s="632"/>
      <c r="T56" s="633"/>
      <c r="U56" s="221" t="s">
        <v>526</v>
      </c>
      <c r="V56" s="546" t="s">
        <v>101</v>
      </c>
      <c r="W56" s="548"/>
      <c r="X56" s="408" t="s">
        <v>102</v>
      </c>
      <c r="Y56" s="415">
        <v>3</v>
      </c>
      <c r="Z56" s="415" t="s">
        <v>103</v>
      </c>
      <c r="AA56" s="646"/>
      <c r="AB56" s="647"/>
      <c r="AC56" s="549"/>
      <c r="AD56" s="550"/>
      <c r="AE56" s="551"/>
      <c r="AF56" s="265"/>
      <c r="AG56" s="48"/>
      <c r="AH56" s="26"/>
      <c r="AI56" s="3" t="str">
        <f t="shared" si="0"/>
        <v>■</v>
      </c>
    </row>
    <row r="57" spans="1:35" s="1" customFormat="1">
      <c r="A57" s="20"/>
      <c r="B57" s="541">
        <v>32</v>
      </c>
      <c r="C57" s="542"/>
      <c r="D57" s="631" t="s">
        <v>1923</v>
      </c>
      <c r="E57" s="632"/>
      <c r="F57" s="632"/>
      <c r="G57" s="632"/>
      <c r="H57" s="632"/>
      <c r="I57" s="632"/>
      <c r="J57" s="632"/>
      <c r="K57" s="632"/>
      <c r="L57" s="632"/>
      <c r="M57" s="632"/>
      <c r="N57" s="632"/>
      <c r="O57" s="632"/>
      <c r="P57" s="632"/>
      <c r="Q57" s="632"/>
      <c r="R57" s="632"/>
      <c r="S57" s="632"/>
      <c r="T57" s="633"/>
      <c r="U57" s="221" t="s">
        <v>1924</v>
      </c>
      <c r="V57" s="546" t="s">
        <v>1847</v>
      </c>
      <c r="W57" s="548"/>
      <c r="X57" s="408" t="s">
        <v>102</v>
      </c>
      <c r="Y57" s="415">
        <v>4</v>
      </c>
      <c r="Z57" s="415" t="s">
        <v>103</v>
      </c>
      <c r="AA57" s="646"/>
      <c r="AB57" s="647"/>
      <c r="AC57" s="549"/>
      <c r="AD57" s="550"/>
      <c r="AE57" s="551"/>
      <c r="AF57" s="265"/>
      <c r="AG57" s="38"/>
      <c r="AH57" s="26"/>
      <c r="AI57" s="3" t="str">
        <f t="shared" si="0"/>
        <v>■</v>
      </c>
    </row>
    <row r="58" spans="1:35" s="1" customFormat="1" ht="13.4" customHeight="1">
      <c r="A58" s="20"/>
      <c r="B58" s="541">
        <v>33</v>
      </c>
      <c r="C58" s="542"/>
      <c r="D58" s="543" t="s">
        <v>527</v>
      </c>
      <c r="E58" s="544"/>
      <c r="F58" s="544"/>
      <c r="G58" s="544"/>
      <c r="H58" s="544"/>
      <c r="I58" s="544"/>
      <c r="J58" s="544"/>
      <c r="K58" s="544"/>
      <c r="L58" s="544"/>
      <c r="M58" s="544"/>
      <c r="N58" s="544"/>
      <c r="O58" s="544"/>
      <c r="P58" s="544"/>
      <c r="Q58" s="544"/>
      <c r="R58" s="544"/>
      <c r="S58" s="544"/>
      <c r="T58" s="545"/>
      <c r="U58" s="221" t="s">
        <v>528</v>
      </c>
      <c r="V58" s="546" t="s">
        <v>101</v>
      </c>
      <c r="W58" s="548"/>
      <c r="X58" s="408" t="s">
        <v>102</v>
      </c>
      <c r="Y58" s="415">
        <v>64</v>
      </c>
      <c r="Z58" s="415" t="s">
        <v>103</v>
      </c>
      <c r="AA58" s="646"/>
      <c r="AB58" s="647"/>
      <c r="AC58" s="549"/>
      <c r="AD58" s="550"/>
      <c r="AE58" s="551"/>
      <c r="AF58" s="265"/>
      <c r="AG58" s="48"/>
      <c r="AH58" s="26"/>
      <c r="AI58" s="3" t="str">
        <f t="shared" si="0"/>
        <v>■</v>
      </c>
    </row>
    <row r="59" spans="1:35" ht="13.4" customHeight="1">
      <c r="A59" s="20"/>
      <c r="B59" s="541">
        <v>34</v>
      </c>
      <c r="C59" s="542"/>
      <c r="D59" s="543" t="s">
        <v>531</v>
      </c>
      <c r="E59" s="544"/>
      <c r="F59" s="544"/>
      <c r="G59" s="544"/>
      <c r="H59" s="544"/>
      <c r="I59" s="544"/>
      <c r="J59" s="544"/>
      <c r="K59" s="544"/>
      <c r="L59" s="544"/>
      <c r="M59" s="544"/>
      <c r="N59" s="544"/>
      <c r="O59" s="544"/>
      <c r="P59" s="544"/>
      <c r="Q59" s="544"/>
      <c r="R59" s="544"/>
      <c r="S59" s="544"/>
      <c r="T59" s="545"/>
      <c r="U59" s="221" t="s">
        <v>532</v>
      </c>
      <c r="V59" s="546" t="s">
        <v>101</v>
      </c>
      <c r="W59" s="548"/>
      <c r="X59" s="408" t="s">
        <v>102</v>
      </c>
      <c r="Y59" s="415">
        <v>64</v>
      </c>
      <c r="Z59" s="415" t="s">
        <v>103</v>
      </c>
      <c r="AA59" s="646"/>
      <c r="AB59" s="647"/>
      <c r="AC59" s="549"/>
      <c r="AD59" s="550"/>
      <c r="AE59" s="551"/>
      <c r="AF59" s="265"/>
      <c r="AG59" s="48"/>
      <c r="AH59" s="16"/>
      <c r="AI59" s="3" t="str">
        <f t="shared" si="0"/>
        <v>■</v>
      </c>
    </row>
    <row r="60" spans="1:35">
      <c r="A60" s="20"/>
      <c r="B60" s="552">
        <v>35</v>
      </c>
      <c r="C60" s="553"/>
      <c r="D60" s="708" t="s">
        <v>1840</v>
      </c>
      <c r="E60" s="709"/>
      <c r="F60" s="709"/>
      <c r="G60" s="709"/>
      <c r="H60" s="709"/>
      <c r="I60" s="709"/>
      <c r="J60" s="709"/>
      <c r="K60" s="709"/>
      <c r="L60" s="709"/>
      <c r="M60" s="709"/>
      <c r="N60" s="709"/>
      <c r="O60" s="709"/>
      <c r="P60" s="709"/>
      <c r="Q60" s="709"/>
      <c r="R60" s="709"/>
      <c r="S60" s="709"/>
      <c r="T60" s="710"/>
      <c r="U60" s="319" t="s">
        <v>1841</v>
      </c>
      <c r="V60" s="557" t="s">
        <v>107</v>
      </c>
      <c r="W60" s="559"/>
      <c r="X60" s="409" t="s">
        <v>102</v>
      </c>
      <c r="Y60" s="419">
        <v>10</v>
      </c>
      <c r="Z60" s="419" t="s">
        <v>103</v>
      </c>
      <c r="AA60" s="569" t="s">
        <v>109</v>
      </c>
      <c r="AB60" s="570"/>
      <c r="AC60" s="560"/>
      <c r="AD60" s="561"/>
      <c r="AE60" s="562"/>
      <c r="AF60" s="321" t="s">
        <v>416</v>
      </c>
      <c r="AG60" s="48"/>
      <c r="AH60" s="16"/>
      <c r="AI60" s="3" t="str">
        <f t="shared" si="0"/>
        <v>■</v>
      </c>
    </row>
    <row r="61" spans="1:35">
      <c r="A61" s="20"/>
      <c r="B61" s="552">
        <v>36</v>
      </c>
      <c r="C61" s="553"/>
      <c r="D61" s="708" t="s">
        <v>1842</v>
      </c>
      <c r="E61" s="709"/>
      <c r="F61" s="709"/>
      <c r="G61" s="709"/>
      <c r="H61" s="709"/>
      <c r="I61" s="709"/>
      <c r="J61" s="709"/>
      <c r="K61" s="709"/>
      <c r="L61" s="709"/>
      <c r="M61" s="709"/>
      <c r="N61" s="709"/>
      <c r="O61" s="709"/>
      <c r="P61" s="709"/>
      <c r="Q61" s="709"/>
      <c r="R61" s="709"/>
      <c r="S61" s="709"/>
      <c r="T61" s="710"/>
      <c r="U61" s="319" t="s">
        <v>1843</v>
      </c>
      <c r="V61" s="557" t="s">
        <v>1844</v>
      </c>
      <c r="W61" s="559"/>
      <c r="X61" s="409" t="s">
        <v>102</v>
      </c>
      <c r="Y61" s="419">
        <v>20</v>
      </c>
      <c r="Z61" s="419" t="s">
        <v>103</v>
      </c>
      <c r="AA61" s="569" t="s">
        <v>109</v>
      </c>
      <c r="AB61" s="570"/>
      <c r="AC61" s="560"/>
      <c r="AD61" s="561"/>
      <c r="AE61" s="562"/>
      <c r="AF61" s="321" t="s">
        <v>416</v>
      </c>
      <c r="AG61" s="48"/>
      <c r="AH61" s="16"/>
      <c r="AI61" s="3" t="str">
        <f t="shared" si="0"/>
        <v>■</v>
      </c>
    </row>
    <row r="62" spans="1:35" ht="13.4" customHeight="1">
      <c r="A62" s="20"/>
      <c r="B62" s="552">
        <v>37</v>
      </c>
      <c r="C62" s="553"/>
      <c r="D62" s="554" t="s">
        <v>1845</v>
      </c>
      <c r="E62" s="555"/>
      <c r="F62" s="555"/>
      <c r="G62" s="555"/>
      <c r="H62" s="555"/>
      <c r="I62" s="555"/>
      <c r="J62" s="555"/>
      <c r="K62" s="555"/>
      <c r="L62" s="555"/>
      <c r="M62" s="555"/>
      <c r="N62" s="555"/>
      <c r="O62" s="555"/>
      <c r="P62" s="555"/>
      <c r="Q62" s="555"/>
      <c r="R62" s="555"/>
      <c r="S62" s="555"/>
      <c r="T62" s="556"/>
      <c r="U62" s="319" t="s">
        <v>1846</v>
      </c>
      <c r="V62" s="557" t="s">
        <v>1847</v>
      </c>
      <c r="W62" s="559"/>
      <c r="X62" s="409" t="s">
        <v>102</v>
      </c>
      <c r="Y62" s="419">
        <v>15</v>
      </c>
      <c r="Z62" s="419" t="s">
        <v>103</v>
      </c>
      <c r="AA62" s="569" t="s">
        <v>109</v>
      </c>
      <c r="AB62" s="570"/>
      <c r="AC62" s="560"/>
      <c r="AD62" s="561"/>
      <c r="AE62" s="562"/>
      <c r="AF62" s="321" t="s">
        <v>416</v>
      </c>
      <c r="AG62" s="29"/>
      <c r="AH62" s="16"/>
      <c r="AI62" s="3" t="str">
        <f t="shared" si="0"/>
        <v>■</v>
      </c>
    </row>
    <row r="63" spans="1:35" s="1" customFormat="1">
      <c r="A63" s="20"/>
      <c r="B63" s="552">
        <v>38</v>
      </c>
      <c r="C63" s="553"/>
      <c r="D63" s="708" t="s">
        <v>1848</v>
      </c>
      <c r="E63" s="709"/>
      <c r="F63" s="709"/>
      <c r="G63" s="709"/>
      <c r="H63" s="709"/>
      <c r="I63" s="709"/>
      <c r="J63" s="709"/>
      <c r="K63" s="709"/>
      <c r="L63" s="709"/>
      <c r="M63" s="709"/>
      <c r="N63" s="709"/>
      <c r="O63" s="709"/>
      <c r="P63" s="709"/>
      <c r="Q63" s="709"/>
      <c r="R63" s="709"/>
      <c r="S63" s="709"/>
      <c r="T63" s="710"/>
      <c r="U63" s="319" t="s">
        <v>1849</v>
      </c>
      <c r="V63" s="557" t="s">
        <v>1844</v>
      </c>
      <c r="W63" s="559"/>
      <c r="X63" s="409" t="s">
        <v>102</v>
      </c>
      <c r="Y63" s="419">
        <v>40</v>
      </c>
      <c r="Z63" s="419" t="s">
        <v>103</v>
      </c>
      <c r="AA63" s="569" t="s">
        <v>109</v>
      </c>
      <c r="AB63" s="570"/>
      <c r="AC63" s="560"/>
      <c r="AD63" s="561"/>
      <c r="AE63" s="562"/>
      <c r="AF63" s="321" t="s">
        <v>416</v>
      </c>
      <c r="AG63" s="29"/>
      <c r="AH63" s="26"/>
      <c r="AI63" s="3" t="str">
        <f t="shared" si="0"/>
        <v>■</v>
      </c>
    </row>
    <row r="64" spans="1:35" s="1" customFormat="1">
      <c r="A64" s="20"/>
      <c r="B64" s="552">
        <v>39</v>
      </c>
      <c r="C64" s="553"/>
      <c r="D64" s="708" t="s">
        <v>1850</v>
      </c>
      <c r="E64" s="709"/>
      <c r="F64" s="709"/>
      <c r="G64" s="709"/>
      <c r="H64" s="709"/>
      <c r="I64" s="709"/>
      <c r="J64" s="709"/>
      <c r="K64" s="709"/>
      <c r="L64" s="709"/>
      <c r="M64" s="709"/>
      <c r="N64" s="709"/>
      <c r="O64" s="709"/>
      <c r="P64" s="709"/>
      <c r="Q64" s="709"/>
      <c r="R64" s="709"/>
      <c r="S64" s="709"/>
      <c r="T64" s="710"/>
      <c r="U64" s="319" t="s">
        <v>1851</v>
      </c>
      <c r="V64" s="557" t="s">
        <v>1847</v>
      </c>
      <c r="W64" s="559"/>
      <c r="X64" s="409" t="s">
        <v>102</v>
      </c>
      <c r="Y64" s="419">
        <v>8</v>
      </c>
      <c r="Z64" s="419" t="s">
        <v>103</v>
      </c>
      <c r="AA64" s="569" t="s">
        <v>109</v>
      </c>
      <c r="AB64" s="570"/>
      <c r="AC64" s="560"/>
      <c r="AD64" s="561"/>
      <c r="AE64" s="562"/>
      <c r="AF64" s="321" t="s">
        <v>416</v>
      </c>
      <c r="AG64" s="29"/>
      <c r="AH64" s="26"/>
      <c r="AI64" s="3" t="str">
        <f t="shared" si="0"/>
        <v>■</v>
      </c>
    </row>
    <row r="65" spans="1:35" s="1" customFormat="1">
      <c r="A65" s="20"/>
      <c r="B65" s="541">
        <v>40</v>
      </c>
      <c r="C65" s="542"/>
      <c r="D65" s="631" t="s">
        <v>1852</v>
      </c>
      <c r="E65" s="632"/>
      <c r="F65" s="632"/>
      <c r="G65" s="632"/>
      <c r="H65" s="632"/>
      <c r="I65" s="632"/>
      <c r="J65" s="632"/>
      <c r="K65" s="632"/>
      <c r="L65" s="632"/>
      <c r="M65" s="632"/>
      <c r="N65" s="632"/>
      <c r="O65" s="632"/>
      <c r="P65" s="632"/>
      <c r="Q65" s="632"/>
      <c r="R65" s="632"/>
      <c r="S65" s="632"/>
      <c r="T65" s="633"/>
      <c r="U65" s="225" t="s">
        <v>541</v>
      </c>
      <c r="V65" s="546" t="s">
        <v>1925</v>
      </c>
      <c r="W65" s="548"/>
      <c r="X65" s="408" t="s">
        <v>1120</v>
      </c>
      <c r="Y65" s="415">
        <v>2</v>
      </c>
      <c r="Z65" s="415" t="s">
        <v>103</v>
      </c>
      <c r="AA65" s="646"/>
      <c r="AB65" s="647"/>
      <c r="AC65" s="549"/>
      <c r="AD65" s="550"/>
      <c r="AE65" s="551"/>
      <c r="AF65" s="265"/>
      <c r="AG65" s="29"/>
      <c r="AH65" s="26"/>
      <c r="AI65" s="3" t="str">
        <f t="shared" si="0"/>
        <v>■</v>
      </c>
    </row>
    <row r="66" spans="1:35" s="13" customFormat="1" ht="13.5" customHeight="1">
      <c r="A66" s="25"/>
      <c r="B66" s="16"/>
      <c r="C66" s="16"/>
      <c r="D66" s="16"/>
      <c r="E66" s="16"/>
      <c r="F66" s="16"/>
      <c r="G66" s="16"/>
      <c r="H66" s="16"/>
      <c r="I66" s="16"/>
      <c r="J66" s="16"/>
      <c r="K66" s="16"/>
      <c r="L66" s="16"/>
      <c r="M66" s="16"/>
      <c r="N66" s="16"/>
      <c r="O66" s="16"/>
      <c r="P66" s="16"/>
      <c r="Q66" s="16"/>
      <c r="R66" s="16"/>
      <c r="S66" s="16"/>
      <c r="T66" s="16"/>
      <c r="U66" s="26"/>
      <c r="V66" s="238"/>
      <c r="W66" s="238"/>
      <c r="X66" s="238"/>
      <c r="Y66" s="238"/>
      <c r="Z66" s="238"/>
      <c r="AA66" s="238"/>
      <c r="AB66" s="238"/>
      <c r="AC66" s="238"/>
      <c r="AD66" s="238"/>
      <c r="AE66" s="238"/>
      <c r="AF66" s="54"/>
      <c r="AG66" s="29"/>
      <c r="AH66" s="54"/>
    </row>
    <row r="67" spans="1:35" s="1" customFormat="1">
      <c r="A67" s="20"/>
      <c r="B67" s="52" t="s">
        <v>380</v>
      </c>
      <c r="C67" s="53"/>
      <c r="D67" s="16"/>
      <c r="E67" s="16"/>
      <c r="F67" s="16"/>
      <c r="G67" s="16"/>
      <c r="H67" s="16"/>
      <c r="I67" s="16"/>
      <c r="J67" s="26" t="s">
        <v>1926</v>
      </c>
      <c r="K67" s="16"/>
      <c r="L67" s="52"/>
      <c r="M67" s="16"/>
      <c r="N67" s="16"/>
      <c r="O67" s="16"/>
      <c r="P67" s="16"/>
      <c r="Q67" s="16"/>
      <c r="R67" s="16"/>
      <c r="S67" s="16"/>
      <c r="T67" s="16"/>
      <c r="U67" s="26" t="s">
        <v>1927</v>
      </c>
      <c r="V67" s="238"/>
      <c r="W67" s="238"/>
      <c r="X67" s="238"/>
      <c r="Y67" s="238"/>
      <c r="Z67" s="238"/>
      <c r="AA67" s="238"/>
      <c r="AB67" s="238"/>
      <c r="AC67" s="238"/>
      <c r="AD67" s="238"/>
      <c r="AE67" s="238"/>
      <c r="AF67" s="26"/>
      <c r="AG67" s="48"/>
      <c r="AH67" s="26"/>
    </row>
    <row r="68" spans="1:35" s="1" customFormat="1" ht="12.75" customHeight="1">
      <c r="A68" s="51"/>
      <c r="B68" s="583" t="s">
        <v>73</v>
      </c>
      <c r="C68" s="573"/>
      <c r="D68" s="583" t="s">
        <v>94</v>
      </c>
      <c r="E68" s="583"/>
      <c r="F68" s="583"/>
      <c r="G68" s="583"/>
      <c r="H68" s="583"/>
      <c r="I68" s="583"/>
      <c r="J68" s="583"/>
      <c r="K68" s="583"/>
      <c r="L68" s="583"/>
      <c r="M68" s="583"/>
      <c r="N68" s="583"/>
      <c r="O68" s="583"/>
      <c r="P68" s="583"/>
      <c r="Q68" s="583"/>
      <c r="R68" s="583"/>
      <c r="S68" s="583"/>
      <c r="T68" s="583"/>
      <c r="U68" s="226" t="s">
        <v>383</v>
      </c>
      <c r="V68" s="572" t="s">
        <v>138</v>
      </c>
      <c r="W68" s="572"/>
      <c r="X68" s="652" t="s">
        <v>959</v>
      </c>
      <c r="Y68" s="572" t="s">
        <v>97</v>
      </c>
      <c r="Z68" s="572"/>
      <c r="AA68" s="572" t="s">
        <v>98</v>
      </c>
      <c r="AB68" s="572"/>
      <c r="AC68" s="583" t="s">
        <v>75</v>
      </c>
      <c r="AD68" s="583"/>
      <c r="AE68" s="583"/>
      <c r="AF68" s="572" t="s">
        <v>1928</v>
      </c>
      <c r="AG68" s="48"/>
      <c r="AH68" s="26"/>
    </row>
    <row r="69" spans="1:35" ht="12" customHeight="1">
      <c r="A69" s="51"/>
      <c r="B69" s="573"/>
      <c r="C69" s="573"/>
      <c r="D69" s="583"/>
      <c r="E69" s="583"/>
      <c r="F69" s="583"/>
      <c r="G69" s="583"/>
      <c r="H69" s="583"/>
      <c r="I69" s="583"/>
      <c r="J69" s="583"/>
      <c r="K69" s="583"/>
      <c r="L69" s="583"/>
      <c r="M69" s="583"/>
      <c r="N69" s="583"/>
      <c r="O69" s="583"/>
      <c r="P69" s="583"/>
      <c r="Q69" s="583"/>
      <c r="R69" s="583"/>
      <c r="S69" s="583"/>
      <c r="T69" s="583"/>
      <c r="U69" s="227"/>
      <c r="V69" s="572"/>
      <c r="W69" s="572"/>
      <c r="X69" s="707"/>
      <c r="Y69" s="572"/>
      <c r="Z69" s="572"/>
      <c r="AA69" s="572"/>
      <c r="AB69" s="572"/>
      <c r="AC69" s="583"/>
      <c r="AD69" s="583"/>
      <c r="AE69" s="583"/>
      <c r="AF69" s="572"/>
      <c r="AG69" s="38"/>
      <c r="AH69" s="16"/>
    </row>
    <row r="70" spans="1:35" ht="13.4" customHeight="1">
      <c r="A70" s="20"/>
      <c r="B70" s="541">
        <v>1</v>
      </c>
      <c r="C70" s="542"/>
      <c r="D70" s="586" t="s">
        <v>1802</v>
      </c>
      <c r="E70" s="587"/>
      <c r="F70" s="587"/>
      <c r="G70" s="587"/>
      <c r="H70" s="587"/>
      <c r="I70" s="587"/>
      <c r="J70" s="587"/>
      <c r="K70" s="587"/>
      <c r="L70" s="587"/>
      <c r="M70" s="587"/>
      <c r="N70" s="587"/>
      <c r="O70" s="587"/>
      <c r="P70" s="587"/>
      <c r="Q70" s="587"/>
      <c r="R70" s="587"/>
      <c r="S70" s="587"/>
      <c r="T70" s="588"/>
      <c r="U70" s="219" t="s">
        <v>441</v>
      </c>
      <c r="V70" s="546" t="s">
        <v>1847</v>
      </c>
      <c r="W70" s="548"/>
      <c r="X70" s="408" t="s">
        <v>102</v>
      </c>
      <c r="Y70" s="415">
        <v>46</v>
      </c>
      <c r="Z70" s="415" t="s">
        <v>103</v>
      </c>
      <c r="AA70" s="646"/>
      <c r="AB70" s="647"/>
      <c r="AC70" s="549"/>
      <c r="AD70" s="550"/>
      <c r="AE70" s="551"/>
      <c r="AF70" s="332"/>
      <c r="AG70" s="38"/>
      <c r="AH70" s="16"/>
      <c r="AI70" s="3" t="str">
        <f>$F$18</f>
        <v>■</v>
      </c>
    </row>
    <row r="71" spans="1:35" ht="13.4" customHeight="1">
      <c r="A71" s="20"/>
      <c r="B71" s="541">
        <v>2</v>
      </c>
      <c r="C71" s="542"/>
      <c r="D71" s="586" t="s">
        <v>124</v>
      </c>
      <c r="E71" s="587"/>
      <c r="F71" s="587"/>
      <c r="G71" s="587"/>
      <c r="H71" s="587"/>
      <c r="I71" s="587"/>
      <c r="J71" s="587"/>
      <c r="K71" s="587"/>
      <c r="L71" s="587"/>
      <c r="M71" s="587"/>
      <c r="N71" s="587"/>
      <c r="O71" s="587"/>
      <c r="P71" s="587"/>
      <c r="Q71" s="587"/>
      <c r="R71" s="587"/>
      <c r="S71" s="587"/>
      <c r="T71" s="588"/>
      <c r="U71" s="219" t="s">
        <v>443</v>
      </c>
      <c r="V71" s="546" t="s">
        <v>1847</v>
      </c>
      <c r="W71" s="548"/>
      <c r="X71" s="408" t="s">
        <v>102</v>
      </c>
      <c r="Y71" s="415">
        <v>14</v>
      </c>
      <c r="Z71" s="415" t="s">
        <v>103</v>
      </c>
      <c r="AA71" s="646"/>
      <c r="AB71" s="647"/>
      <c r="AC71" s="549"/>
      <c r="AD71" s="550"/>
      <c r="AE71" s="551"/>
      <c r="AF71" s="332"/>
      <c r="AG71" s="38"/>
      <c r="AH71" s="16"/>
      <c r="AI71" s="3" t="str">
        <f t="shared" ref="AI71:AI77" si="1">$F$18</f>
        <v>■</v>
      </c>
    </row>
    <row r="72" spans="1:35" ht="13.4" customHeight="1">
      <c r="A72" s="20"/>
      <c r="B72" s="552">
        <v>3</v>
      </c>
      <c r="C72" s="553"/>
      <c r="D72" s="589" t="s">
        <v>1804</v>
      </c>
      <c r="E72" s="590"/>
      <c r="F72" s="590"/>
      <c r="G72" s="590"/>
      <c r="H72" s="590"/>
      <c r="I72" s="590"/>
      <c r="J72" s="590"/>
      <c r="K72" s="590"/>
      <c r="L72" s="590"/>
      <c r="M72" s="590"/>
      <c r="N72" s="590"/>
      <c r="O72" s="590"/>
      <c r="P72" s="590"/>
      <c r="Q72" s="590"/>
      <c r="R72" s="590"/>
      <c r="S72" s="590"/>
      <c r="T72" s="591"/>
      <c r="U72" s="220" t="s">
        <v>444</v>
      </c>
      <c r="V72" s="557" t="s">
        <v>107</v>
      </c>
      <c r="W72" s="559"/>
      <c r="X72" s="409" t="s">
        <v>108</v>
      </c>
      <c r="Y72" s="419">
        <v>1</v>
      </c>
      <c r="Z72" s="419">
        <v>0</v>
      </c>
      <c r="AA72" s="569" t="s">
        <v>109</v>
      </c>
      <c r="AB72" s="570"/>
      <c r="AC72" s="560"/>
      <c r="AD72" s="561"/>
      <c r="AE72" s="562"/>
      <c r="AF72" s="333" t="s">
        <v>416</v>
      </c>
      <c r="AG72" s="38"/>
      <c r="AH72" s="16"/>
      <c r="AI72" s="3" t="str">
        <f t="shared" si="1"/>
        <v>■</v>
      </c>
    </row>
    <row r="73" spans="1:35" s="1" customFormat="1" ht="13.4" customHeight="1">
      <c r="A73" s="20"/>
      <c r="B73" s="541">
        <v>4</v>
      </c>
      <c r="C73" s="542"/>
      <c r="D73" s="543" t="s">
        <v>1805</v>
      </c>
      <c r="E73" s="544"/>
      <c r="F73" s="544"/>
      <c r="G73" s="544"/>
      <c r="H73" s="544"/>
      <c r="I73" s="544"/>
      <c r="J73" s="544"/>
      <c r="K73" s="544"/>
      <c r="L73" s="544"/>
      <c r="M73" s="544"/>
      <c r="N73" s="544"/>
      <c r="O73" s="544"/>
      <c r="P73" s="544"/>
      <c r="Q73" s="544"/>
      <c r="R73" s="544"/>
      <c r="S73" s="544"/>
      <c r="T73" s="545"/>
      <c r="U73" s="225" t="s">
        <v>1806</v>
      </c>
      <c r="V73" s="546" t="s">
        <v>1856</v>
      </c>
      <c r="W73" s="548"/>
      <c r="X73" s="408" t="s">
        <v>102</v>
      </c>
      <c r="Y73" s="415">
        <v>3</v>
      </c>
      <c r="Z73" s="415" t="s">
        <v>103</v>
      </c>
      <c r="AA73" s="646"/>
      <c r="AB73" s="647"/>
      <c r="AC73" s="549"/>
      <c r="AD73" s="550"/>
      <c r="AE73" s="551"/>
      <c r="AF73" s="332"/>
      <c r="AG73" s="48"/>
      <c r="AH73" s="26"/>
      <c r="AI73" s="3" t="str">
        <f t="shared" si="1"/>
        <v>■</v>
      </c>
    </row>
    <row r="74" spans="1:35" s="1" customFormat="1" ht="13.4" customHeight="1">
      <c r="A74" s="20"/>
      <c r="B74" s="541">
        <v>5</v>
      </c>
      <c r="C74" s="542"/>
      <c r="D74" s="543" t="s">
        <v>1814</v>
      </c>
      <c r="E74" s="544"/>
      <c r="F74" s="544"/>
      <c r="G74" s="544"/>
      <c r="H74" s="544"/>
      <c r="I74" s="544"/>
      <c r="J74" s="544"/>
      <c r="K74" s="544"/>
      <c r="L74" s="544"/>
      <c r="M74" s="544"/>
      <c r="N74" s="544"/>
      <c r="O74" s="544"/>
      <c r="P74" s="544"/>
      <c r="Q74" s="544"/>
      <c r="R74" s="544"/>
      <c r="S74" s="544"/>
      <c r="T74" s="545"/>
      <c r="U74" s="225" t="s">
        <v>1815</v>
      </c>
      <c r="V74" s="546" t="s">
        <v>1856</v>
      </c>
      <c r="W74" s="548"/>
      <c r="X74" s="408" t="s">
        <v>102</v>
      </c>
      <c r="Y74" s="415">
        <v>1</v>
      </c>
      <c r="Z74" s="415" t="s">
        <v>103</v>
      </c>
      <c r="AA74" s="646"/>
      <c r="AB74" s="647"/>
      <c r="AC74" s="549"/>
      <c r="AD74" s="550"/>
      <c r="AE74" s="551"/>
      <c r="AF74" s="332"/>
      <c r="AG74" s="48"/>
      <c r="AH74" s="26"/>
      <c r="AI74" s="3" t="str">
        <f t="shared" si="1"/>
        <v>■</v>
      </c>
    </row>
    <row r="75" spans="1:35" s="1" customFormat="1" ht="13.4" customHeight="1">
      <c r="A75" s="20"/>
      <c r="B75" s="552">
        <v>6</v>
      </c>
      <c r="C75" s="553"/>
      <c r="D75" s="554" t="s">
        <v>1816</v>
      </c>
      <c r="E75" s="555"/>
      <c r="F75" s="555"/>
      <c r="G75" s="555"/>
      <c r="H75" s="555"/>
      <c r="I75" s="555"/>
      <c r="J75" s="555"/>
      <c r="K75" s="555"/>
      <c r="L75" s="555"/>
      <c r="M75" s="555"/>
      <c r="N75" s="555"/>
      <c r="O75" s="555"/>
      <c r="P75" s="555"/>
      <c r="Q75" s="555"/>
      <c r="R75" s="555"/>
      <c r="S75" s="555"/>
      <c r="T75" s="556"/>
      <c r="U75" s="319" t="s">
        <v>1817</v>
      </c>
      <c r="V75" s="557" t="s">
        <v>1856</v>
      </c>
      <c r="W75" s="559"/>
      <c r="X75" s="409" t="s">
        <v>102</v>
      </c>
      <c r="Y75" s="419">
        <v>11</v>
      </c>
      <c r="Z75" s="419" t="s">
        <v>103</v>
      </c>
      <c r="AA75" s="569" t="s">
        <v>109</v>
      </c>
      <c r="AB75" s="570"/>
      <c r="AC75" s="560"/>
      <c r="AD75" s="561"/>
      <c r="AE75" s="562"/>
      <c r="AF75" s="333" t="s">
        <v>416</v>
      </c>
      <c r="AG75" s="29"/>
      <c r="AH75" s="26"/>
      <c r="AI75" s="3" t="str">
        <f t="shared" si="1"/>
        <v>■</v>
      </c>
    </row>
    <row r="76" spans="1:35" s="1" customFormat="1" ht="13.4" customHeight="1">
      <c r="A76" s="20"/>
      <c r="B76" s="541">
        <v>7</v>
      </c>
      <c r="C76" s="542"/>
      <c r="D76" s="543" t="s">
        <v>1923</v>
      </c>
      <c r="E76" s="544"/>
      <c r="F76" s="544"/>
      <c r="G76" s="544"/>
      <c r="H76" s="544"/>
      <c r="I76" s="544"/>
      <c r="J76" s="544"/>
      <c r="K76" s="544"/>
      <c r="L76" s="544"/>
      <c r="M76" s="544"/>
      <c r="N76" s="544"/>
      <c r="O76" s="544"/>
      <c r="P76" s="544"/>
      <c r="Q76" s="544"/>
      <c r="R76" s="544"/>
      <c r="S76" s="544"/>
      <c r="T76" s="545"/>
      <c r="U76" s="221" t="s">
        <v>1924</v>
      </c>
      <c r="V76" s="546" t="s">
        <v>1847</v>
      </c>
      <c r="W76" s="548"/>
      <c r="X76" s="408" t="s">
        <v>102</v>
      </c>
      <c r="Y76" s="415">
        <v>4</v>
      </c>
      <c r="Z76" s="415" t="s">
        <v>103</v>
      </c>
      <c r="AA76" s="646"/>
      <c r="AB76" s="647"/>
      <c r="AC76" s="549"/>
      <c r="AD76" s="550"/>
      <c r="AE76" s="551"/>
      <c r="AF76" s="332"/>
      <c r="AG76" s="29"/>
      <c r="AH76" s="26"/>
      <c r="AI76" s="3" t="str">
        <f t="shared" si="1"/>
        <v>■</v>
      </c>
    </row>
    <row r="77" spans="1:35" s="13" customFormat="1" ht="13.4" customHeight="1">
      <c r="A77" s="20"/>
      <c r="B77" s="541">
        <v>8</v>
      </c>
      <c r="C77" s="542"/>
      <c r="D77" s="543" t="s">
        <v>1929</v>
      </c>
      <c r="E77" s="544"/>
      <c r="F77" s="544"/>
      <c r="G77" s="544"/>
      <c r="H77" s="544"/>
      <c r="I77" s="544"/>
      <c r="J77" s="544"/>
      <c r="K77" s="544"/>
      <c r="L77" s="544"/>
      <c r="M77" s="544"/>
      <c r="N77" s="544"/>
      <c r="O77" s="544"/>
      <c r="P77" s="544"/>
      <c r="Q77" s="544"/>
      <c r="R77" s="544"/>
      <c r="S77" s="544"/>
      <c r="T77" s="545"/>
      <c r="U77" s="219" t="s">
        <v>516</v>
      </c>
      <c r="V77" s="546" t="s">
        <v>1856</v>
      </c>
      <c r="W77" s="548"/>
      <c r="X77" s="408" t="s">
        <v>102</v>
      </c>
      <c r="Y77" s="415">
        <v>6</v>
      </c>
      <c r="Z77" s="415" t="s">
        <v>103</v>
      </c>
      <c r="AA77" s="646"/>
      <c r="AB77" s="647"/>
      <c r="AC77" s="549"/>
      <c r="AD77" s="550"/>
      <c r="AE77" s="551"/>
      <c r="AF77" s="332"/>
      <c r="AG77" s="29"/>
      <c r="AH77" s="54"/>
      <c r="AI77" s="3" t="str">
        <f t="shared" si="1"/>
        <v>■</v>
      </c>
    </row>
    <row r="78" spans="1:35" s="13" customFormat="1">
      <c r="A78" s="25"/>
      <c r="B78" s="16"/>
      <c r="C78" s="16"/>
      <c r="D78" s="16"/>
      <c r="E78" s="16"/>
      <c r="F78" s="16"/>
      <c r="G78" s="16"/>
      <c r="H78" s="16"/>
      <c r="I78" s="16"/>
      <c r="J78" s="16"/>
      <c r="K78" s="16"/>
      <c r="L78" s="16"/>
      <c r="M78" s="16"/>
      <c r="N78" s="16"/>
      <c r="O78" s="16"/>
      <c r="P78" s="16"/>
      <c r="Q78" s="16"/>
      <c r="R78" s="16"/>
      <c r="S78" s="16"/>
      <c r="T78" s="16"/>
      <c r="U78" s="26"/>
      <c r="V78" s="238"/>
      <c r="W78" s="238"/>
      <c r="X78" s="238"/>
      <c r="Y78" s="238"/>
      <c r="Z78" s="238"/>
      <c r="AA78" s="238"/>
      <c r="AB78" s="238"/>
      <c r="AC78" s="238"/>
      <c r="AD78" s="238"/>
      <c r="AE78" s="238"/>
      <c r="AF78" s="54"/>
      <c r="AG78" s="29"/>
      <c r="AH78" s="54"/>
    </row>
    <row r="79" spans="1:35" s="1" customFormat="1">
      <c r="A79" s="20"/>
      <c r="B79" s="52" t="s">
        <v>380</v>
      </c>
      <c r="C79" s="53"/>
      <c r="D79" s="16"/>
      <c r="E79" s="16"/>
      <c r="F79" s="16"/>
      <c r="G79" s="16"/>
      <c r="H79" s="16"/>
      <c r="I79" s="16"/>
      <c r="J79" s="26" t="s">
        <v>1930</v>
      </c>
      <c r="K79" s="16"/>
      <c r="L79" s="52"/>
      <c r="M79" s="16"/>
      <c r="N79" s="16"/>
      <c r="O79" s="16"/>
      <c r="P79" s="16"/>
      <c r="Q79" s="16"/>
      <c r="R79" s="16"/>
      <c r="S79" s="16"/>
      <c r="T79" s="16"/>
      <c r="U79" s="26" t="s">
        <v>1931</v>
      </c>
      <c r="V79" s="238"/>
      <c r="W79" s="238"/>
      <c r="X79" s="238"/>
      <c r="Y79" s="238"/>
      <c r="Z79" s="238"/>
      <c r="AA79" s="238"/>
      <c r="AB79" s="238"/>
      <c r="AC79" s="238"/>
      <c r="AD79" s="238"/>
      <c r="AE79" s="238"/>
      <c r="AF79" s="26"/>
      <c r="AG79" s="48"/>
      <c r="AH79" s="26"/>
    </row>
    <row r="80" spans="1:35" ht="12.75" customHeight="1">
      <c r="A80" s="51"/>
      <c r="B80" s="583" t="s">
        <v>73</v>
      </c>
      <c r="C80" s="573"/>
      <c r="D80" s="583" t="s">
        <v>94</v>
      </c>
      <c r="E80" s="583"/>
      <c r="F80" s="583"/>
      <c r="G80" s="583"/>
      <c r="H80" s="583"/>
      <c r="I80" s="583"/>
      <c r="J80" s="583"/>
      <c r="K80" s="583"/>
      <c r="L80" s="583"/>
      <c r="M80" s="583"/>
      <c r="N80" s="583"/>
      <c r="O80" s="583"/>
      <c r="P80" s="583"/>
      <c r="Q80" s="583"/>
      <c r="R80" s="583"/>
      <c r="S80" s="583"/>
      <c r="T80" s="583"/>
      <c r="U80" s="226" t="s">
        <v>383</v>
      </c>
      <c r="V80" s="572" t="s">
        <v>138</v>
      </c>
      <c r="W80" s="572"/>
      <c r="X80" s="652" t="s">
        <v>959</v>
      </c>
      <c r="Y80" s="572" t="s">
        <v>97</v>
      </c>
      <c r="Z80" s="572"/>
      <c r="AA80" s="572" t="s">
        <v>98</v>
      </c>
      <c r="AB80" s="572"/>
      <c r="AC80" s="583" t="s">
        <v>75</v>
      </c>
      <c r="AD80" s="583"/>
      <c r="AE80" s="583"/>
      <c r="AF80" s="572" t="s">
        <v>159</v>
      </c>
      <c r="AG80" s="48"/>
      <c r="AH80" s="16"/>
    </row>
    <row r="81" spans="1:35" ht="12" customHeight="1">
      <c r="A81" s="51"/>
      <c r="B81" s="573"/>
      <c r="C81" s="573"/>
      <c r="D81" s="583"/>
      <c r="E81" s="583"/>
      <c r="F81" s="583"/>
      <c r="G81" s="583"/>
      <c r="H81" s="583"/>
      <c r="I81" s="583"/>
      <c r="J81" s="583"/>
      <c r="K81" s="583"/>
      <c r="L81" s="583"/>
      <c r="M81" s="583"/>
      <c r="N81" s="583"/>
      <c r="O81" s="583"/>
      <c r="P81" s="583"/>
      <c r="Q81" s="583"/>
      <c r="R81" s="583"/>
      <c r="S81" s="583"/>
      <c r="T81" s="583"/>
      <c r="U81" s="227"/>
      <c r="V81" s="572"/>
      <c r="W81" s="572"/>
      <c r="X81" s="707"/>
      <c r="Y81" s="572"/>
      <c r="Z81" s="572"/>
      <c r="AA81" s="572"/>
      <c r="AB81" s="572"/>
      <c r="AC81" s="583"/>
      <c r="AD81" s="583"/>
      <c r="AE81" s="583"/>
      <c r="AF81" s="572"/>
      <c r="AG81" s="38"/>
      <c r="AH81" s="16"/>
    </row>
    <row r="82" spans="1:35" ht="13.4" customHeight="1">
      <c r="A82" s="20"/>
      <c r="B82" s="541">
        <v>1</v>
      </c>
      <c r="C82" s="542"/>
      <c r="D82" s="586" t="s">
        <v>1802</v>
      </c>
      <c r="E82" s="587"/>
      <c r="F82" s="587"/>
      <c r="G82" s="587"/>
      <c r="H82" s="587"/>
      <c r="I82" s="587"/>
      <c r="J82" s="587"/>
      <c r="K82" s="587"/>
      <c r="L82" s="587"/>
      <c r="M82" s="587"/>
      <c r="N82" s="587"/>
      <c r="O82" s="587"/>
      <c r="P82" s="587"/>
      <c r="Q82" s="587"/>
      <c r="R82" s="587"/>
      <c r="S82" s="587"/>
      <c r="T82" s="588"/>
      <c r="U82" s="219" t="s">
        <v>441</v>
      </c>
      <c r="V82" s="546" t="s">
        <v>1847</v>
      </c>
      <c r="W82" s="548"/>
      <c r="X82" s="408" t="s">
        <v>102</v>
      </c>
      <c r="Y82" s="415">
        <v>46</v>
      </c>
      <c r="Z82" s="415" t="s">
        <v>103</v>
      </c>
      <c r="AA82" s="646"/>
      <c r="AB82" s="647"/>
      <c r="AC82" s="549"/>
      <c r="AD82" s="550"/>
      <c r="AE82" s="551"/>
      <c r="AF82" s="332"/>
      <c r="AG82" s="38"/>
      <c r="AH82" s="16"/>
      <c r="AI82" s="3" t="str">
        <f>$F$19</f>
        <v>■</v>
      </c>
    </row>
    <row r="83" spans="1:35" ht="13.4" customHeight="1">
      <c r="A83" s="20"/>
      <c r="B83" s="541">
        <v>2</v>
      </c>
      <c r="C83" s="542"/>
      <c r="D83" s="586" t="s">
        <v>124</v>
      </c>
      <c r="E83" s="587"/>
      <c r="F83" s="587"/>
      <c r="G83" s="587"/>
      <c r="H83" s="587"/>
      <c r="I83" s="587"/>
      <c r="J83" s="587"/>
      <c r="K83" s="587"/>
      <c r="L83" s="587"/>
      <c r="M83" s="587"/>
      <c r="N83" s="587"/>
      <c r="O83" s="587"/>
      <c r="P83" s="587"/>
      <c r="Q83" s="587"/>
      <c r="R83" s="587"/>
      <c r="S83" s="587"/>
      <c r="T83" s="588"/>
      <c r="U83" s="219" t="s">
        <v>443</v>
      </c>
      <c r="V83" s="546" t="s">
        <v>1847</v>
      </c>
      <c r="W83" s="548"/>
      <c r="X83" s="408" t="s">
        <v>102</v>
      </c>
      <c r="Y83" s="415">
        <v>14</v>
      </c>
      <c r="Z83" s="415" t="s">
        <v>103</v>
      </c>
      <c r="AA83" s="646"/>
      <c r="AB83" s="647"/>
      <c r="AC83" s="549"/>
      <c r="AD83" s="550"/>
      <c r="AE83" s="551"/>
      <c r="AF83" s="332"/>
      <c r="AG83" s="38"/>
      <c r="AH83" s="16"/>
      <c r="AI83" s="3" t="str">
        <f t="shared" ref="AI83:AI88" si="2">$F$19</f>
        <v>■</v>
      </c>
    </row>
    <row r="84" spans="1:35" s="1" customFormat="1" ht="13.4" customHeight="1">
      <c r="A84" s="20"/>
      <c r="B84" s="552">
        <v>3</v>
      </c>
      <c r="C84" s="553"/>
      <c r="D84" s="589" t="s">
        <v>1804</v>
      </c>
      <c r="E84" s="590"/>
      <c r="F84" s="590"/>
      <c r="G84" s="590"/>
      <c r="H84" s="590"/>
      <c r="I84" s="590"/>
      <c r="J84" s="590"/>
      <c r="K84" s="590"/>
      <c r="L84" s="590"/>
      <c r="M84" s="590"/>
      <c r="N84" s="590"/>
      <c r="O84" s="590"/>
      <c r="P84" s="590"/>
      <c r="Q84" s="590"/>
      <c r="R84" s="590"/>
      <c r="S84" s="590"/>
      <c r="T84" s="591"/>
      <c r="U84" s="220" t="s">
        <v>444</v>
      </c>
      <c r="V84" s="557" t="s">
        <v>107</v>
      </c>
      <c r="W84" s="559"/>
      <c r="X84" s="409" t="s">
        <v>108</v>
      </c>
      <c r="Y84" s="419">
        <v>1</v>
      </c>
      <c r="Z84" s="419">
        <v>0</v>
      </c>
      <c r="AA84" s="569" t="s">
        <v>109</v>
      </c>
      <c r="AB84" s="570"/>
      <c r="AC84" s="560"/>
      <c r="AD84" s="561"/>
      <c r="AE84" s="562"/>
      <c r="AF84" s="333" t="s">
        <v>416</v>
      </c>
      <c r="AG84" s="38"/>
      <c r="AH84" s="26"/>
      <c r="AI84" s="3" t="str">
        <f t="shared" si="2"/>
        <v>■</v>
      </c>
    </row>
    <row r="85" spans="1:35" s="1" customFormat="1" ht="13.4" customHeight="1">
      <c r="A85" s="20"/>
      <c r="B85" s="541">
        <v>4</v>
      </c>
      <c r="C85" s="542"/>
      <c r="D85" s="586" t="s">
        <v>1805</v>
      </c>
      <c r="E85" s="587"/>
      <c r="F85" s="587"/>
      <c r="G85" s="587"/>
      <c r="H85" s="587"/>
      <c r="I85" s="587"/>
      <c r="J85" s="587"/>
      <c r="K85" s="587"/>
      <c r="L85" s="587"/>
      <c r="M85" s="587"/>
      <c r="N85" s="587"/>
      <c r="O85" s="587"/>
      <c r="P85" s="587"/>
      <c r="Q85" s="587"/>
      <c r="R85" s="587"/>
      <c r="S85" s="587"/>
      <c r="T85" s="588"/>
      <c r="U85" s="221" t="s">
        <v>1806</v>
      </c>
      <c r="V85" s="546" t="s">
        <v>1856</v>
      </c>
      <c r="W85" s="548"/>
      <c r="X85" s="408" t="s">
        <v>102</v>
      </c>
      <c r="Y85" s="415">
        <v>3</v>
      </c>
      <c r="Z85" s="415" t="s">
        <v>103</v>
      </c>
      <c r="AA85" s="646"/>
      <c r="AB85" s="647"/>
      <c r="AC85" s="549"/>
      <c r="AD85" s="550"/>
      <c r="AE85" s="551"/>
      <c r="AF85" s="332"/>
      <c r="AG85" s="48"/>
      <c r="AH85" s="26"/>
      <c r="AI85" s="3" t="str">
        <f t="shared" si="2"/>
        <v>■</v>
      </c>
    </row>
    <row r="86" spans="1:35" s="1" customFormat="1" ht="13.4" customHeight="1">
      <c r="A86" s="20"/>
      <c r="B86" s="541">
        <v>5</v>
      </c>
      <c r="C86" s="542"/>
      <c r="D86" s="586" t="s">
        <v>1857</v>
      </c>
      <c r="E86" s="587"/>
      <c r="F86" s="587"/>
      <c r="G86" s="587"/>
      <c r="H86" s="587"/>
      <c r="I86" s="587"/>
      <c r="J86" s="587"/>
      <c r="K86" s="587"/>
      <c r="L86" s="587"/>
      <c r="M86" s="587"/>
      <c r="N86" s="587"/>
      <c r="O86" s="587"/>
      <c r="P86" s="587"/>
      <c r="Q86" s="587"/>
      <c r="R86" s="587"/>
      <c r="S86" s="587"/>
      <c r="T86" s="588"/>
      <c r="U86" s="221" t="s">
        <v>1858</v>
      </c>
      <c r="V86" s="546" t="s">
        <v>1856</v>
      </c>
      <c r="W86" s="548"/>
      <c r="X86" s="408" t="s">
        <v>102</v>
      </c>
      <c r="Y86" s="415">
        <v>5</v>
      </c>
      <c r="Z86" s="415" t="s">
        <v>103</v>
      </c>
      <c r="AA86" s="646"/>
      <c r="AB86" s="647"/>
      <c r="AC86" s="549"/>
      <c r="AD86" s="550"/>
      <c r="AE86" s="551"/>
      <c r="AF86" s="332"/>
      <c r="AG86" s="29"/>
      <c r="AH86" s="26"/>
      <c r="AI86" s="3" t="str">
        <f t="shared" si="2"/>
        <v>■</v>
      </c>
    </row>
    <row r="87" spans="1:35" s="1" customFormat="1" ht="13.4" customHeight="1">
      <c r="A87" s="20"/>
      <c r="B87" s="541">
        <v>6</v>
      </c>
      <c r="C87" s="542"/>
      <c r="D87" s="543" t="s">
        <v>1923</v>
      </c>
      <c r="E87" s="544"/>
      <c r="F87" s="544"/>
      <c r="G87" s="544"/>
      <c r="H87" s="544"/>
      <c r="I87" s="544"/>
      <c r="J87" s="544"/>
      <c r="K87" s="544"/>
      <c r="L87" s="544"/>
      <c r="M87" s="544"/>
      <c r="N87" s="544"/>
      <c r="O87" s="544"/>
      <c r="P87" s="544"/>
      <c r="Q87" s="544"/>
      <c r="R87" s="544"/>
      <c r="S87" s="544"/>
      <c r="T87" s="545"/>
      <c r="U87" s="225" t="s">
        <v>1924</v>
      </c>
      <c r="V87" s="546" t="s">
        <v>1847</v>
      </c>
      <c r="W87" s="548"/>
      <c r="X87" s="408" t="s">
        <v>102</v>
      </c>
      <c r="Y87" s="415">
        <v>4</v>
      </c>
      <c r="Z87" s="415" t="s">
        <v>103</v>
      </c>
      <c r="AA87" s="646"/>
      <c r="AB87" s="647"/>
      <c r="AC87" s="549"/>
      <c r="AD87" s="550"/>
      <c r="AE87" s="551"/>
      <c r="AF87" s="332"/>
      <c r="AG87" s="29"/>
      <c r="AH87" s="26"/>
      <c r="AI87" s="3" t="str">
        <f t="shared" si="2"/>
        <v>■</v>
      </c>
    </row>
    <row r="88" spans="1:35" s="13" customFormat="1" ht="13.4" customHeight="1">
      <c r="A88" s="20"/>
      <c r="B88" s="541">
        <v>7</v>
      </c>
      <c r="C88" s="542"/>
      <c r="D88" s="543" t="s">
        <v>1929</v>
      </c>
      <c r="E88" s="544"/>
      <c r="F88" s="544"/>
      <c r="G88" s="544"/>
      <c r="H88" s="544"/>
      <c r="I88" s="544"/>
      <c r="J88" s="544"/>
      <c r="K88" s="544"/>
      <c r="L88" s="544"/>
      <c r="M88" s="544"/>
      <c r="N88" s="544"/>
      <c r="O88" s="544"/>
      <c r="P88" s="544"/>
      <c r="Q88" s="544"/>
      <c r="R88" s="544"/>
      <c r="S88" s="544"/>
      <c r="T88" s="545"/>
      <c r="U88" s="221" t="s">
        <v>516</v>
      </c>
      <c r="V88" s="546" t="s">
        <v>1856</v>
      </c>
      <c r="W88" s="548"/>
      <c r="X88" s="408" t="s">
        <v>102</v>
      </c>
      <c r="Y88" s="415">
        <v>6</v>
      </c>
      <c r="Z88" s="415" t="s">
        <v>103</v>
      </c>
      <c r="AA88" s="646"/>
      <c r="AB88" s="647"/>
      <c r="AC88" s="549"/>
      <c r="AD88" s="550"/>
      <c r="AE88" s="551"/>
      <c r="AF88" s="332"/>
      <c r="AG88" s="29"/>
      <c r="AH88" s="54"/>
      <c r="AI88" s="3" t="str">
        <f t="shared" si="2"/>
        <v>■</v>
      </c>
    </row>
    <row r="89" spans="1:35" s="13" customFormat="1">
      <c r="A89" s="25"/>
      <c r="B89" s="16"/>
      <c r="C89" s="16"/>
      <c r="D89" s="16"/>
      <c r="E89" s="16"/>
      <c r="F89" s="16"/>
      <c r="G89" s="16"/>
      <c r="H89" s="16"/>
      <c r="I89" s="16"/>
      <c r="J89" s="16"/>
      <c r="K89" s="16"/>
      <c r="L89" s="16"/>
      <c r="M89" s="16"/>
      <c r="N89" s="16"/>
      <c r="O89" s="16"/>
      <c r="P89" s="16"/>
      <c r="Q89" s="16"/>
      <c r="R89" s="16"/>
      <c r="S89" s="16"/>
      <c r="T89" s="16"/>
      <c r="U89" s="26"/>
      <c r="V89" s="238"/>
      <c r="W89" s="238"/>
      <c r="X89" s="238"/>
      <c r="Y89" s="238"/>
      <c r="Z89" s="238"/>
      <c r="AA89" s="238"/>
      <c r="AB89" s="238"/>
      <c r="AC89" s="238"/>
      <c r="AD89" s="238"/>
      <c r="AE89" s="238"/>
      <c r="AF89" s="54"/>
      <c r="AG89" s="29"/>
      <c r="AH89" s="54"/>
    </row>
    <row r="90" spans="1:35" s="1" customFormat="1">
      <c r="A90" s="20"/>
      <c r="B90" s="52" t="s">
        <v>380</v>
      </c>
      <c r="C90" s="53"/>
      <c r="D90" s="16"/>
      <c r="E90" s="16"/>
      <c r="F90" s="16"/>
      <c r="G90" s="16"/>
      <c r="H90" s="16"/>
      <c r="I90" s="16"/>
      <c r="J90" s="26" t="s">
        <v>1932</v>
      </c>
      <c r="K90" s="16"/>
      <c r="L90" s="52"/>
      <c r="M90" s="16"/>
      <c r="N90" s="16"/>
      <c r="O90" s="16"/>
      <c r="P90" s="16"/>
      <c r="Q90" s="16"/>
      <c r="R90" s="16"/>
      <c r="S90" s="16"/>
      <c r="T90" s="16"/>
      <c r="U90" s="26" t="s">
        <v>1933</v>
      </c>
      <c r="V90" s="238"/>
      <c r="W90" s="238"/>
      <c r="X90" s="238"/>
      <c r="Y90" s="238"/>
      <c r="Z90" s="238"/>
      <c r="AA90" s="238"/>
      <c r="AB90" s="238"/>
      <c r="AC90" s="238"/>
      <c r="AD90" s="238"/>
      <c r="AE90" s="238"/>
      <c r="AF90" s="26"/>
      <c r="AG90" s="48"/>
      <c r="AH90" s="26"/>
    </row>
    <row r="91" spans="1:35" s="1" customFormat="1" ht="12.75" customHeight="1">
      <c r="A91" s="51"/>
      <c r="B91" s="583" t="s">
        <v>73</v>
      </c>
      <c r="C91" s="573"/>
      <c r="D91" s="583" t="s">
        <v>94</v>
      </c>
      <c r="E91" s="583"/>
      <c r="F91" s="583"/>
      <c r="G91" s="583"/>
      <c r="H91" s="583"/>
      <c r="I91" s="583"/>
      <c r="J91" s="583"/>
      <c r="K91" s="583"/>
      <c r="L91" s="583"/>
      <c r="M91" s="583"/>
      <c r="N91" s="583"/>
      <c r="O91" s="583"/>
      <c r="P91" s="583"/>
      <c r="Q91" s="583"/>
      <c r="R91" s="583"/>
      <c r="S91" s="583"/>
      <c r="T91" s="583"/>
      <c r="U91" s="226" t="s">
        <v>383</v>
      </c>
      <c r="V91" s="572" t="s">
        <v>138</v>
      </c>
      <c r="W91" s="572"/>
      <c r="X91" s="652" t="s">
        <v>959</v>
      </c>
      <c r="Y91" s="572" t="s">
        <v>97</v>
      </c>
      <c r="Z91" s="572"/>
      <c r="AA91" s="572" t="s">
        <v>98</v>
      </c>
      <c r="AB91" s="572"/>
      <c r="AC91" s="583" t="s">
        <v>75</v>
      </c>
      <c r="AD91" s="583"/>
      <c r="AE91" s="583"/>
      <c r="AF91" s="572" t="s">
        <v>159</v>
      </c>
      <c r="AG91" s="48"/>
      <c r="AH91" s="26"/>
    </row>
    <row r="92" spans="1:35" s="13" customFormat="1">
      <c r="A92" s="51"/>
      <c r="B92" s="573"/>
      <c r="C92" s="573"/>
      <c r="D92" s="583"/>
      <c r="E92" s="583"/>
      <c r="F92" s="583"/>
      <c r="G92" s="583"/>
      <c r="H92" s="583"/>
      <c r="I92" s="583"/>
      <c r="J92" s="583"/>
      <c r="K92" s="583"/>
      <c r="L92" s="583"/>
      <c r="M92" s="583"/>
      <c r="N92" s="583"/>
      <c r="O92" s="583"/>
      <c r="P92" s="583"/>
      <c r="Q92" s="583"/>
      <c r="R92" s="583"/>
      <c r="S92" s="583"/>
      <c r="T92" s="583"/>
      <c r="U92" s="227"/>
      <c r="V92" s="572"/>
      <c r="W92" s="572"/>
      <c r="X92" s="707"/>
      <c r="Y92" s="572"/>
      <c r="Z92" s="572"/>
      <c r="AA92" s="572"/>
      <c r="AB92" s="572"/>
      <c r="AC92" s="583"/>
      <c r="AD92" s="583"/>
      <c r="AE92" s="583"/>
      <c r="AF92" s="572"/>
      <c r="AG92" s="38"/>
      <c r="AH92" s="54"/>
    </row>
    <row r="93" spans="1:35" s="13" customFormat="1">
      <c r="A93" s="20"/>
      <c r="B93" s="541">
        <v>1</v>
      </c>
      <c r="C93" s="542"/>
      <c r="D93" s="586" t="s">
        <v>1802</v>
      </c>
      <c r="E93" s="587"/>
      <c r="F93" s="587"/>
      <c r="G93" s="587"/>
      <c r="H93" s="587"/>
      <c r="I93" s="587"/>
      <c r="J93" s="587"/>
      <c r="K93" s="587"/>
      <c r="L93" s="587"/>
      <c r="M93" s="587"/>
      <c r="N93" s="587"/>
      <c r="O93" s="587"/>
      <c r="P93" s="587"/>
      <c r="Q93" s="587"/>
      <c r="R93" s="587"/>
      <c r="S93" s="587"/>
      <c r="T93" s="588"/>
      <c r="U93" s="219" t="s">
        <v>441</v>
      </c>
      <c r="V93" s="546" t="s">
        <v>1847</v>
      </c>
      <c r="W93" s="548"/>
      <c r="X93" s="408" t="s">
        <v>102</v>
      </c>
      <c r="Y93" s="415">
        <v>46</v>
      </c>
      <c r="Z93" s="415" t="s">
        <v>103</v>
      </c>
      <c r="AA93" s="646"/>
      <c r="AB93" s="647"/>
      <c r="AC93" s="549"/>
      <c r="AD93" s="550"/>
      <c r="AE93" s="551"/>
      <c r="AF93" s="332"/>
      <c r="AG93" s="38"/>
      <c r="AH93" s="54"/>
      <c r="AI93" s="13" t="str">
        <f>$F$20</f>
        <v>■</v>
      </c>
    </row>
    <row r="94" spans="1:35">
      <c r="A94" s="20"/>
      <c r="B94" s="541">
        <v>2</v>
      </c>
      <c r="C94" s="542"/>
      <c r="D94" s="586" t="s">
        <v>124</v>
      </c>
      <c r="E94" s="587"/>
      <c r="F94" s="587"/>
      <c r="G94" s="587"/>
      <c r="H94" s="587"/>
      <c r="I94" s="587"/>
      <c r="J94" s="587"/>
      <c r="K94" s="587"/>
      <c r="L94" s="587"/>
      <c r="M94" s="587"/>
      <c r="N94" s="587"/>
      <c r="O94" s="587"/>
      <c r="P94" s="587"/>
      <c r="Q94" s="587"/>
      <c r="R94" s="587"/>
      <c r="S94" s="587"/>
      <c r="T94" s="588"/>
      <c r="U94" s="219" t="s">
        <v>443</v>
      </c>
      <c r="V94" s="546" t="s">
        <v>1847</v>
      </c>
      <c r="W94" s="548"/>
      <c r="X94" s="408" t="s">
        <v>102</v>
      </c>
      <c r="Y94" s="415">
        <v>14</v>
      </c>
      <c r="Z94" s="415" t="s">
        <v>103</v>
      </c>
      <c r="AA94" s="646"/>
      <c r="AB94" s="647"/>
      <c r="AC94" s="549"/>
      <c r="AD94" s="550"/>
      <c r="AE94" s="551"/>
      <c r="AF94" s="332"/>
      <c r="AG94" s="48"/>
      <c r="AH94" s="16"/>
      <c r="AI94" s="13" t="str">
        <f t="shared" ref="AI94:AI103" si="3">$F$20</f>
        <v>■</v>
      </c>
    </row>
    <row r="95" spans="1:35">
      <c r="A95" s="20"/>
      <c r="B95" s="552">
        <v>3</v>
      </c>
      <c r="C95" s="553"/>
      <c r="D95" s="589" t="s">
        <v>1804</v>
      </c>
      <c r="E95" s="590"/>
      <c r="F95" s="590"/>
      <c r="G95" s="590"/>
      <c r="H95" s="590"/>
      <c r="I95" s="590"/>
      <c r="J95" s="590"/>
      <c r="K95" s="590"/>
      <c r="L95" s="590"/>
      <c r="M95" s="590"/>
      <c r="N95" s="590"/>
      <c r="O95" s="590"/>
      <c r="P95" s="590"/>
      <c r="Q95" s="590"/>
      <c r="R95" s="590"/>
      <c r="S95" s="590"/>
      <c r="T95" s="591"/>
      <c r="U95" s="220" t="s">
        <v>444</v>
      </c>
      <c r="V95" s="557" t="s">
        <v>107</v>
      </c>
      <c r="W95" s="559"/>
      <c r="X95" s="409" t="s">
        <v>108</v>
      </c>
      <c r="Y95" s="419">
        <v>1</v>
      </c>
      <c r="Z95" s="419">
        <v>0</v>
      </c>
      <c r="AA95" s="569" t="s">
        <v>109</v>
      </c>
      <c r="AB95" s="570"/>
      <c r="AC95" s="560"/>
      <c r="AD95" s="561"/>
      <c r="AE95" s="562"/>
      <c r="AF95" s="333" t="s">
        <v>416</v>
      </c>
      <c r="AG95" s="48"/>
      <c r="AH95" s="16"/>
      <c r="AI95" s="13" t="str">
        <f t="shared" si="3"/>
        <v>■</v>
      </c>
    </row>
    <row r="96" spans="1:35">
      <c r="A96" s="20"/>
      <c r="B96" s="541">
        <v>4</v>
      </c>
      <c r="C96" s="542"/>
      <c r="D96" s="543" t="s">
        <v>1805</v>
      </c>
      <c r="E96" s="544"/>
      <c r="F96" s="544"/>
      <c r="G96" s="544"/>
      <c r="H96" s="544"/>
      <c r="I96" s="544"/>
      <c r="J96" s="544"/>
      <c r="K96" s="544"/>
      <c r="L96" s="544"/>
      <c r="M96" s="544"/>
      <c r="N96" s="544"/>
      <c r="O96" s="544"/>
      <c r="P96" s="544"/>
      <c r="Q96" s="544"/>
      <c r="R96" s="544"/>
      <c r="S96" s="544"/>
      <c r="T96" s="545"/>
      <c r="U96" s="225" t="s">
        <v>1806</v>
      </c>
      <c r="V96" s="546" t="s">
        <v>1856</v>
      </c>
      <c r="W96" s="548"/>
      <c r="X96" s="408" t="s">
        <v>102</v>
      </c>
      <c r="Y96" s="415">
        <v>3</v>
      </c>
      <c r="Z96" s="415" t="s">
        <v>103</v>
      </c>
      <c r="AA96" s="646"/>
      <c r="AB96" s="647"/>
      <c r="AC96" s="549"/>
      <c r="AD96" s="550"/>
      <c r="AE96" s="551"/>
      <c r="AF96" s="332"/>
      <c r="AG96" s="48"/>
      <c r="AH96" s="16"/>
      <c r="AI96" s="13" t="str">
        <f t="shared" si="3"/>
        <v>■</v>
      </c>
    </row>
    <row r="97" spans="1:35">
      <c r="A97" s="20"/>
      <c r="B97" s="541">
        <v>5</v>
      </c>
      <c r="C97" s="542"/>
      <c r="D97" s="543" t="s">
        <v>1934</v>
      </c>
      <c r="E97" s="544"/>
      <c r="F97" s="544"/>
      <c r="G97" s="544"/>
      <c r="H97" s="544"/>
      <c r="I97" s="544"/>
      <c r="J97" s="544"/>
      <c r="K97" s="544"/>
      <c r="L97" s="544"/>
      <c r="M97" s="544"/>
      <c r="N97" s="544"/>
      <c r="O97" s="544"/>
      <c r="P97" s="544"/>
      <c r="Q97" s="544"/>
      <c r="R97" s="544"/>
      <c r="S97" s="544"/>
      <c r="T97" s="545"/>
      <c r="U97" s="221" t="s">
        <v>1935</v>
      </c>
      <c r="V97" s="546" t="s">
        <v>1856</v>
      </c>
      <c r="W97" s="548"/>
      <c r="X97" s="408" t="s">
        <v>102</v>
      </c>
      <c r="Y97" s="415">
        <v>1</v>
      </c>
      <c r="Z97" s="415" t="s">
        <v>103</v>
      </c>
      <c r="AA97" s="646"/>
      <c r="AB97" s="647"/>
      <c r="AC97" s="549"/>
      <c r="AD97" s="550"/>
      <c r="AE97" s="551"/>
      <c r="AF97" s="332"/>
      <c r="AG97" s="48"/>
      <c r="AH97" s="16"/>
      <c r="AI97" s="13" t="str">
        <f t="shared" si="3"/>
        <v>■</v>
      </c>
    </row>
    <row r="98" spans="1:35">
      <c r="A98" s="20"/>
      <c r="B98" s="541">
        <v>6</v>
      </c>
      <c r="C98" s="542"/>
      <c r="D98" s="543" t="s">
        <v>1936</v>
      </c>
      <c r="E98" s="544"/>
      <c r="F98" s="544"/>
      <c r="G98" s="544"/>
      <c r="H98" s="544"/>
      <c r="I98" s="544"/>
      <c r="J98" s="544"/>
      <c r="K98" s="544"/>
      <c r="L98" s="544"/>
      <c r="M98" s="544"/>
      <c r="N98" s="544"/>
      <c r="O98" s="544"/>
      <c r="P98" s="544"/>
      <c r="Q98" s="544"/>
      <c r="R98" s="544"/>
      <c r="S98" s="544"/>
      <c r="T98" s="545"/>
      <c r="U98" s="221" t="s">
        <v>1937</v>
      </c>
      <c r="V98" s="546" t="s">
        <v>1856</v>
      </c>
      <c r="W98" s="548"/>
      <c r="X98" s="408" t="s">
        <v>102</v>
      </c>
      <c r="Y98" s="415">
        <v>1</v>
      </c>
      <c r="Z98" s="415" t="s">
        <v>103</v>
      </c>
      <c r="AA98" s="646"/>
      <c r="AB98" s="647"/>
      <c r="AC98" s="549"/>
      <c r="AD98" s="550"/>
      <c r="AE98" s="551"/>
      <c r="AF98" s="332"/>
      <c r="AG98" s="48"/>
      <c r="AH98" s="16"/>
      <c r="AI98" s="13" t="str">
        <f t="shared" si="3"/>
        <v>■</v>
      </c>
    </row>
    <row r="99" spans="1:35">
      <c r="A99" s="20"/>
      <c r="B99" s="541">
        <v>7</v>
      </c>
      <c r="C99" s="542"/>
      <c r="D99" s="543" t="s">
        <v>1938</v>
      </c>
      <c r="E99" s="544"/>
      <c r="F99" s="544"/>
      <c r="G99" s="544"/>
      <c r="H99" s="544"/>
      <c r="I99" s="544"/>
      <c r="J99" s="544"/>
      <c r="K99" s="544"/>
      <c r="L99" s="544"/>
      <c r="M99" s="544"/>
      <c r="N99" s="544"/>
      <c r="O99" s="544"/>
      <c r="P99" s="544"/>
      <c r="Q99" s="544"/>
      <c r="R99" s="544"/>
      <c r="S99" s="544"/>
      <c r="T99" s="545"/>
      <c r="U99" s="221" t="s">
        <v>1108</v>
      </c>
      <c r="V99" s="546" t="s">
        <v>1856</v>
      </c>
      <c r="W99" s="548"/>
      <c r="X99" s="408" t="s">
        <v>102</v>
      </c>
      <c r="Y99" s="415">
        <v>8</v>
      </c>
      <c r="Z99" s="415" t="s">
        <v>103</v>
      </c>
      <c r="AA99" s="646"/>
      <c r="AB99" s="647"/>
      <c r="AC99" s="549"/>
      <c r="AD99" s="550"/>
      <c r="AE99" s="551"/>
      <c r="AF99" s="332"/>
      <c r="AG99" s="38"/>
      <c r="AH99" s="16"/>
      <c r="AI99" s="13" t="str">
        <f t="shared" si="3"/>
        <v>■</v>
      </c>
    </row>
    <row r="100" spans="1:35" ht="13.4" customHeight="1">
      <c r="A100" s="20"/>
      <c r="B100" s="541">
        <v>8</v>
      </c>
      <c r="C100" s="542"/>
      <c r="D100" s="543" t="s">
        <v>1939</v>
      </c>
      <c r="E100" s="544"/>
      <c r="F100" s="544"/>
      <c r="G100" s="544"/>
      <c r="H100" s="544"/>
      <c r="I100" s="544"/>
      <c r="J100" s="544"/>
      <c r="K100" s="544"/>
      <c r="L100" s="544"/>
      <c r="M100" s="544"/>
      <c r="N100" s="544"/>
      <c r="O100" s="544"/>
      <c r="P100" s="544"/>
      <c r="Q100" s="544"/>
      <c r="R100" s="544"/>
      <c r="S100" s="544"/>
      <c r="T100" s="545"/>
      <c r="U100" s="221" t="s">
        <v>1940</v>
      </c>
      <c r="V100" s="546" t="s">
        <v>1856</v>
      </c>
      <c r="W100" s="548"/>
      <c r="X100" s="408" t="s">
        <v>102</v>
      </c>
      <c r="Y100" s="415">
        <v>1</v>
      </c>
      <c r="Z100" s="415" t="s">
        <v>103</v>
      </c>
      <c r="AA100" s="646"/>
      <c r="AB100" s="647"/>
      <c r="AC100" s="549"/>
      <c r="AD100" s="550"/>
      <c r="AE100" s="551"/>
      <c r="AF100" s="332"/>
      <c r="AG100" s="38"/>
      <c r="AH100" s="16"/>
      <c r="AI100" s="13" t="str">
        <f t="shared" si="3"/>
        <v>■</v>
      </c>
    </row>
    <row r="101" spans="1:35" s="1" customFormat="1" ht="13.5" customHeight="1">
      <c r="A101" s="20"/>
      <c r="B101" s="552">
        <v>9</v>
      </c>
      <c r="C101" s="553"/>
      <c r="D101" s="554" t="s">
        <v>1941</v>
      </c>
      <c r="E101" s="555"/>
      <c r="F101" s="555"/>
      <c r="G101" s="555"/>
      <c r="H101" s="555"/>
      <c r="I101" s="555"/>
      <c r="J101" s="555"/>
      <c r="K101" s="555"/>
      <c r="L101" s="555"/>
      <c r="M101" s="555"/>
      <c r="N101" s="555"/>
      <c r="O101" s="555"/>
      <c r="P101" s="555"/>
      <c r="Q101" s="555"/>
      <c r="R101" s="555"/>
      <c r="S101" s="555"/>
      <c r="T101" s="556"/>
      <c r="U101" s="220" t="s">
        <v>1942</v>
      </c>
      <c r="V101" s="557" t="s">
        <v>1856</v>
      </c>
      <c r="W101" s="559"/>
      <c r="X101" s="409" t="s">
        <v>102</v>
      </c>
      <c r="Y101" s="419">
        <v>10</v>
      </c>
      <c r="Z101" s="419" t="s">
        <v>103</v>
      </c>
      <c r="AA101" s="569" t="s">
        <v>109</v>
      </c>
      <c r="AB101" s="570"/>
      <c r="AC101" s="560"/>
      <c r="AD101" s="561"/>
      <c r="AE101" s="562"/>
      <c r="AF101" s="333" t="s">
        <v>480</v>
      </c>
      <c r="AG101" s="29"/>
      <c r="AH101" s="26"/>
      <c r="AI101" s="13" t="str">
        <f t="shared" si="3"/>
        <v>■</v>
      </c>
    </row>
    <row r="102" spans="1:35" s="1" customFormat="1" ht="13.4" customHeight="1">
      <c r="A102" s="20"/>
      <c r="B102" s="541">
        <v>10</v>
      </c>
      <c r="C102" s="542"/>
      <c r="D102" s="543" t="s">
        <v>1923</v>
      </c>
      <c r="E102" s="544"/>
      <c r="F102" s="544"/>
      <c r="G102" s="544"/>
      <c r="H102" s="544"/>
      <c r="I102" s="544"/>
      <c r="J102" s="544"/>
      <c r="K102" s="544"/>
      <c r="L102" s="544"/>
      <c r="M102" s="544"/>
      <c r="N102" s="544"/>
      <c r="O102" s="544"/>
      <c r="P102" s="544"/>
      <c r="Q102" s="544"/>
      <c r="R102" s="544"/>
      <c r="S102" s="544"/>
      <c r="T102" s="545"/>
      <c r="U102" s="221" t="s">
        <v>1924</v>
      </c>
      <c r="V102" s="546" t="s">
        <v>1847</v>
      </c>
      <c r="W102" s="548"/>
      <c r="X102" s="408" t="s">
        <v>102</v>
      </c>
      <c r="Y102" s="415">
        <v>4</v>
      </c>
      <c r="Z102" s="415" t="s">
        <v>103</v>
      </c>
      <c r="AA102" s="646"/>
      <c r="AB102" s="647"/>
      <c r="AC102" s="549"/>
      <c r="AD102" s="550"/>
      <c r="AE102" s="551"/>
      <c r="AF102" s="332"/>
      <c r="AG102" s="29"/>
      <c r="AH102" s="26"/>
      <c r="AI102" s="13" t="str">
        <f t="shared" si="3"/>
        <v>■</v>
      </c>
    </row>
    <row r="103" spans="1:35" s="13" customFormat="1" ht="13.4" customHeight="1">
      <c r="A103" s="20"/>
      <c r="B103" s="541">
        <v>11</v>
      </c>
      <c r="C103" s="542"/>
      <c r="D103" s="543" t="s">
        <v>1929</v>
      </c>
      <c r="E103" s="544"/>
      <c r="F103" s="544"/>
      <c r="G103" s="544"/>
      <c r="H103" s="544"/>
      <c r="I103" s="544"/>
      <c r="J103" s="544"/>
      <c r="K103" s="544"/>
      <c r="L103" s="544"/>
      <c r="M103" s="544"/>
      <c r="N103" s="544"/>
      <c r="O103" s="544"/>
      <c r="P103" s="544"/>
      <c r="Q103" s="544"/>
      <c r="R103" s="544"/>
      <c r="S103" s="544"/>
      <c r="T103" s="545"/>
      <c r="U103" s="225" t="s">
        <v>516</v>
      </c>
      <c r="V103" s="546" t="s">
        <v>1856</v>
      </c>
      <c r="W103" s="548"/>
      <c r="X103" s="410" t="s">
        <v>102</v>
      </c>
      <c r="Y103" s="415">
        <v>6</v>
      </c>
      <c r="Z103" s="415" t="s">
        <v>103</v>
      </c>
      <c r="AA103" s="646"/>
      <c r="AB103" s="647"/>
      <c r="AC103" s="549"/>
      <c r="AD103" s="550"/>
      <c r="AE103" s="551"/>
      <c r="AF103" s="332"/>
      <c r="AG103" s="29"/>
      <c r="AH103" s="54"/>
      <c r="AI103" s="13" t="str">
        <f t="shared" si="3"/>
        <v>■</v>
      </c>
    </row>
    <row r="104" spans="1:35" s="13" customFormat="1">
      <c r="A104" s="25"/>
      <c r="B104" s="16"/>
      <c r="C104" s="16"/>
      <c r="D104" s="16"/>
      <c r="E104" s="16"/>
      <c r="F104" s="16"/>
      <c r="G104" s="16"/>
      <c r="H104" s="16"/>
      <c r="I104" s="16"/>
      <c r="J104" s="16"/>
      <c r="K104" s="16"/>
      <c r="L104" s="16"/>
      <c r="M104" s="16"/>
      <c r="N104" s="16"/>
      <c r="O104" s="16"/>
      <c r="P104" s="16"/>
      <c r="Q104" s="16"/>
      <c r="R104" s="16"/>
      <c r="S104" s="16"/>
      <c r="T104" s="16"/>
      <c r="U104" s="26"/>
      <c r="V104" s="238"/>
      <c r="W104" s="238"/>
      <c r="X104" s="238"/>
      <c r="Y104" s="238"/>
      <c r="Z104" s="238"/>
      <c r="AA104" s="238"/>
      <c r="AB104" s="238"/>
      <c r="AC104" s="238"/>
      <c r="AD104" s="238"/>
      <c r="AE104" s="238"/>
      <c r="AF104" s="54"/>
      <c r="AG104" s="29"/>
      <c r="AH104" s="54"/>
    </row>
    <row r="105" spans="1:35" s="1" customFormat="1">
      <c r="A105" s="20"/>
      <c r="B105" s="52" t="s">
        <v>380</v>
      </c>
      <c r="C105" s="53"/>
      <c r="D105" s="16"/>
      <c r="E105" s="16"/>
      <c r="F105" s="16"/>
      <c r="G105" s="16"/>
      <c r="H105" s="16"/>
      <c r="I105" s="16"/>
      <c r="J105" s="26" t="s">
        <v>1943</v>
      </c>
      <c r="K105" s="16"/>
      <c r="L105" s="52"/>
      <c r="M105" s="16"/>
      <c r="N105" s="16"/>
      <c r="O105" s="16"/>
      <c r="P105" s="16"/>
      <c r="Q105" s="16"/>
      <c r="R105" s="16"/>
      <c r="S105" s="16"/>
      <c r="T105" s="16"/>
      <c r="U105" s="26" t="s">
        <v>1944</v>
      </c>
      <c r="V105" s="238"/>
      <c r="W105" s="238"/>
      <c r="X105" s="238"/>
      <c r="Y105" s="238"/>
      <c r="Z105" s="238"/>
      <c r="AA105" s="238"/>
      <c r="AB105" s="238"/>
      <c r="AC105" s="238"/>
      <c r="AD105" s="238"/>
      <c r="AE105" s="238"/>
      <c r="AF105" s="26"/>
      <c r="AG105" s="48"/>
      <c r="AH105" s="26"/>
    </row>
    <row r="106" spans="1:35" s="1" customFormat="1" ht="12.75" customHeight="1">
      <c r="A106" s="51"/>
      <c r="B106" s="583" t="s">
        <v>73</v>
      </c>
      <c r="C106" s="573"/>
      <c r="D106" s="583" t="s">
        <v>94</v>
      </c>
      <c r="E106" s="583"/>
      <c r="F106" s="583"/>
      <c r="G106" s="583"/>
      <c r="H106" s="583"/>
      <c r="I106" s="583"/>
      <c r="J106" s="583"/>
      <c r="K106" s="583"/>
      <c r="L106" s="583"/>
      <c r="M106" s="583"/>
      <c r="N106" s="583"/>
      <c r="O106" s="583"/>
      <c r="P106" s="583"/>
      <c r="Q106" s="583"/>
      <c r="R106" s="583"/>
      <c r="S106" s="583"/>
      <c r="T106" s="583"/>
      <c r="U106" s="226" t="s">
        <v>383</v>
      </c>
      <c r="V106" s="572" t="s">
        <v>138</v>
      </c>
      <c r="W106" s="572"/>
      <c r="X106" s="652" t="s">
        <v>959</v>
      </c>
      <c r="Y106" s="572" t="s">
        <v>97</v>
      </c>
      <c r="Z106" s="572"/>
      <c r="AA106" s="572" t="s">
        <v>98</v>
      </c>
      <c r="AB106" s="572"/>
      <c r="AC106" s="583" t="s">
        <v>75</v>
      </c>
      <c r="AD106" s="583"/>
      <c r="AE106" s="583"/>
      <c r="AF106" s="572" t="s">
        <v>159</v>
      </c>
      <c r="AG106" s="48"/>
      <c r="AH106" s="26"/>
    </row>
    <row r="107" spans="1:35" s="13" customFormat="1">
      <c r="A107" s="51"/>
      <c r="B107" s="573"/>
      <c r="C107" s="573"/>
      <c r="D107" s="583"/>
      <c r="E107" s="583"/>
      <c r="F107" s="583"/>
      <c r="G107" s="583"/>
      <c r="H107" s="583"/>
      <c r="I107" s="583"/>
      <c r="J107" s="583"/>
      <c r="K107" s="583"/>
      <c r="L107" s="583"/>
      <c r="M107" s="583"/>
      <c r="N107" s="583"/>
      <c r="O107" s="583"/>
      <c r="P107" s="583"/>
      <c r="Q107" s="583"/>
      <c r="R107" s="583"/>
      <c r="S107" s="583"/>
      <c r="T107" s="583"/>
      <c r="U107" s="227"/>
      <c r="V107" s="572"/>
      <c r="W107" s="572"/>
      <c r="X107" s="707"/>
      <c r="Y107" s="572"/>
      <c r="Z107" s="572"/>
      <c r="AA107" s="572"/>
      <c r="AB107" s="572"/>
      <c r="AC107" s="583"/>
      <c r="AD107" s="583"/>
      <c r="AE107" s="583"/>
      <c r="AF107" s="572"/>
      <c r="AG107" s="38"/>
      <c r="AH107" s="54"/>
    </row>
    <row r="108" spans="1:35" s="13" customFormat="1" ht="13.4" customHeight="1">
      <c r="A108" s="20"/>
      <c r="B108" s="541">
        <v>1</v>
      </c>
      <c r="C108" s="542"/>
      <c r="D108" s="586" t="s">
        <v>1802</v>
      </c>
      <c r="E108" s="587"/>
      <c r="F108" s="587"/>
      <c r="G108" s="587"/>
      <c r="H108" s="587"/>
      <c r="I108" s="587"/>
      <c r="J108" s="587"/>
      <c r="K108" s="587"/>
      <c r="L108" s="587"/>
      <c r="M108" s="587"/>
      <c r="N108" s="587"/>
      <c r="O108" s="587"/>
      <c r="P108" s="587"/>
      <c r="Q108" s="587"/>
      <c r="R108" s="587"/>
      <c r="S108" s="587"/>
      <c r="T108" s="588"/>
      <c r="U108" s="219" t="s">
        <v>441</v>
      </c>
      <c r="V108" s="546" t="s">
        <v>1847</v>
      </c>
      <c r="W108" s="548"/>
      <c r="X108" s="408" t="s">
        <v>102</v>
      </c>
      <c r="Y108" s="415">
        <v>46</v>
      </c>
      <c r="Z108" s="415" t="s">
        <v>103</v>
      </c>
      <c r="AA108" s="646"/>
      <c r="AB108" s="647"/>
      <c r="AC108" s="549"/>
      <c r="AD108" s="550"/>
      <c r="AE108" s="551"/>
      <c r="AF108" s="332"/>
      <c r="AG108" s="38"/>
      <c r="AH108" s="54"/>
      <c r="AI108" s="13" t="str">
        <f>$F$21</f>
        <v>■</v>
      </c>
    </row>
    <row r="109" spans="1:35" s="1" customFormat="1" ht="13.4" customHeight="1">
      <c r="A109" s="20"/>
      <c r="B109" s="541">
        <v>2</v>
      </c>
      <c r="C109" s="542"/>
      <c r="D109" s="586" t="s">
        <v>124</v>
      </c>
      <c r="E109" s="587"/>
      <c r="F109" s="587"/>
      <c r="G109" s="587"/>
      <c r="H109" s="587"/>
      <c r="I109" s="587"/>
      <c r="J109" s="587"/>
      <c r="K109" s="587"/>
      <c r="L109" s="587"/>
      <c r="M109" s="587"/>
      <c r="N109" s="587"/>
      <c r="O109" s="587"/>
      <c r="P109" s="587"/>
      <c r="Q109" s="587"/>
      <c r="R109" s="587"/>
      <c r="S109" s="587"/>
      <c r="T109" s="588"/>
      <c r="U109" s="219" t="s">
        <v>443</v>
      </c>
      <c r="V109" s="546" t="s">
        <v>1847</v>
      </c>
      <c r="W109" s="548"/>
      <c r="X109" s="408" t="s">
        <v>102</v>
      </c>
      <c r="Y109" s="415">
        <v>14</v>
      </c>
      <c r="Z109" s="415" t="s">
        <v>103</v>
      </c>
      <c r="AA109" s="646"/>
      <c r="AB109" s="647"/>
      <c r="AC109" s="549"/>
      <c r="AD109" s="550"/>
      <c r="AE109" s="551"/>
      <c r="AF109" s="332"/>
      <c r="AG109" s="48"/>
      <c r="AH109" s="26"/>
      <c r="AI109" s="13" t="str">
        <f t="shared" ref="AI109:AI122" si="4">$F$21</f>
        <v>■</v>
      </c>
    </row>
    <row r="110" spans="1:35" s="1" customFormat="1" ht="13.4" customHeight="1">
      <c r="A110" s="20"/>
      <c r="B110" s="552">
        <v>3</v>
      </c>
      <c r="C110" s="553"/>
      <c r="D110" s="589" t="s">
        <v>1804</v>
      </c>
      <c r="E110" s="590"/>
      <c r="F110" s="590"/>
      <c r="G110" s="590"/>
      <c r="H110" s="590"/>
      <c r="I110" s="590"/>
      <c r="J110" s="590"/>
      <c r="K110" s="590"/>
      <c r="L110" s="590"/>
      <c r="M110" s="590"/>
      <c r="N110" s="590"/>
      <c r="O110" s="590"/>
      <c r="P110" s="590"/>
      <c r="Q110" s="590"/>
      <c r="R110" s="590"/>
      <c r="S110" s="590"/>
      <c r="T110" s="591"/>
      <c r="U110" s="220" t="s">
        <v>444</v>
      </c>
      <c r="V110" s="557" t="s">
        <v>107</v>
      </c>
      <c r="W110" s="559"/>
      <c r="X110" s="409" t="s">
        <v>108</v>
      </c>
      <c r="Y110" s="419">
        <v>1</v>
      </c>
      <c r="Z110" s="419">
        <v>0</v>
      </c>
      <c r="AA110" s="569" t="s">
        <v>109</v>
      </c>
      <c r="AB110" s="570"/>
      <c r="AC110" s="560"/>
      <c r="AD110" s="561"/>
      <c r="AE110" s="562"/>
      <c r="AF110" s="333" t="s">
        <v>416</v>
      </c>
      <c r="AG110" s="48"/>
      <c r="AH110" s="26"/>
      <c r="AI110" s="13" t="str">
        <f t="shared" si="4"/>
        <v>■</v>
      </c>
    </row>
    <row r="111" spans="1:35" s="1" customFormat="1" ht="13.4" customHeight="1">
      <c r="A111" s="20"/>
      <c r="B111" s="541">
        <v>4</v>
      </c>
      <c r="C111" s="542"/>
      <c r="D111" s="543" t="s">
        <v>1805</v>
      </c>
      <c r="E111" s="544"/>
      <c r="F111" s="544"/>
      <c r="G111" s="544"/>
      <c r="H111" s="544"/>
      <c r="I111" s="544"/>
      <c r="J111" s="544"/>
      <c r="K111" s="544"/>
      <c r="L111" s="544"/>
      <c r="M111" s="544"/>
      <c r="N111" s="544"/>
      <c r="O111" s="544"/>
      <c r="P111" s="544"/>
      <c r="Q111" s="544"/>
      <c r="R111" s="544"/>
      <c r="S111" s="544"/>
      <c r="T111" s="545"/>
      <c r="U111" s="225" t="s">
        <v>1806</v>
      </c>
      <c r="V111" s="546" t="s">
        <v>1856</v>
      </c>
      <c r="W111" s="548"/>
      <c r="X111" s="408" t="s">
        <v>102</v>
      </c>
      <c r="Y111" s="415">
        <v>3</v>
      </c>
      <c r="Z111" s="415" t="s">
        <v>103</v>
      </c>
      <c r="AA111" s="646"/>
      <c r="AB111" s="647"/>
      <c r="AC111" s="549"/>
      <c r="AD111" s="550"/>
      <c r="AE111" s="551"/>
      <c r="AF111" s="332"/>
      <c r="AG111" s="38"/>
      <c r="AH111" s="26"/>
      <c r="AI111" s="13" t="str">
        <f t="shared" si="4"/>
        <v>■</v>
      </c>
    </row>
    <row r="112" spans="1:35" s="1" customFormat="1" ht="13.4" customHeight="1">
      <c r="A112" s="20"/>
      <c r="B112" s="541">
        <v>5</v>
      </c>
      <c r="C112" s="542"/>
      <c r="D112" s="543" t="s">
        <v>162</v>
      </c>
      <c r="E112" s="544"/>
      <c r="F112" s="544"/>
      <c r="G112" s="544"/>
      <c r="H112" s="544"/>
      <c r="I112" s="544"/>
      <c r="J112" s="544"/>
      <c r="K112" s="544"/>
      <c r="L112" s="544"/>
      <c r="M112" s="544"/>
      <c r="N112" s="544"/>
      <c r="O112" s="544"/>
      <c r="P112" s="544"/>
      <c r="Q112" s="544"/>
      <c r="R112" s="544"/>
      <c r="S112" s="544"/>
      <c r="T112" s="545"/>
      <c r="U112" s="221" t="s">
        <v>1862</v>
      </c>
      <c r="V112" s="546" t="s">
        <v>1856</v>
      </c>
      <c r="W112" s="548"/>
      <c r="X112" s="408" t="s">
        <v>102</v>
      </c>
      <c r="Y112" s="415">
        <v>10</v>
      </c>
      <c r="Z112" s="415" t="s">
        <v>103</v>
      </c>
      <c r="AA112" s="646"/>
      <c r="AB112" s="647"/>
      <c r="AC112" s="549"/>
      <c r="AD112" s="550"/>
      <c r="AE112" s="551"/>
      <c r="AF112" s="332"/>
      <c r="AG112" s="38"/>
      <c r="AH112" s="26"/>
      <c r="AI112" s="13" t="str">
        <f t="shared" si="4"/>
        <v>■</v>
      </c>
    </row>
    <row r="113" spans="1:35" s="1" customFormat="1" ht="13.4" customHeight="1">
      <c r="A113" s="20"/>
      <c r="B113" s="541">
        <v>6</v>
      </c>
      <c r="C113" s="542"/>
      <c r="D113" s="543" t="s">
        <v>1945</v>
      </c>
      <c r="E113" s="544"/>
      <c r="F113" s="544"/>
      <c r="G113" s="544"/>
      <c r="H113" s="544"/>
      <c r="I113" s="544"/>
      <c r="J113" s="544"/>
      <c r="K113" s="544"/>
      <c r="L113" s="544"/>
      <c r="M113" s="544"/>
      <c r="N113" s="544"/>
      <c r="O113" s="544"/>
      <c r="P113" s="544"/>
      <c r="Q113" s="544"/>
      <c r="R113" s="544"/>
      <c r="S113" s="544"/>
      <c r="T113" s="545"/>
      <c r="U113" s="221" t="s">
        <v>1946</v>
      </c>
      <c r="V113" s="546" t="s">
        <v>1856</v>
      </c>
      <c r="W113" s="548"/>
      <c r="X113" s="408" t="s">
        <v>102</v>
      </c>
      <c r="Y113" s="415">
        <v>1</v>
      </c>
      <c r="Z113" s="415" t="s">
        <v>103</v>
      </c>
      <c r="AA113" s="646"/>
      <c r="AB113" s="647"/>
      <c r="AC113" s="549"/>
      <c r="AD113" s="550"/>
      <c r="AE113" s="551"/>
      <c r="AF113" s="332"/>
      <c r="AG113" s="48"/>
      <c r="AH113" s="26"/>
      <c r="AI113" s="13" t="str">
        <f t="shared" si="4"/>
        <v>■</v>
      </c>
    </row>
    <row r="114" spans="1:35" s="13" customFormat="1" ht="13.4" customHeight="1">
      <c r="A114" s="20"/>
      <c r="B114" s="541">
        <v>7</v>
      </c>
      <c r="C114" s="542"/>
      <c r="D114" s="543" t="s">
        <v>1947</v>
      </c>
      <c r="E114" s="544"/>
      <c r="F114" s="544"/>
      <c r="G114" s="544"/>
      <c r="H114" s="544"/>
      <c r="I114" s="544"/>
      <c r="J114" s="544"/>
      <c r="K114" s="544"/>
      <c r="L114" s="544"/>
      <c r="M114" s="544"/>
      <c r="N114" s="544"/>
      <c r="O114" s="544"/>
      <c r="P114" s="544"/>
      <c r="Q114" s="544"/>
      <c r="R114" s="544"/>
      <c r="S114" s="544"/>
      <c r="T114" s="545"/>
      <c r="U114" s="221" t="s">
        <v>1948</v>
      </c>
      <c r="V114" s="546" t="s">
        <v>1856</v>
      </c>
      <c r="W114" s="548"/>
      <c r="X114" s="408" t="s">
        <v>102</v>
      </c>
      <c r="Y114" s="415">
        <v>1</v>
      </c>
      <c r="Z114" s="415" t="s">
        <v>103</v>
      </c>
      <c r="AA114" s="646"/>
      <c r="AB114" s="647"/>
      <c r="AC114" s="549"/>
      <c r="AD114" s="550"/>
      <c r="AE114" s="551"/>
      <c r="AF114" s="332"/>
      <c r="AG114" s="48"/>
      <c r="AH114" s="54"/>
      <c r="AI114" s="13" t="str">
        <f t="shared" si="4"/>
        <v>■</v>
      </c>
    </row>
    <row r="115" spans="1:35" s="1" customFormat="1" ht="13.5" customHeight="1">
      <c r="A115" s="20"/>
      <c r="B115" s="541">
        <v>8</v>
      </c>
      <c r="C115" s="542"/>
      <c r="D115" s="543" t="s">
        <v>1938</v>
      </c>
      <c r="E115" s="544"/>
      <c r="F115" s="544"/>
      <c r="G115" s="544"/>
      <c r="H115" s="544"/>
      <c r="I115" s="544"/>
      <c r="J115" s="544"/>
      <c r="K115" s="544"/>
      <c r="L115" s="544"/>
      <c r="M115" s="544"/>
      <c r="N115" s="544"/>
      <c r="O115" s="544"/>
      <c r="P115" s="544"/>
      <c r="Q115" s="544"/>
      <c r="R115" s="544"/>
      <c r="S115" s="544"/>
      <c r="T115" s="545"/>
      <c r="U115" s="221" t="s">
        <v>1108</v>
      </c>
      <c r="V115" s="546" t="s">
        <v>1856</v>
      </c>
      <c r="W115" s="548"/>
      <c r="X115" s="408" t="s">
        <v>102</v>
      </c>
      <c r="Y115" s="415">
        <v>8</v>
      </c>
      <c r="Z115" s="415" t="s">
        <v>103</v>
      </c>
      <c r="AA115" s="646"/>
      <c r="AB115" s="647"/>
      <c r="AC115" s="549"/>
      <c r="AD115" s="550"/>
      <c r="AE115" s="551"/>
      <c r="AF115" s="332"/>
      <c r="AG115" s="48"/>
      <c r="AH115" s="26"/>
      <c r="AI115" s="13" t="str">
        <f t="shared" si="4"/>
        <v>■</v>
      </c>
    </row>
    <row r="116" spans="1:35" ht="13.4" customHeight="1">
      <c r="A116" s="20"/>
      <c r="B116" s="541">
        <v>9</v>
      </c>
      <c r="C116" s="542"/>
      <c r="D116" s="543" t="s">
        <v>1949</v>
      </c>
      <c r="E116" s="544"/>
      <c r="F116" s="544"/>
      <c r="G116" s="544"/>
      <c r="H116" s="544"/>
      <c r="I116" s="544"/>
      <c r="J116" s="544"/>
      <c r="K116" s="544"/>
      <c r="L116" s="544"/>
      <c r="M116" s="544"/>
      <c r="N116" s="544"/>
      <c r="O116" s="544"/>
      <c r="P116" s="544"/>
      <c r="Q116" s="544"/>
      <c r="R116" s="544"/>
      <c r="S116" s="544"/>
      <c r="T116" s="545"/>
      <c r="U116" s="221" t="s">
        <v>1950</v>
      </c>
      <c r="V116" s="546" t="s">
        <v>1856</v>
      </c>
      <c r="W116" s="548"/>
      <c r="X116" s="408" t="s">
        <v>108</v>
      </c>
      <c r="Y116" s="415">
        <v>5</v>
      </c>
      <c r="Z116" s="415">
        <v>0</v>
      </c>
      <c r="AA116" s="646"/>
      <c r="AB116" s="647"/>
      <c r="AC116" s="549"/>
      <c r="AD116" s="550"/>
      <c r="AE116" s="551"/>
      <c r="AF116" s="332"/>
      <c r="AG116" s="48"/>
      <c r="AH116" s="16"/>
      <c r="AI116" s="13" t="str">
        <f t="shared" si="4"/>
        <v>■</v>
      </c>
    </row>
    <row r="117" spans="1:35" ht="13.4" customHeight="1">
      <c r="A117" s="20"/>
      <c r="B117" s="541">
        <v>10</v>
      </c>
      <c r="C117" s="542"/>
      <c r="D117" s="543" t="s">
        <v>1951</v>
      </c>
      <c r="E117" s="544"/>
      <c r="F117" s="544"/>
      <c r="G117" s="544"/>
      <c r="H117" s="544"/>
      <c r="I117" s="544"/>
      <c r="J117" s="544"/>
      <c r="K117" s="544"/>
      <c r="L117" s="544"/>
      <c r="M117" s="544"/>
      <c r="N117" s="544"/>
      <c r="O117" s="544"/>
      <c r="P117" s="544"/>
      <c r="Q117" s="544"/>
      <c r="R117" s="544"/>
      <c r="S117" s="544"/>
      <c r="T117" s="545"/>
      <c r="U117" s="221" t="s">
        <v>1952</v>
      </c>
      <c r="V117" s="546" t="s">
        <v>1847</v>
      </c>
      <c r="W117" s="548"/>
      <c r="X117" s="408" t="s">
        <v>102</v>
      </c>
      <c r="Y117" s="415">
        <v>10</v>
      </c>
      <c r="Z117" s="415" t="s">
        <v>103</v>
      </c>
      <c r="AA117" s="646"/>
      <c r="AB117" s="647"/>
      <c r="AC117" s="549"/>
      <c r="AD117" s="550"/>
      <c r="AE117" s="551"/>
      <c r="AF117" s="332"/>
      <c r="AG117" s="38"/>
      <c r="AH117" s="16"/>
      <c r="AI117" s="13" t="str">
        <f t="shared" si="4"/>
        <v>■</v>
      </c>
    </row>
    <row r="118" spans="1:35">
      <c r="A118" s="20"/>
      <c r="B118" s="541">
        <v>11</v>
      </c>
      <c r="C118" s="542"/>
      <c r="D118" s="543" t="s">
        <v>1865</v>
      </c>
      <c r="E118" s="544"/>
      <c r="F118" s="544"/>
      <c r="G118" s="544"/>
      <c r="H118" s="544"/>
      <c r="I118" s="544"/>
      <c r="J118" s="544"/>
      <c r="K118" s="544"/>
      <c r="L118" s="544"/>
      <c r="M118" s="544"/>
      <c r="N118" s="544"/>
      <c r="O118" s="544"/>
      <c r="P118" s="544"/>
      <c r="Q118" s="544"/>
      <c r="R118" s="544"/>
      <c r="S118" s="544"/>
      <c r="T118" s="545"/>
      <c r="U118" s="221" t="s">
        <v>1866</v>
      </c>
      <c r="V118" s="546" t="s">
        <v>1856</v>
      </c>
      <c r="W118" s="548"/>
      <c r="X118" s="408" t="s">
        <v>710</v>
      </c>
      <c r="Y118" s="415">
        <v>7</v>
      </c>
      <c r="Z118" s="415">
        <v>3</v>
      </c>
      <c r="AA118" s="646"/>
      <c r="AB118" s="647"/>
      <c r="AC118" s="549"/>
      <c r="AD118" s="550"/>
      <c r="AE118" s="551"/>
      <c r="AF118" s="332"/>
      <c r="AG118" s="48"/>
      <c r="AH118" s="16"/>
      <c r="AI118" s="13" t="str">
        <f t="shared" si="4"/>
        <v>■</v>
      </c>
    </row>
    <row r="119" spans="1:35" ht="13.4" customHeight="1">
      <c r="A119" s="20"/>
      <c r="B119" s="541">
        <v>12</v>
      </c>
      <c r="C119" s="542"/>
      <c r="D119" s="543" t="s">
        <v>1867</v>
      </c>
      <c r="E119" s="544"/>
      <c r="F119" s="544"/>
      <c r="G119" s="544"/>
      <c r="H119" s="544"/>
      <c r="I119" s="544"/>
      <c r="J119" s="544"/>
      <c r="K119" s="544"/>
      <c r="L119" s="544"/>
      <c r="M119" s="544"/>
      <c r="N119" s="544"/>
      <c r="O119" s="544"/>
      <c r="P119" s="544"/>
      <c r="Q119" s="544"/>
      <c r="R119" s="544"/>
      <c r="S119" s="544"/>
      <c r="T119" s="545"/>
      <c r="U119" s="221" t="s">
        <v>1868</v>
      </c>
      <c r="V119" s="546" t="s">
        <v>1844</v>
      </c>
      <c r="W119" s="548"/>
      <c r="X119" s="408" t="s">
        <v>102</v>
      </c>
      <c r="Y119" s="415">
        <v>20</v>
      </c>
      <c r="Z119" s="415" t="s">
        <v>103</v>
      </c>
      <c r="AA119" s="646"/>
      <c r="AB119" s="647"/>
      <c r="AC119" s="549"/>
      <c r="AD119" s="550"/>
      <c r="AE119" s="551"/>
      <c r="AF119" s="332"/>
      <c r="AG119" s="38"/>
      <c r="AH119" s="16"/>
      <c r="AI119" s="13" t="str">
        <f t="shared" si="4"/>
        <v>■</v>
      </c>
    </row>
    <row r="120" spans="1:35" ht="13.4" customHeight="1">
      <c r="A120" s="20"/>
      <c r="B120" s="541">
        <v>13</v>
      </c>
      <c r="C120" s="542"/>
      <c r="D120" s="543" t="s">
        <v>1953</v>
      </c>
      <c r="E120" s="544"/>
      <c r="F120" s="544"/>
      <c r="G120" s="544"/>
      <c r="H120" s="544"/>
      <c r="I120" s="544"/>
      <c r="J120" s="544"/>
      <c r="K120" s="544"/>
      <c r="L120" s="544"/>
      <c r="M120" s="544"/>
      <c r="N120" s="544"/>
      <c r="O120" s="544"/>
      <c r="P120" s="544"/>
      <c r="Q120" s="544"/>
      <c r="R120" s="544"/>
      <c r="S120" s="544"/>
      <c r="T120" s="545"/>
      <c r="U120" s="221" t="s">
        <v>1954</v>
      </c>
      <c r="V120" s="546" t="s">
        <v>1844</v>
      </c>
      <c r="W120" s="548"/>
      <c r="X120" s="408" t="s">
        <v>102</v>
      </c>
      <c r="Y120" s="415">
        <v>128</v>
      </c>
      <c r="Z120" s="415" t="s">
        <v>103</v>
      </c>
      <c r="AA120" s="646"/>
      <c r="AB120" s="647"/>
      <c r="AC120" s="549"/>
      <c r="AD120" s="550"/>
      <c r="AE120" s="551"/>
      <c r="AF120" s="332"/>
      <c r="AG120" s="29"/>
      <c r="AH120" s="16"/>
      <c r="AI120" s="13" t="str">
        <f t="shared" si="4"/>
        <v>■</v>
      </c>
    </row>
    <row r="121" spans="1:35" ht="13.4" customHeight="1">
      <c r="A121" s="20"/>
      <c r="B121" s="541">
        <v>14</v>
      </c>
      <c r="C121" s="542"/>
      <c r="D121" s="543" t="s">
        <v>1923</v>
      </c>
      <c r="E121" s="544"/>
      <c r="F121" s="544"/>
      <c r="G121" s="544"/>
      <c r="H121" s="544"/>
      <c r="I121" s="544"/>
      <c r="J121" s="544"/>
      <c r="K121" s="544"/>
      <c r="L121" s="544"/>
      <c r="M121" s="544"/>
      <c r="N121" s="544"/>
      <c r="O121" s="544"/>
      <c r="P121" s="544"/>
      <c r="Q121" s="544"/>
      <c r="R121" s="544"/>
      <c r="S121" s="544"/>
      <c r="T121" s="545"/>
      <c r="U121" s="221" t="s">
        <v>1924</v>
      </c>
      <c r="V121" s="546" t="s">
        <v>1847</v>
      </c>
      <c r="W121" s="548"/>
      <c r="X121" s="408" t="s">
        <v>102</v>
      </c>
      <c r="Y121" s="415">
        <v>4</v>
      </c>
      <c r="Z121" s="415" t="s">
        <v>103</v>
      </c>
      <c r="AA121" s="646"/>
      <c r="AB121" s="647"/>
      <c r="AC121" s="549"/>
      <c r="AD121" s="550"/>
      <c r="AE121" s="551"/>
      <c r="AF121" s="332"/>
      <c r="AG121" s="29"/>
      <c r="AH121" s="16"/>
      <c r="AI121" s="13" t="str">
        <f t="shared" si="4"/>
        <v>■</v>
      </c>
    </row>
    <row r="122" spans="1:35" ht="13.4" customHeight="1">
      <c r="A122" s="20"/>
      <c r="B122" s="541">
        <v>15</v>
      </c>
      <c r="C122" s="542"/>
      <c r="D122" s="543" t="s">
        <v>1929</v>
      </c>
      <c r="E122" s="544"/>
      <c r="F122" s="544"/>
      <c r="G122" s="544"/>
      <c r="H122" s="544"/>
      <c r="I122" s="544"/>
      <c r="J122" s="544"/>
      <c r="K122" s="544"/>
      <c r="L122" s="544"/>
      <c r="M122" s="544"/>
      <c r="N122" s="544"/>
      <c r="O122" s="544"/>
      <c r="P122" s="544"/>
      <c r="Q122" s="544"/>
      <c r="R122" s="544"/>
      <c r="S122" s="544"/>
      <c r="T122" s="545"/>
      <c r="U122" s="221" t="s">
        <v>516</v>
      </c>
      <c r="V122" s="546" t="s">
        <v>1856</v>
      </c>
      <c r="W122" s="548"/>
      <c r="X122" s="408" t="s">
        <v>102</v>
      </c>
      <c r="Y122" s="415">
        <v>6</v>
      </c>
      <c r="Z122" s="415" t="s">
        <v>103</v>
      </c>
      <c r="AA122" s="646"/>
      <c r="AB122" s="647"/>
      <c r="AC122" s="549"/>
      <c r="AD122" s="550"/>
      <c r="AE122" s="551"/>
      <c r="AF122" s="332"/>
      <c r="AG122" s="29"/>
      <c r="AH122" s="16"/>
      <c r="AI122" s="13" t="str">
        <f t="shared" si="4"/>
        <v>■</v>
      </c>
    </row>
    <row r="123" spans="1:35">
      <c r="A123" s="25"/>
      <c r="C123" s="77" t="s">
        <v>1894</v>
      </c>
      <c r="AE123" s="16"/>
      <c r="AF123" s="55"/>
      <c r="AG123" s="29"/>
      <c r="AH123" s="16"/>
    </row>
    <row r="124" spans="1:35">
      <c r="A124" s="25"/>
      <c r="B124" s="77"/>
      <c r="D124" s="16" t="s">
        <v>1895</v>
      </c>
      <c r="AE124" s="16"/>
      <c r="AF124" s="55"/>
      <c r="AG124" s="29"/>
      <c r="AH124" s="16"/>
    </row>
    <row r="125" spans="1:35">
      <c r="A125" s="25"/>
      <c r="B125" s="121"/>
      <c r="C125" s="122"/>
      <c r="D125" s="77"/>
      <c r="E125" s="77"/>
      <c r="F125" s="77"/>
      <c r="G125" s="77"/>
      <c r="H125" s="77"/>
      <c r="I125" s="77"/>
      <c r="J125" s="77"/>
      <c r="K125" s="77"/>
      <c r="L125" s="77"/>
      <c r="M125" s="77"/>
      <c r="N125" s="77"/>
      <c r="O125" s="77"/>
      <c r="P125" s="77"/>
      <c r="Q125" s="77"/>
      <c r="R125" s="77"/>
      <c r="S125" s="77"/>
      <c r="T125" s="77"/>
      <c r="U125" s="76"/>
      <c r="V125" s="121"/>
      <c r="W125" s="121"/>
      <c r="X125" s="121"/>
      <c r="Y125" s="121"/>
      <c r="Z125" s="121"/>
      <c r="AA125" s="121"/>
      <c r="AB125" s="121"/>
      <c r="AC125" s="121"/>
      <c r="AD125" s="26"/>
      <c r="AE125" s="26"/>
      <c r="AF125" s="55"/>
      <c r="AG125" s="29"/>
      <c r="AH125" s="16"/>
    </row>
    <row r="126" spans="1:35">
      <c r="A126" s="25"/>
      <c r="AE126" s="16"/>
      <c r="AF126" s="55"/>
      <c r="AG126" s="29"/>
      <c r="AH126" s="16"/>
    </row>
    <row r="127" spans="1:35">
      <c r="A127" s="25"/>
      <c r="B127" s="27" t="s">
        <v>908</v>
      </c>
      <c r="AE127" s="16"/>
      <c r="AF127" s="55"/>
      <c r="AG127" s="29"/>
      <c r="AH127" s="16"/>
    </row>
    <row r="128" spans="1:35" ht="12.75" customHeight="1">
      <c r="A128" s="25"/>
      <c r="AE128" s="16"/>
      <c r="AF128" s="55"/>
      <c r="AG128" s="29"/>
      <c r="AH128" s="16"/>
    </row>
    <row r="129" spans="1:34">
      <c r="A129" s="25"/>
      <c r="AE129" s="16"/>
      <c r="AF129" s="55"/>
      <c r="AG129" s="29"/>
      <c r="AH129" s="16"/>
    </row>
    <row r="130" spans="1:34">
      <c r="A130" s="25"/>
      <c r="B130"/>
      <c r="AE130" s="16"/>
      <c r="AF130" s="55"/>
      <c r="AG130" s="29"/>
      <c r="AH130" s="16"/>
    </row>
    <row r="131" spans="1:34">
      <c r="A131" s="25"/>
      <c r="AE131" s="16"/>
      <c r="AF131" s="55"/>
      <c r="AG131" s="29"/>
      <c r="AH131" s="16"/>
    </row>
    <row r="132" spans="1:34">
      <c r="A132" s="21"/>
      <c r="B132" s="22"/>
      <c r="C132" s="22"/>
      <c r="D132" s="22"/>
      <c r="E132" s="22"/>
      <c r="F132" s="22"/>
      <c r="G132" s="22"/>
      <c r="H132" s="22"/>
      <c r="I132" s="22"/>
      <c r="J132" s="22"/>
      <c r="K132" s="22"/>
      <c r="L132" s="22"/>
      <c r="M132" s="22"/>
      <c r="N132" s="22"/>
      <c r="O132" s="22"/>
      <c r="P132" s="22"/>
      <c r="Q132" s="22"/>
      <c r="R132" s="22"/>
      <c r="S132" s="22"/>
      <c r="T132" s="22"/>
      <c r="U132" s="58"/>
      <c r="V132" s="22"/>
      <c r="W132" s="22"/>
      <c r="X132" s="22"/>
      <c r="Y132" s="22"/>
      <c r="Z132" s="22"/>
      <c r="AA132" s="22"/>
      <c r="AB132" s="22"/>
      <c r="AC132" s="22"/>
      <c r="AD132" s="22"/>
      <c r="AE132" s="22"/>
      <c r="AF132" s="245"/>
      <c r="AG132" s="62"/>
      <c r="AH132" s="16"/>
    </row>
    <row r="133" spans="1:34">
      <c r="AE133" s="16"/>
      <c r="AF133" s="55"/>
      <c r="AG133" s="16"/>
      <c r="AH133" s="16"/>
    </row>
    <row r="134" spans="1:34">
      <c r="AE134" s="16"/>
      <c r="AF134" s="55"/>
      <c r="AG134" s="16"/>
      <c r="AH134" s="16"/>
    </row>
    <row r="144" spans="1:34">
      <c r="A144" t="s">
        <v>909</v>
      </c>
      <c r="B144" t="s">
        <v>910</v>
      </c>
      <c r="C144" t="s">
        <v>911</v>
      </c>
      <c r="D144" t="s">
        <v>912</v>
      </c>
      <c r="E144" t="s">
        <v>913</v>
      </c>
      <c r="F144" t="s">
        <v>914</v>
      </c>
    </row>
    <row r="145" spans="1:6">
      <c r="A145" t="s">
        <v>340</v>
      </c>
      <c r="B145" t="s">
        <v>915</v>
      </c>
      <c r="C145" s="3" t="s">
        <v>82</v>
      </c>
      <c r="D145" t="s">
        <v>916</v>
      </c>
      <c r="E145" t="s">
        <v>917</v>
      </c>
      <c r="F145" t="s">
        <v>918</v>
      </c>
    </row>
    <row r="146" spans="1:6">
      <c r="A146" t="s">
        <v>920</v>
      </c>
      <c r="B146" t="s">
        <v>921</v>
      </c>
      <c r="C146" s="3" t="s">
        <v>922</v>
      </c>
      <c r="D146" t="s">
        <v>923</v>
      </c>
      <c r="E146" t="s">
        <v>924</v>
      </c>
      <c r="F146" t="s">
        <v>925</v>
      </c>
    </row>
    <row r="147" spans="1:6" ht="12.75" customHeight="1">
      <c r="A147" t="s">
        <v>927</v>
      </c>
      <c r="B147"/>
      <c r="C147" s="3" t="s">
        <v>928</v>
      </c>
      <c r="D147"/>
      <c r="E147" t="s">
        <v>929</v>
      </c>
      <c r="F147" t="s">
        <v>930</v>
      </c>
    </row>
    <row r="148" spans="1:6">
      <c r="A148"/>
      <c r="B148"/>
      <c r="C148" s="3" t="s">
        <v>931</v>
      </c>
      <c r="D148"/>
      <c r="E148" t="s">
        <v>932</v>
      </c>
      <c r="F148" t="s">
        <v>933</v>
      </c>
    </row>
    <row r="149" spans="1:6">
      <c r="A149"/>
      <c r="B149"/>
      <c r="C149" s="3" t="s">
        <v>230</v>
      </c>
      <c r="D149"/>
      <c r="E149"/>
      <c r="F149" t="s">
        <v>934</v>
      </c>
    </row>
    <row r="150" spans="1:6">
      <c r="A150"/>
      <c r="B150"/>
      <c r="C150" s="3" t="s">
        <v>177</v>
      </c>
      <c r="D150"/>
      <c r="E150"/>
      <c r="F150" t="s">
        <v>935</v>
      </c>
    </row>
    <row r="151" spans="1:6">
      <c r="A151"/>
      <c r="B151"/>
      <c r="C151"/>
      <c r="D151"/>
      <c r="E151"/>
      <c r="F151" t="s">
        <v>936</v>
      </c>
    </row>
    <row r="152" spans="1:6">
      <c r="A152"/>
      <c r="B152"/>
      <c r="C152"/>
      <c r="D152"/>
      <c r="E152"/>
      <c r="F152" t="s">
        <v>937</v>
      </c>
    </row>
    <row r="153" spans="1:6">
      <c r="A153"/>
      <c r="B153"/>
      <c r="C153"/>
      <c r="D153"/>
      <c r="E153"/>
      <c r="F153" t="s">
        <v>938</v>
      </c>
    </row>
    <row r="154" spans="1:6">
      <c r="A154"/>
      <c r="B154"/>
      <c r="C154"/>
      <c r="D154"/>
      <c r="E154"/>
      <c r="F154" t="s">
        <v>939</v>
      </c>
    </row>
    <row r="155" spans="1:6">
      <c r="A155"/>
      <c r="B155"/>
      <c r="C155"/>
      <c r="D155"/>
      <c r="E155"/>
      <c r="F155" t="s">
        <v>940</v>
      </c>
    </row>
    <row r="156" spans="1:6">
      <c r="A156"/>
      <c r="B156"/>
      <c r="C156"/>
      <c r="D156"/>
      <c r="E156"/>
      <c r="F156" t="s">
        <v>941</v>
      </c>
    </row>
    <row r="157" spans="1:6">
      <c r="A157"/>
      <c r="B157"/>
      <c r="C157"/>
      <c r="D157"/>
      <c r="E157"/>
      <c r="F157" t="s">
        <v>942</v>
      </c>
    </row>
    <row r="158" spans="1:6">
      <c r="A158"/>
      <c r="B158"/>
      <c r="C158"/>
      <c r="D158"/>
      <c r="E158"/>
      <c r="F158" t="s">
        <v>943</v>
      </c>
    </row>
    <row r="159" spans="1:6">
      <c r="A159"/>
      <c r="B159"/>
      <c r="C159"/>
      <c r="D159"/>
      <c r="E159"/>
      <c r="F159" t="s">
        <v>944</v>
      </c>
    </row>
    <row r="160" spans="1:6">
      <c r="A160"/>
      <c r="B160"/>
      <c r="C160"/>
      <c r="D160"/>
      <c r="E160"/>
      <c r="F160" t="s">
        <v>945</v>
      </c>
    </row>
  </sheetData>
  <mergeCells count="457">
    <mergeCell ref="V6:Y6"/>
    <mergeCell ref="G8:M8"/>
    <mergeCell ref="R8:V8"/>
    <mergeCell ref="G10:S10"/>
    <mergeCell ref="G12:S12"/>
    <mergeCell ref="G14:S14"/>
    <mergeCell ref="G4:N4"/>
    <mergeCell ref="G6:H6"/>
    <mergeCell ref="I6:J6"/>
    <mergeCell ref="K6:M6"/>
    <mergeCell ref="O6:P6"/>
    <mergeCell ref="S6:T6"/>
    <mergeCell ref="AC24:AE25"/>
    <mergeCell ref="AF24:AF25"/>
    <mergeCell ref="B26:C26"/>
    <mergeCell ref="D26:T26"/>
    <mergeCell ref="V26:W26"/>
    <mergeCell ref="AA26:AB26"/>
    <mergeCell ref="AC26:AE26"/>
    <mergeCell ref="B24:C25"/>
    <mergeCell ref="D24:T25"/>
    <mergeCell ref="V24:W25"/>
    <mergeCell ref="X24:X25"/>
    <mergeCell ref="Y24:Z25"/>
    <mergeCell ref="AA24:AB25"/>
    <mergeCell ref="B27:C27"/>
    <mergeCell ref="D27:T27"/>
    <mergeCell ref="V27:W27"/>
    <mergeCell ref="AA27:AB27"/>
    <mergeCell ref="AC27:AE27"/>
    <mergeCell ref="B28:C28"/>
    <mergeCell ref="D28:T28"/>
    <mergeCell ref="V28:W28"/>
    <mergeCell ref="AA28:AB28"/>
    <mergeCell ref="AC28:AE28"/>
    <mergeCell ref="B29:C29"/>
    <mergeCell ref="D29:T29"/>
    <mergeCell ref="V29:W29"/>
    <mergeCell ref="AA29:AB29"/>
    <mergeCell ref="AC29:AE29"/>
    <mergeCell ref="B30:C30"/>
    <mergeCell ref="D30:T30"/>
    <mergeCell ref="V30:W30"/>
    <mergeCell ref="AA30:AB30"/>
    <mergeCell ref="AC30:AE30"/>
    <mergeCell ref="B31:C31"/>
    <mergeCell ref="D31:T31"/>
    <mergeCell ref="V31:W31"/>
    <mergeCell ref="AA31:AB31"/>
    <mergeCell ref="AC31:AE31"/>
    <mergeCell ref="B32:C32"/>
    <mergeCell ref="D32:T32"/>
    <mergeCell ref="V32:W32"/>
    <mergeCell ref="AA32:AB32"/>
    <mergeCell ref="AC32:AE32"/>
    <mergeCell ref="B33:C33"/>
    <mergeCell ref="D33:T33"/>
    <mergeCell ref="V33:W33"/>
    <mergeCell ref="AA33:AB33"/>
    <mergeCell ref="AC33:AE33"/>
    <mergeCell ref="B34:C34"/>
    <mergeCell ref="D34:T34"/>
    <mergeCell ref="V34:W34"/>
    <mergeCell ref="AA34:AB34"/>
    <mergeCell ref="AC34:AE34"/>
    <mergeCell ref="B35:C35"/>
    <mergeCell ref="D35:T35"/>
    <mergeCell ref="V35:W35"/>
    <mergeCell ref="AA35:AB35"/>
    <mergeCell ref="AC35:AE35"/>
    <mergeCell ref="B36:C36"/>
    <mergeCell ref="D36:T36"/>
    <mergeCell ref="V36:W36"/>
    <mergeCell ref="AA36:AB36"/>
    <mergeCell ref="AC36:AE36"/>
    <mergeCell ref="B37:C37"/>
    <mergeCell ref="D37:T37"/>
    <mergeCell ref="V37:W37"/>
    <mergeCell ref="AA37:AB37"/>
    <mergeCell ref="AC37:AE37"/>
    <mergeCell ref="B38:C38"/>
    <mergeCell ref="D38:T38"/>
    <mergeCell ref="V38:W38"/>
    <mergeCell ref="AA38:AB38"/>
    <mergeCell ref="AC38:AE38"/>
    <mergeCell ref="B39:C39"/>
    <mergeCell ref="D39:T39"/>
    <mergeCell ref="V39:W39"/>
    <mergeCell ref="AA39:AB39"/>
    <mergeCell ref="AC39:AE39"/>
    <mergeCell ref="B40:C40"/>
    <mergeCell ref="D40:T40"/>
    <mergeCell ref="V40:W40"/>
    <mergeCell ref="AA40:AB40"/>
    <mergeCell ref="AC40:AE40"/>
    <mergeCell ref="B41:C41"/>
    <mergeCell ref="D41:T41"/>
    <mergeCell ref="V41:W41"/>
    <mergeCell ref="AA41:AB41"/>
    <mergeCell ref="AC41:AE41"/>
    <mergeCell ref="B42:C42"/>
    <mergeCell ref="D42:T42"/>
    <mergeCell ref="V42:W42"/>
    <mergeCell ref="AA42:AB42"/>
    <mergeCell ref="AC42:AE42"/>
    <mergeCell ref="B43:C43"/>
    <mergeCell ref="D43:T43"/>
    <mergeCell ref="V43:W43"/>
    <mergeCell ref="AA43:AB43"/>
    <mergeCell ref="AC43:AE43"/>
    <mergeCell ref="B44:C44"/>
    <mergeCell ref="D44:T44"/>
    <mergeCell ref="V44:W44"/>
    <mergeCell ref="AA44:AB44"/>
    <mergeCell ref="AC44:AE44"/>
    <mergeCell ref="B45:C45"/>
    <mergeCell ref="D45:T45"/>
    <mergeCell ref="V45:W45"/>
    <mergeCell ref="AA45:AB45"/>
    <mergeCell ref="AC45:AE45"/>
    <mergeCell ref="B46:C46"/>
    <mergeCell ref="D46:T46"/>
    <mergeCell ref="V46:W46"/>
    <mergeCell ref="AA46:AB46"/>
    <mergeCell ref="AC46:AE46"/>
    <mergeCell ref="B47:C47"/>
    <mergeCell ref="D47:T47"/>
    <mergeCell ref="V47:W47"/>
    <mergeCell ref="AA47:AB47"/>
    <mergeCell ref="AC47:AE47"/>
    <mergeCell ref="B48:C48"/>
    <mergeCell ref="D48:T48"/>
    <mergeCell ref="V48:W48"/>
    <mergeCell ref="AA48:AB48"/>
    <mergeCell ref="AC48:AE48"/>
    <mergeCell ref="B49:C49"/>
    <mergeCell ref="D49:T49"/>
    <mergeCell ref="V49:W49"/>
    <mergeCell ref="AA49:AB49"/>
    <mergeCell ref="AC49:AE49"/>
    <mergeCell ref="B50:C50"/>
    <mergeCell ref="D50:T50"/>
    <mergeCell ref="V50:W50"/>
    <mergeCell ref="AA50:AB50"/>
    <mergeCell ref="AC50:AE50"/>
    <mergeCell ref="B51:C51"/>
    <mergeCell ref="D51:T51"/>
    <mergeCell ref="V51:W51"/>
    <mergeCell ref="AA51:AB51"/>
    <mergeCell ref="AC51:AE51"/>
    <mergeCell ref="B52:C52"/>
    <mergeCell ref="D52:T52"/>
    <mergeCell ref="V52:W52"/>
    <mergeCell ref="AA52:AB52"/>
    <mergeCell ref="AC52:AE52"/>
    <mergeCell ref="B53:C53"/>
    <mergeCell ref="D53:T53"/>
    <mergeCell ref="V53:W53"/>
    <mergeCell ref="AA53:AB53"/>
    <mergeCell ref="AC53:AE53"/>
    <mergeCell ref="B54:C54"/>
    <mergeCell ref="D54:T54"/>
    <mergeCell ref="V54:W54"/>
    <mergeCell ref="AA54:AB54"/>
    <mergeCell ref="AC54:AE54"/>
    <mergeCell ref="B55:C55"/>
    <mergeCell ref="D55:T55"/>
    <mergeCell ref="V55:W55"/>
    <mergeCell ref="AA55:AB55"/>
    <mergeCell ref="AC55:AE55"/>
    <mergeCell ref="B56:C56"/>
    <mergeCell ref="D56:T56"/>
    <mergeCell ref="V56:W56"/>
    <mergeCell ref="AA56:AB56"/>
    <mergeCell ref="AC56:AE56"/>
    <mergeCell ref="B57:C57"/>
    <mergeCell ref="D57:T57"/>
    <mergeCell ref="V57:W57"/>
    <mergeCell ref="AA57:AB57"/>
    <mergeCell ref="AC57:AE57"/>
    <mergeCell ref="B58:C58"/>
    <mergeCell ref="D58:T58"/>
    <mergeCell ref="V58:W58"/>
    <mergeCell ref="AA58:AB58"/>
    <mergeCell ref="AC58:AE58"/>
    <mergeCell ref="B59:C59"/>
    <mergeCell ref="D59:T59"/>
    <mergeCell ref="V59:W59"/>
    <mergeCell ref="AA59:AB59"/>
    <mergeCell ref="AC59:AE59"/>
    <mergeCell ref="B60:C60"/>
    <mergeCell ref="D60:T60"/>
    <mergeCell ref="V60:W60"/>
    <mergeCell ref="AA60:AB60"/>
    <mergeCell ref="AC60:AE60"/>
    <mergeCell ref="B61:C61"/>
    <mergeCell ref="D61:T61"/>
    <mergeCell ref="V61:W61"/>
    <mergeCell ref="AA61:AB61"/>
    <mergeCell ref="AC61:AE61"/>
    <mergeCell ref="B62:C62"/>
    <mergeCell ref="D62:T62"/>
    <mergeCell ref="V62:W62"/>
    <mergeCell ref="AA62:AB62"/>
    <mergeCell ref="AC62:AE62"/>
    <mergeCell ref="B63:C63"/>
    <mergeCell ref="D63:T63"/>
    <mergeCell ref="V63:W63"/>
    <mergeCell ref="AA63:AB63"/>
    <mergeCell ref="AC63:AE63"/>
    <mergeCell ref="B64:C64"/>
    <mergeCell ref="D64:T64"/>
    <mergeCell ref="V64:W64"/>
    <mergeCell ref="AA64:AB64"/>
    <mergeCell ref="AC64:AE64"/>
    <mergeCell ref="AA68:AB69"/>
    <mergeCell ref="AC68:AE69"/>
    <mergeCell ref="AF68:AF69"/>
    <mergeCell ref="B70:C70"/>
    <mergeCell ref="D70:T70"/>
    <mergeCell ref="V70:W70"/>
    <mergeCell ref="AA70:AB70"/>
    <mergeCell ref="AC70:AE70"/>
    <mergeCell ref="B65:C65"/>
    <mergeCell ref="D65:T65"/>
    <mergeCell ref="V65:W65"/>
    <mergeCell ref="AA65:AB65"/>
    <mergeCell ref="AC65:AE65"/>
    <mergeCell ref="B68:C69"/>
    <mergeCell ref="D68:T69"/>
    <mergeCell ref="V68:W69"/>
    <mergeCell ref="X68:X69"/>
    <mergeCell ref="Y68:Z69"/>
    <mergeCell ref="B71:C71"/>
    <mergeCell ref="D71:T71"/>
    <mergeCell ref="V71:W71"/>
    <mergeCell ref="AA71:AB71"/>
    <mergeCell ref="AC71:AE71"/>
    <mergeCell ref="B72:C72"/>
    <mergeCell ref="D72:T72"/>
    <mergeCell ref="V72:W72"/>
    <mergeCell ref="AA72:AB72"/>
    <mergeCell ref="AC72:AE72"/>
    <mergeCell ref="B73:C73"/>
    <mergeCell ref="D73:T73"/>
    <mergeCell ref="V73:W73"/>
    <mergeCell ref="AA73:AB73"/>
    <mergeCell ref="AC73:AE73"/>
    <mergeCell ref="B74:C74"/>
    <mergeCell ref="D74:T74"/>
    <mergeCell ref="V74:W74"/>
    <mergeCell ref="AA74:AB74"/>
    <mergeCell ref="AC74:AE74"/>
    <mergeCell ref="B75:C75"/>
    <mergeCell ref="D75:T75"/>
    <mergeCell ref="V75:W75"/>
    <mergeCell ref="AA75:AB75"/>
    <mergeCell ref="AC75:AE75"/>
    <mergeCell ref="B76:C76"/>
    <mergeCell ref="D76:T76"/>
    <mergeCell ref="V76:W76"/>
    <mergeCell ref="AA76:AB76"/>
    <mergeCell ref="AC76:AE76"/>
    <mergeCell ref="AA80:AB81"/>
    <mergeCell ref="AC80:AE81"/>
    <mergeCell ref="AF80:AF81"/>
    <mergeCell ref="B82:C82"/>
    <mergeCell ref="D82:T82"/>
    <mergeCell ref="V82:W82"/>
    <mergeCell ref="AA82:AB82"/>
    <mergeCell ref="AC82:AE82"/>
    <mergeCell ref="B77:C77"/>
    <mergeCell ref="D77:T77"/>
    <mergeCell ref="V77:W77"/>
    <mergeCell ref="AA77:AB77"/>
    <mergeCell ref="AC77:AE77"/>
    <mergeCell ref="B80:C81"/>
    <mergeCell ref="D80:T81"/>
    <mergeCell ref="V80:W81"/>
    <mergeCell ref="X80:X81"/>
    <mergeCell ref="Y80:Z81"/>
    <mergeCell ref="B83:C83"/>
    <mergeCell ref="D83:T83"/>
    <mergeCell ref="V83:W83"/>
    <mergeCell ref="AA83:AB83"/>
    <mergeCell ref="AC83:AE83"/>
    <mergeCell ref="B84:C84"/>
    <mergeCell ref="D84:T84"/>
    <mergeCell ref="V84:W84"/>
    <mergeCell ref="AA84:AB84"/>
    <mergeCell ref="AC84:AE84"/>
    <mergeCell ref="B85:C85"/>
    <mergeCell ref="D85:T85"/>
    <mergeCell ref="V85:W85"/>
    <mergeCell ref="AA85:AB85"/>
    <mergeCell ref="AC85:AE85"/>
    <mergeCell ref="B86:C86"/>
    <mergeCell ref="D86:T86"/>
    <mergeCell ref="V86:W86"/>
    <mergeCell ref="AA86:AB86"/>
    <mergeCell ref="AC86:AE86"/>
    <mergeCell ref="B87:C87"/>
    <mergeCell ref="D87:T87"/>
    <mergeCell ref="V87:W87"/>
    <mergeCell ref="AA87:AB87"/>
    <mergeCell ref="AC87:AE87"/>
    <mergeCell ref="B88:C88"/>
    <mergeCell ref="D88:T88"/>
    <mergeCell ref="V88:W88"/>
    <mergeCell ref="AA88:AB88"/>
    <mergeCell ref="AC88:AE88"/>
    <mergeCell ref="AC91:AE92"/>
    <mergeCell ref="AF91:AF92"/>
    <mergeCell ref="B93:C93"/>
    <mergeCell ref="D93:T93"/>
    <mergeCell ref="V93:W93"/>
    <mergeCell ref="AA93:AB93"/>
    <mergeCell ref="AC93:AE93"/>
    <mergeCell ref="B91:C92"/>
    <mergeCell ref="D91:T92"/>
    <mergeCell ref="V91:W92"/>
    <mergeCell ref="X91:X92"/>
    <mergeCell ref="Y91:Z92"/>
    <mergeCell ref="AA91:AB92"/>
    <mergeCell ref="B94:C94"/>
    <mergeCell ref="D94:T94"/>
    <mergeCell ref="V94:W94"/>
    <mergeCell ref="AA94:AB94"/>
    <mergeCell ref="AC94:AE94"/>
    <mergeCell ref="B95:C95"/>
    <mergeCell ref="D95:T95"/>
    <mergeCell ref="V95:W95"/>
    <mergeCell ref="AA95:AB95"/>
    <mergeCell ref="AC95:AE95"/>
    <mergeCell ref="B96:C96"/>
    <mergeCell ref="D96:T96"/>
    <mergeCell ref="V96:W96"/>
    <mergeCell ref="AA96:AB96"/>
    <mergeCell ref="AC96:AE96"/>
    <mergeCell ref="B97:C97"/>
    <mergeCell ref="D97:T97"/>
    <mergeCell ref="V97:W97"/>
    <mergeCell ref="AA97:AB97"/>
    <mergeCell ref="AC97:AE97"/>
    <mergeCell ref="B98:C98"/>
    <mergeCell ref="D98:T98"/>
    <mergeCell ref="V98:W98"/>
    <mergeCell ref="AA98:AB98"/>
    <mergeCell ref="AC98:AE98"/>
    <mergeCell ref="B99:C99"/>
    <mergeCell ref="D99:T99"/>
    <mergeCell ref="V99:W99"/>
    <mergeCell ref="AA99:AB99"/>
    <mergeCell ref="AC99:AE99"/>
    <mergeCell ref="B100:C100"/>
    <mergeCell ref="D100:T100"/>
    <mergeCell ref="V100:W100"/>
    <mergeCell ref="AA100:AB100"/>
    <mergeCell ref="AC100:AE100"/>
    <mergeCell ref="B101:C101"/>
    <mergeCell ref="D101:T101"/>
    <mergeCell ref="V101:W101"/>
    <mergeCell ref="AA101:AB101"/>
    <mergeCell ref="AC101:AE101"/>
    <mergeCell ref="B102:C102"/>
    <mergeCell ref="D102:T102"/>
    <mergeCell ref="V102:W102"/>
    <mergeCell ref="AA102:AB102"/>
    <mergeCell ref="AC102:AE102"/>
    <mergeCell ref="B103:C103"/>
    <mergeCell ref="D103:T103"/>
    <mergeCell ref="V103:W103"/>
    <mergeCell ref="AA103:AB103"/>
    <mergeCell ref="AC103:AE103"/>
    <mergeCell ref="AC106:AE107"/>
    <mergeCell ref="AF106:AF107"/>
    <mergeCell ref="B108:C108"/>
    <mergeCell ref="D108:T108"/>
    <mergeCell ref="V108:W108"/>
    <mergeCell ref="AA108:AB108"/>
    <mergeCell ref="AC108:AE108"/>
    <mergeCell ref="B106:C107"/>
    <mergeCell ref="D106:T107"/>
    <mergeCell ref="V106:W107"/>
    <mergeCell ref="X106:X107"/>
    <mergeCell ref="Y106:Z107"/>
    <mergeCell ref="AA106:AB107"/>
    <mergeCell ref="B109:C109"/>
    <mergeCell ref="D109:T109"/>
    <mergeCell ref="V109:W109"/>
    <mergeCell ref="AA109:AB109"/>
    <mergeCell ref="AC109:AE109"/>
    <mergeCell ref="B110:C110"/>
    <mergeCell ref="D110:T110"/>
    <mergeCell ref="V110:W110"/>
    <mergeCell ref="AA110:AB110"/>
    <mergeCell ref="AC110:AE110"/>
    <mergeCell ref="B111:C111"/>
    <mergeCell ref="D111:T111"/>
    <mergeCell ref="V111:W111"/>
    <mergeCell ref="AA111:AB111"/>
    <mergeCell ref="AC111:AE111"/>
    <mergeCell ref="B112:C112"/>
    <mergeCell ref="D112:T112"/>
    <mergeCell ref="V112:W112"/>
    <mergeCell ref="AA112:AB112"/>
    <mergeCell ref="AC112:AE112"/>
    <mergeCell ref="B113:C113"/>
    <mergeCell ref="D113:T113"/>
    <mergeCell ref="V113:W113"/>
    <mergeCell ref="AA113:AB113"/>
    <mergeCell ref="AC113:AE113"/>
    <mergeCell ref="B114:C114"/>
    <mergeCell ref="D114:T114"/>
    <mergeCell ref="V114:W114"/>
    <mergeCell ref="AA114:AB114"/>
    <mergeCell ref="AC114:AE114"/>
    <mergeCell ref="B115:C115"/>
    <mergeCell ref="D115:T115"/>
    <mergeCell ref="V115:W115"/>
    <mergeCell ref="AA115:AB115"/>
    <mergeCell ref="AC115:AE115"/>
    <mergeCell ref="B116:C116"/>
    <mergeCell ref="D116:T116"/>
    <mergeCell ref="V116:W116"/>
    <mergeCell ref="AA116:AB116"/>
    <mergeCell ref="AC116:AE116"/>
    <mergeCell ref="B117:C117"/>
    <mergeCell ref="D117:T117"/>
    <mergeCell ref="V117:W117"/>
    <mergeCell ref="AA117:AB117"/>
    <mergeCell ref="AC117:AE117"/>
    <mergeCell ref="B118:C118"/>
    <mergeCell ref="D118:T118"/>
    <mergeCell ref="V118:W118"/>
    <mergeCell ref="AA118:AB118"/>
    <mergeCell ref="AC118:AE118"/>
    <mergeCell ref="B119:C119"/>
    <mergeCell ref="D119:T119"/>
    <mergeCell ref="V119:W119"/>
    <mergeCell ref="AA119:AB119"/>
    <mergeCell ref="AC119:AE119"/>
    <mergeCell ref="B120:C120"/>
    <mergeCell ref="D120:T120"/>
    <mergeCell ref="V120:W120"/>
    <mergeCell ref="AA120:AB120"/>
    <mergeCell ref="AC120:AE120"/>
    <mergeCell ref="B121:C121"/>
    <mergeCell ref="D121:T121"/>
    <mergeCell ref="V121:W121"/>
    <mergeCell ref="AA121:AB121"/>
    <mergeCell ref="AC121:AE121"/>
    <mergeCell ref="B122:C122"/>
    <mergeCell ref="D122:T122"/>
    <mergeCell ref="V122:W122"/>
    <mergeCell ref="AA122:AB122"/>
    <mergeCell ref="AC122:AE122"/>
  </mergeCells>
  <phoneticPr fontId="24"/>
  <conditionalFormatting sqref="B1:AF8 B65:AF74 B15:AF22 B9:AE14 B23:AE23 B60:Z63 AC60:AF63 B24:AF33 B76:AF100 B75:Z75 AC75:AF75 B102:AF1048576 B101:Z101 AC101:AF101 B49:AF59 B48:AE48 B35:AF44 B34:AE34 B46:AF47 B45:AE45">
    <cfRule type="expression" dxfId="35" priority="15">
      <formula>$AI1="□"</formula>
    </cfRule>
  </conditionalFormatting>
  <conditionalFormatting sqref="B64:Z64 AC64:AF64">
    <cfRule type="expression" dxfId="34" priority="14">
      <formula>$AI64="□"</formula>
    </cfRule>
  </conditionalFormatting>
  <conditionalFormatting sqref="AF9:AF14">
    <cfRule type="expression" dxfId="33" priority="13">
      <formula>$AI9="□"</formula>
    </cfRule>
  </conditionalFormatting>
  <conditionalFormatting sqref="AF23">
    <cfRule type="expression" dxfId="32" priority="12">
      <formula>$AI23="□"</formula>
    </cfRule>
  </conditionalFormatting>
  <conditionalFormatting sqref="AA60:AB60">
    <cfRule type="expression" dxfId="31" priority="10">
      <formula>$AI60="□"</formula>
    </cfRule>
  </conditionalFormatting>
  <conditionalFormatting sqref="AA61:AB61">
    <cfRule type="expression" dxfId="30" priority="9">
      <formula>$AI61="□"</formula>
    </cfRule>
  </conditionalFormatting>
  <conditionalFormatting sqref="AA62:AB62">
    <cfRule type="expression" dxfId="29" priority="8">
      <formula>$AI62="□"</formula>
    </cfRule>
  </conditionalFormatting>
  <conditionalFormatting sqref="AA63:AB63">
    <cfRule type="expression" dxfId="28" priority="7">
      <formula>$AI63="□"</formula>
    </cfRule>
  </conditionalFormatting>
  <conditionalFormatting sqref="AA64:AB64">
    <cfRule type="expression" dxfId="27" priority="6">
      <formula>$AI64="□"</formula>
    </cfRule>
  </conditionalFormatting>
  <conditionalFormatting sqref="AA75:AB75">
    <cfRule type="expression" dxfId="26" priority="5">
      <formula>$AI75="□"</formula>
    </cfRule>
  </conditionalFormatting>
  <conditionalFormatting sqref="AA101:AB101">
    <cfRule type="expression" dxfId="25" priority="4">
      <formula>$AI101="□"</formula>
    </cfRule>
  </conditionalFormatting>
  <conditionalFormatting sqref="AF48">
    <cfRule type="expression" dxfId="24" priority="3">
      <formula>$AN48="□"</formula>
    </cfRule>
  </conditionalFormatting>
  <conditionalFormatting sqref="AF34">
    <cfRule type="expression" dxfId="23" priority="2">
      <formula>$AN34="□"</formula>
    </cfRule>
  </conditionalFormatting>
  <conditionalFormatting sqref="AF45">
    <cfRule type="expression" dxfId="22" priority="1">
      <formula>$AN45="□"</formula>
    </cfRule>
  </conditionalFormatting>
  <dataValidations count="8">
    <dataValidation type="list" allowBlank="1" showInputMessage="1" showErrorMessage="1" sqref="I6:J6 S6:T6" xr:uid="{34977A5F-909F-4C65-8D72-9E77E65DFC1B}">
      <formula1>"08,09,10,11,12,13,14,15,16,17,18,19,20,21,22,23,24,25,26,27,28,29,30"</formula1>
    </dataValidation>
    <dataValidation type="list" allowBlank="1" showInputMessage="1" showErrorMessage="1" sqref="G10:S10 G14:S14 G12:S12" xr:uid="{9775BA83-DA33-48D0-BFD7-7071BBC43A7F}">
      <formula1>$F$145:$F$160</formula1>
    </dataValidation>
    <dataValidation type="list" allowBlank="1" showInputMessage="1" showErrorMessage="1" sqref="G4:N4" xr:uid="{FCCAD2F0-CA43-430E-86DE-C1053D30B7ED}">
      <formula1>$A$145:$A$147</formula1>
    </dataValidation>
    <dataValidation type="list" allowBlank="1" showInputMessage="1" showErrorMessage="1" sqref="R8:V8" xr:uid="{82CEAE17-D906-4FA4-B428-6B935F122426}">
      <formula1>$E$145:$E$148</formula1>
    </dataValidation>
    <dataValidation type="list" allowBlank="1" showInputMessage="1" showErrorMessage="1" sqref="AC93:AC103 AC108:AC122 AC82:AC88 AC70:AC77 AC26:AC65" xr:uid="{1E42E711-F4D1-45A8-A286-BC9B3E6AD131}">
      <formula1>$C$145:$C$150</formula1>
    </dataValidation>
    <dataValidation type="list" allowBlank="1" showInputMessage="1" showErrorMessage="1" sqref="F17:F21" xr:uid="{E14DF132-8683-426F-8D01-99EE0A6D384A}">
      <formula1>"□,■"</formula1>
    </dataValidation>
    <dataValidation type="list" allowBlank="1" showInputMessage="1" showErrorMessage="1" sqref="AA26:AA65 AA70:AA77 AA108:AA122 AA82:AA88 AA93:AA103" xr:uid="{8545F4F8-1A54-439F-9C2D-E86B513E1C97}">
      <formula1>"○,×"</formula1>
    </dataValidation>
    <dataValidation type="list" allowBlank="1" showInputMessage="1" showErrorMessage="1" sqref="G8:M8" xr:uid="{D9499ABA-5D2C-4F43-B0AD-9FD1218E7944}">
      <formula1>"する,しない"</formula1>
    </dataValidation>
  </dataValidations>
  <pageMargins left="0.19685039370078741" right="0.19685039370078741" top="0.39370078740157483" bottom="0.39370078740157483" header="0.19685039370078741" footer="0.19685039370078741"/>
  <pageSetup paperSize="9" scale="78" fitToHeight="0" orientation="landscape" r:id="rId1"/>
  <headerFooter alignWithMargins="0">
    <oddFooter>&amp;C&amp;P</oddFooter>
  </headerFooter>
  <rowBreaks count="3" manualBreakCount="3">
    <brk id="45" max="32" man="1"/>
    <brk id="66" max="32" man="1"/>
    <brk id="104" max="32"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C775E6-BB0C-4A76-B4C4-188EA0046312}">
  <sheetPr codeName="Sheet8">
    <pageSetUpPr fitToPage="1"/>
  </sheetPr>
  <dimension ref="A1:AI239"/>
  <sheetViews>
    <sheetView showGridLines="0" view="pageBreakPreview" zoomScaleNormal="100" zoomScaleSheetLayoutView="100" workbookViewId="0"/>
  </sheetViews>
  <sheetFormatPr defaultColWidth="9" defaultRowHeight="13"/>
  <cols>
    <col min="1" max="1" width="2.6328125" style="3" customWidth="1"/>
    <col min="2" max="2" width="2.90625" style="3" customWidth="1"/>
    <col min="3" max="3" width="2.6328125" style="3" customWidth="1"/>
    <col min="4" max="4" width="2.90625" style="32" customWidth="1"/>
    <col min="5" max="16" width="2.6328125" style="32" customWidth="1"/>
    <col min="17" max="17" width="2.90625" style="32" customWidth="1"/>
    <col min="18" max="18" width="3.90625" style="32" bestFit="1" customWidth="1"/>
    <col min="19" max="19" width="2.6328125" style="32" customWidth="1"/>
    <col min="20" max="20" width="2.08984375" style="32" customWidth="1"/>
    <col min="21" max="21" width="6.08984375" style="1" hidden="1" customWidth="1"/>
    <col min="22" max="22" width="3.453125" style="3" customWidth="1"/>
    <col min="23" max="23" width="2.6328125" style="3" customWidth="1"/>
    <col min="24" max="24" width="8.08984375" style="3" bestFit="1" customWidth="1"/>
    <col min="25" max="25" width="2.90625" style="3" bestFit="1" customWidth="1"/>
    <col min="26" max="26" width="2.6328125" style="3" customWidth="1"/>
    <col min="27" max="28" width="2.6328125" style="16" customWidth="1"/>
    <col min="29" max="29" width="5.90625" style="16" customWidth="1"/>
    <col min="30" max="31" width="2.6328125" style="16" customWidth="1"/>
    <col min="32" max="32" width="81.453125" style="55" bestFit="1" customWidth="1"/>
    <col min="33" max="33" width="5.36328125" style="366" customWidth="1"/>
    <col min="34" max="35" width="9" style="16"/>
    <col min="36" max="16384" width="9" style="3"/>
  </cols>
  <sheetData>
    <row r="1" spans="1:35" customFormat="1" ht="39" customHeight="1">
      <c r="A1" s="79"/>
      <c r="B1" s="80" t="s">
        <v>337</v>
      </c>
      <c r="C1" s="80"/>
      <c r="D1" s="80"/>
      <c r="E1" s="80"/>
      <c r="F1" s="80"/>
      <c r="G1" s="80"/>
      <c r="H1" s="80"/>
      <c r="I1" s="80"/>
      <c r="J1" s="80"/>
      <c r="K1" s="80"/>
      <c r="L1" s="80"/>
      <c r="M1" s="80"/>
      <c r="N1" s="80"/>
      <c r="O1" s="80"/>
      <c r="P1" s="80"/>
      <c r="Q1" s="80"/>
      <c r="R1" s="80"/>
      <c r="S1" s="80"/>
      <c r="T1" s="80"/>
      <c r="U1" s="217"/>
      <c r="V1" s="81"/>
      <c r="W1" s="80"/>
      <c r="X1" s="80"/>
      <c r="Y1" s="80"/>
      <c r="Z1" s="80"/>
      <c r="AA1" s="323"/>
      <c r="AB1" s="323"/>
      <c r="AC1" s="323"/>
      <c r="AD1" s="323"/>
      <c r="AE1" s="323"/>
      <c r="AF1" s="355"/>
      <c r="AG1" s="356"/>
      <c r="AH1" s="71"/>
      <c r="AI1" s="71"/>
    </row>
    <row r="2" spans="1:35" s="1" customFormat="1" ht="24.75" customHeight="1">
      <c r="A2" s="83"/>
      <c r="B2" s="84"/>
      <c r="C2" s="85" t="s">
        <v>1955</v>
      </c>
      <c r="D2" s="85"/>
      <c r="E2" s="86"/>
      <c r="F2" s="86"/>
      <c r="G2" s="86"/>
      <c r="H2" s="86"/>
      <c r="I2" s="86"/>
      <c r="J2" s="86"/>
      <c r="K2" s="86"/>
      <c r="L2" s="86"/>
      <c r="M2" s="86"/>
      <c r="N2" s="86"/>
      <c r="O2" s="86"/>
      <c r="P2" s="86"/>
      <c r="Q2" s="86"/>
      <c r="R2" s="86"/>
      <c r="S2" s="86"/>
      <c r="T2" s="86"/>
      <c r="U2" s="86"/>
      <c r="V2" s="86"/>
      <c r="W2" s="86"/>
      <c r="X2" s="86"/>
      <c r="Y2" s="86"/>
      <c r="Z2" s="86"/>
      <c r="AA2" s="324"/>
      <c r="AB2" s="324"/>
      <c r="AC2" s="324"/>
      <c r="AD2" s="324"/>
      <c r="AE2" s="324"/>
      <c r="AF2" s="357"/>
      <c r="AG2" s="358"/>
      <c r="AH2" s="26"/>
      <c r="AI2" s="26"/>
    </row>
    <row r="3" spans="1:35" customFormat="1">
      <c r="A3" s="88"/>
      <c r="B3" s="104"/>
      <c r="AA3" s="71"/>
      <c r="AB3" s="71"/>
      <c r="AC3" s="71"/>
      <c r="AD3" s="71"/>
      <c r="AE3" s="71"/>
      <c r="AF3" s="359"/>
      <c r="AG3" s="360"/>
      <c r="AH3" s="71"/>
      <c r="AI3" s="71"/>
    </row>
    <row r="4" spans="1:35" s="1" customFormat="1" ht="13.5" customHeight="1">
      <c r="A4" s="6"/>
      <c r="B4" s="8"/>
      <c r="C4" s="7" t="s">
        <v>339</v>
      </c>
      <c r="D4" s="8"/>
      <c r="E4" s="9"/>
      <c r="F4" s="9"/>
      <c r="G4" s="612" t="s">
        <v>340</v>
      </c>
      <c r="H4" s="613"/>
      <c r="I4" s="613"/>
      <c r="J4" s="613"/>
      <c r="K4" s="613"/>
      <c r="L4" s="613"/>
      <c r="M4" s="613"/>
      <c r="N4" s="614"/>
      <c r="O4" s="110"/>
      <c r="P4" s="9"/>
      <c r="Q4" s="9"/>
      <c r="R4" s="9"/>
      <c r="S4" s="9"/>
      <c r="T4" s="9"/>
      <c r="U4" s="9"/>
      <c r="V4" s="9"/>
      <c r="W4" s="9"/>
      <c r="X4" s="9"/>
      <c r="Y4" s="9"/>
      <c r="Z4" s="9"/>
      <c r="AA4" s="250"/>
      <c r="AB4" s="250"/>
      <c r="AC4" s="250"/>
      <c r="AD4" s="250"/>
      <c r="AE4" s="325"/>
      <c r="AF4" s="273"/>
      <c r="AG4" s="334"/>
      <c r="AH4" s="26"/>
      <c r="AI4" s="26"/>
    </row>
    <row r="5" spans="1:35" s="1" customFormat="1" ht="13.5" customHeight="1">
      <c r="A5" s="6"/>
      <c r="B5" s="8"/>
      <c r="C5" s="8"/>
      <c r="D5" s="8"/>
      <c r="E5" s="9"/>
      <c r="F5" s="9"/>
      <c r="G5" s="9"/>
      <c r="H5" s="9"/>
      <c r="I5" s="9"/>
      <c r="J5" s="9"/>
      <c r="K5" s="9"/>
      <c r="L5" s="9"/>
      <c r="M5" s="9"/>
      <c r="N5" s="9"/>
      <c r="O5" s="9"/>
      <c r="P5" s="9"/>
      <c r="Q5" s="9"/>
      <c r="R5" s="9"/>
      <c r="S5" s="9"/>
      <c r="T5" s="9"/>
      <c r="U5" s="9"/>
      <c r="V5" s="9"/>
      <c r="W5" s="9"/>
      <c r="X5" s="9"/>
      <c r="Y5" s="9"/>
      <c r="Z5" s="9"/>
      <c r="AA5" s="250"/>
      <c r="AB5" s="250"/>
      <c r="AC5" s="250"/>
      <c r="AD5" s="250"/>
      <c r="AE5" s="325"/>
      <c r="AF5" s="273"/>
      <c r="AG5" s="334"/>
      <c r="AH5" s="26"/>
      <c r="AI5" s="26"/>
    </row>
    <row r="6" spans="1:35" s="9" customFormat="1">
      <c r="A6" s="90"/>
      <c r="C6" s="91" t="s">
        <v>341</v>
      </c>
      <c r="D6" s="91"/>
      <c r="E6" s="91"/>
      <c r="F6" s="91"/>
      <c r="G6" s="615">
        <v>20</v>
      </c>
      <c r="H6" s="615"/>
      <c r="I6" s="604"/>
      <c r="J6" s="605"/>
      <c r="K6" s="706" t="s">
        <v>1793</v>
      </c>
      <c r="L6" s="703"/>
      <c r="M6" s="703"/>
      <c r="N6" s="91"/>
      <c r="O6" s="616" t="s">
        <v>344</v>
      </c>
      <c r="P6" s="616"/>
      <c r="R6" s="376">
        <v>20</v>
      </c>
      <c r="S6" s="604"/>
      <c r="T6" s="605"/>
      <c r="V6" s="703" t="s">
        <v>1793</v>
      </c>
      <c r="W6" s="703"/>
      <c r="X6" s="704"/>
      <c r="Y6" s="705"/>
      <c r="Z6" s="91"/>
      <c r="AA6" s="361"/>
      <c r="AB6" s="250"/>
      <c r="AC6" s="250"/>
      <c r="AD6" s="250"/>
      <c r="AE6" s="250"/>
      <c r="AF6" s="243"/>
      <c r="AG6" s="362"/>
      <c r="AH6" s="250"/>
      <c r="AI6" s="250"/>
    </row>
    <row r="7" spans="1:35" s="1" customFormat="1">
      <c r="A7" s="2"/>
      <c r="C7" s="7"/>
      <c r="D7" s="7"/>
      <c r="E7" s="7"/>
      <c r="F7" s="7"/>
      <c r="G7" s="78"/>
      <c r="H7" s="78"/>
      <c r="I7" s="78"/>
      <c r="J7" s="110"/>
      <c r="K7" s="110"/>
      <c r="L7" s="7"/>
      <c r="M7" s="110"/>
      <c r="N7" s="110"/>
      <c r="O7" s="110"/>
      <c r="P7" s="7"/>
      <c r="R7" s="110"/>
      <c r="S7" s="110"/>
      <c r="T7" s="78"/>
      <c r="U7" s="78"/>
      <c r="V7" s="110"/>
      <c r="W7" s="110"/>
      <c r="X7" s="110"/>
      <c r="Y7" s="7"/>
      <c r="Z7" s="110"/>
      <c r="AA7" s="97"/>
      <c r="AB7" s="97"/>
      <c r="AC7" s="47"/>
      <c r="AD7" s="26"/>
      <c r="AE7" s="47"/>
      <c r="AF7" s="55"/>
      <c r="AG7" s="334"/>
      <c r="AH7" s="26"/>
      <c r="AI7" s="26"/>
    </row>
    <row r="8" spans="1:35" s="1" customFormat="1">
      <c r="A8" s="15"/>
      <c r="B8" s="30" t="s">
        <v>380</v>
      </c>
      <c r="C8" s="31"/>
      <c r="D8" s="32"/>
      <c r="E8" s="32"/>
      <c r="F8" s="32"/>
      <c r="G8" s="32"/>
      <c r="H8" s="32"/>
      <c r="I8" s="3"/>
      <c r="J8" s="127" t="s">
        <v>1956</v>
      </c>
      <c r="K8" s="32"/>
      <c r="L8" s="33"/>
      <c r="M8" s="32"/>
      <c r="N8" s="32"/>
      <c r="O8" s="32"/>
      <c r="P8" s="32"/>
      <c r="Q8" s="32"/>
      <c r="R8" s="32"/>
      <c r="S8" s="32"/>
      <c r="T8" s="32"/>
      <c r="V8" s="3"/>
      <c r="W8" s="3"/>
      <c r="X8" s="3"/>
      <c r="Y8" s="3"/>
      <c r="Z8" s="3"/>
      <c r="AA8" s="16"/>
      <c r="AB8" s="16"/>
      <c r="AC8" s="16"/>
      <c r="AD8" s="16"/>
      <c r="AE8" s="16"/>
      <c r="AF8" s="55"/>
      <c r="AG8" s="363"/>
      <c r="AH8" s="26"/>
      <c r="AI8" s="26"/>
    </row>
    <row r="9" spans="1:35" s="1" customFormat="1" ht="12.75" customHeight="1">
      <c r="A9" s="15"/>
      <c r="B9" s="583" t="s">
        <v>73</v>
      </c>
      <c r="C9" s="573"/>
      <c r="D9" s="572" t="s">
        <v>94</v>
      </c>
      <c r="E9" s="572"/>
      <c r="F9" s="572"/>
      <c r="G9" s="572"/>
      <c r="H9" s="572"/>
      <c r="I9" s="572"/>
      <c r="J9" s="572"/>
      <c r="K9" s="572"/>
      <c r="L9" s="572"/>
      <c r="M9" s="572"/>
      <c r="N9" s="572"/>
      <c r="O9" s="572"/>
      <c r="P9" s="572"/>
      <c r="Q9" s="572"/>
      <c r="R9" s="572"/>
      <c r="S9" s="572"/>
      <c r="T9" s="572"/>
      <c r="U9" s="226" t="s">
        <v>383</v>
      </c>
      <c r="V9" s="572" t="s">
        <v>138</v>
      </c>
      <c r="W9" s="572"/>
      <c r="X9" s="581" t="s">
        <v>959</v>
      </c>
      <c r="Y9" s="572" t="s">
        <v>97</v>
      </c>
      <c r="Z9" s="572"/>
      <c r="AA9" s="572" t="s">
        <v>98</v>
      </c>
      <c r="AB9" s="572"/>
      <c r="AC9" s="583" t="s">
        <v>75</v>
      </c>
      <c r="AD9" s="583"/>
      <c r="AE9" s="583"/>
      <c r="AF9" s="581" t="s">
        <v>159</v>
      </c>
      <c r="AG9" s="363"/>
      <c r="AH9" s="26"/>
      <c r="AI9" s="26"/>
    </row>
    <row r="10" spans="1:35" ht="15" customHeight="1">
      <c r="A10" s="15"/>
      <c r="B10" s="573"/>
      <c r="C10" s="573"/>
      <c r="D10" s="572"/>
      <c r="E10" s="572"/>
      <c r="F10" s="572"/>
      <c r="G10" s="572"/>
      <c r="H10" s="572"/>
      <c r="I10" s="572"/>
      <c r="J10" s="572"/>
      <c r="K10" s="572"/>
      <c r="L10" s="572"/>
      <c r="M10" s="572"/>
      <c r="N10" s="572"/>
      <c r="O10" s="572"/>
      <c r="P10" s="572"/>
      <c r="Q10" s="572"/>
      <c r="R10" s="572"/>
      <c r="S10" s="572"/>
      <c r="T10" s="572"/>
      <c r="U10" s="227"/>
      <c r="V10" s="572"/>
      <c r="W10" s="572"/>
      <c r="X10" s="582"/>
      <c r="Y10" s="572"/>
      <c r="Z10" s="572"/>
      <c r="AA10" s="572"/>
      <c r="AB10" s="572"/>
      <c r="AC10" s="583"/>
      <c r="AD10" s="583"/>
      <c r="AE10" s="583"/>
      <c r="AF10" s="582"/>
      <c r="AG10" s="363"/>
    </row>
    <row r="11" spans="1:35" ht="12.75" customHeight="1">
      <c r="A11" s="392"/>
      <c r="B11" s="541">
        <v>1</v>
      </c>
      <c r="C11" s="542"/>
      <c r="D11" s="543" t="s">
        <v>1957</v>
      </c>
      <c r="E11" s="544"/>
      <c r="F11" s="544"/>
      <c r="G11" s="544"/>
      <c r="H11" s="544"/>
      <c r="I11" s="544"/>
      <c r="J11" s="544"/>
      <c r="K11" s="544"/>
      <c r="L11" s="544"/>
      <c r="M11" s="544"/>
      <c r="N11" s="544"/>
      <c r="O11" s="544"/>
      <c r="P11" s="544"/>
      <c r="Q11" s="544"/>
      <c r="R11" s="544"/>
      <c r="S11" s="544"/>
      <c r="T11" s="545"/>
      <c r="U11" s="221" t="s">
        <v>1958</v>
      </c>
      <c r="V11" s="546" t="s">
        <v>107</v>
      </c>
      <c r="W11" s="548"/>
      <c r="X11" s="408" t="s">
        <v>102</v>
      </c>
      <c r="Y11" s="415">
        <v>2</v>
      </c>
      <c r="Z11" s="415" t="s">
        <v>103</v>
      </c>
      <c r="AA11" s="700"/>
      <c r="AB11" s="700"/>
      <c r="AC11" s="592"/>
      <c r="AD11" s="592"/>
      <c r="AE11" s="592"/>
      <c r="AF11" s="265"/>
      <c r="AG11" s="364"/>
    </row>
    <row r="12" spans="1:35" ht="12.75" customHeight="1">
      <c r="A12" s="392"/>
      <c r="B12" s="541">
        <v>2</v>
      </c>
      <c r="C12" s="542"/>
      <c r="D12" s="718" t="s">
        <v>1959</v>
      </c>
      <c r="E12" s="719"/>
      <c r="F12" s="719"/>
      <c r="G12" s="719"/>
      <c r="H12" s="719"/>
      <c r="I12" s="719"/>
      <c r="J12" s="719"/>
      <c r="K12" s="719"/>
      <c r="L12" s="719"/>
      <c r="M12" s="719"/>
      <c r="N12" s="719"/>
      <c r="O12" s="719"/>
      <c r="P12" s="719"/>
      <c r="Q12" s="719"/>
      <c r="R12" s="719"/>
      <c r="S12" s="719"/>
      <c r="T12" s="720"/>
      <c r="U12" s="221" t="s">
        <v>1960</v>
      </c>
      <c r="V12" s="546" t="s">
        <v>107</v>
      </c>
      <c r="W12" s="548"/>
      <c r="X12" s="408" t="s">
        <v>108</v>
      </c>
      <c r="Y12" s="415">
        <v>8</v>
      </c>
      <c r="Z12" s="415">
        <v>0</v>
      </c>
      <c r="AA12" s="700"/>
      <c r="AB12" s="700"/>
      <c r="AC12" s="592"/>
      <c r="AD12" s="592"/>
      <c r="AE12" s="592"/>
      <c r="AF12" s="265"/>
      <c r="AG12" s="364"/>
    </row>
    <row r="13" spans="1:35" s="1" customFormat="1" ht="13.4" customHeight="1">
      <c r="A13" s="392"/>
      <c r="B13" s="541">
        <v>3</v>
      </c>
      <c r="C13" s="542"/>
      <c r="D13" s="718" t="s">
        <v>1961</v>
      </c>
      <c r="E13" s="719"/>
      <c r="F13" s="719"/>
      <c r="G13" s="719"/>
      <c r="H13" s="719"/>
      <c r="I13" s="719"/>
      <c r="J13" s="719"/>
      <c r="K13" s="719"/>
      <c r="L13" s="719"/>
      <c r="M13" s="719"/>
      <c r="N13" s="719"/>
      <c r="O13" s="719"/>
      <c r="P13" s="719"/>
      <c r="Q13" s="719"/>
      <c r="R13" s="719"/>
      <c r="S13" s="719"/>
      <c r="T13" s="720"/>
      <c r="U13" s="221" t="s">
        <v>1962</v>
      </c>
      <c r="V13" s="546" t="s">
        <v>107</v>
      </c>
      <c r="W13" s="548"/>
      <c r="X13" s="408" t="s">
        <v>108</v>
      </c>
      <c r="Y13" s="415">
        <v>8</v>
      </c>
      <c r="Z13" s="415">
        <v>0</v>
      </c>
      <c r="AA13" s="700"/>
      <c r="AB13" s="700"/>
      <c r="AC13" s="592"/>
      <c r="AD13" s="592"/>
      <c r="AE13" s="592"/>
      <c r="AF13" s="267"/>
      <c r="AG13" s="365"/>
      <c r="AH13" s="26"/>
      <c r="AI13" s="26"/>
    </row>
    <row r="14" spans="1:35" s="1" customFormat="1" ht="13.4" customHeight="1">
      <c r="A14" s="392"/>
      <c r="B14" s="541">
        <v>4</v>
      </c>
      <c r="C14" s="542"/>
      <c r="D14" s="718" t="s">
        <v>1963</v>
      </c>
      <c r="E14" s="719"/>
      <c r="F14" s="719"/>
      <c r="G14" s="719"/>
      <c r="H14" s="719"/>
      <c r="I14" s="719"/>
      <c r="J14" s="719"/>
      <c r="K14" s="719"/>
      <c r="L14" s="719"/>
      <c r="M14" s="719"/>
      <c r="N14" s="719"/>
      <c r="O14" s="719"/>
      <c r="P14" s="719"/>
      <c r="Q14" s="719"/>
      <c r="R14" s="719"/>
      <c r="S14" s="719"/>
      <c r="T14" s="720"/>
      <c r="U14" s="221" t="s">
        <v>1964</v>
      </c>
      <c r="V14" s="546" t="s">
        <v>107</v>
      </c>
      <c r="W14" s="548"/>
      <c r="X14" s="408" t="s">
        <v>108</v>
      </c>
      <c r="Y14" s="415">
        <v>8</v>
      </c>
      <c r="Z14" s="415">
        <v>0</v>
      </c>
      <c r="AA14" s="700"/>
      <c r="AB14" s="700"/>
      <c r="AC14" s="592"/>
      <c r="AD14" s="592"/>
      <c r="AE14" s="592"/>
      <c r="AF14" s="267"/>
      <c r="AG14" s="365"/>
      <c r="AH14" s="26"/>
      <c r="AI14" s="26"/>
    </row>
    <row r="15" spans="1:35" s="13" customFormat="1" ht="13.5" customHeight="1">
      <c r="A15" s="393"/>
      <c r="B15" s="714">
        <v>5</v>
      </c>
      <c r="C15" s="715"/>
      <c r="D15" s="718" t="s">
        <v>1965</v>
      </c>
      <c r="E15" s="719"/>
      <c r="F15" s="719"/>
      <c r="G15" s="719"/>
      <c r="H15" s="719"/>
      <c r="I15" s="719"/>
      <c r="J15" s="719"/>
      <c r="K15" s="719"/>
      <c r="L15" s="719"/>
      <c r="M15" s="719"/>
      <c r="N15" s="719"/>
      <c r="O15" s="719"/>
      <c r="P15" s="719"/>
      <c r="Q15" s="719"/>
      <c r="R15" s="719"/>
      <c r="S15" s="719"/>
      <c r="T15" s="720"/>
      <c r="U15" s="219" t="s">
        <v>1966</v>
      </c>
      <c r="V15" s="546" t="s">
        <v>107</v>
      </c>
      <c r="W15" s="548"/>
      <c r="X15" s="410" t="s">
        <v>108</v>
      </c>
      <c r="Y15" s="415">
        <v>8</v>
      </c>
      <c r="Z15" s="415">
        <v>0</v>
      </c>
      <c r="AA15" s="700"/>
      <c r="AB15" s="700"/>
      <c r="AC15" s="592"/>
      <c r="AD15" s="592"/>
      <c r="AE15" s="592"/>
      <c r="AF15" s="265"/>
      <c r="AG15" s="364"/>
      <c r="AH15" s="54"/>
      <c r="AI15" s="54"/>
    </row>
    <row r="16" spans="1:35" s="13" customFormat="1" ht="13.5" customHeight="1">
      <c r="A16" s="393"/>
      <c r="B16" s="714">
        <v>6</v>
      </c>
      <c r="C16" s="715"/>
      <c r="D16" s="718" t="s">
        <v>1967</v>
      </c>
      <c r="E16" s="719"/>
      <c r="F16" s="719"/>
      <c r="G16" s="719"/>
      <c r="H16" s="719"/>
      <c r="I16" s="719"/>
      <c r="J16" s="719"/>
      <c r="K16" s="719"/>
      <c r="L16" s="719"/>
      <c r="M16" s="719"/>
      <c r="N16" s="719"/>
      <c r="O16" s="719"/>
      <c r="P16" s="719"/>
      <c r="Q16" s="719"/>
      <c r="R16" s="719"/>
      <c r="S16" s="719"/>
      <c r="T16" s="720"/>
      <c r="U16" s="219" t="s">
        <v>1968</v>
      </c>
      <c r="V16" s="546" t="s">
        <v>107</v>
      </c>
      <c r="W16" s="548"/>
      <c r="X16" s="410" t="s">
        <v>108</v>
      </c>
      <c r="Y16" s="415">
        <v>8</v>
      </c>
      <c r="Z16" s="415">
        <v>0</v>
      </c>
      <c r="AA16" s="700"/>
      <c r="AB16" s="700"/>
      <c r="AC16" s="592"/>
      <c r="AD16" s="592"/>
      <c r="AE16" s="592"/>
      <c r="AF16" s="265"/>
      <c r="AG16" s="364"/>
      <c r="AH16" s="54"/>
      <c r="AI16" s="54"/>
    </row>
    <row r="17" spans="1:35" s="34" customFormat="1" ht="13.5" customHeight="1">
      <c r="A17" s="393"/>
      <c r="B17" s="714">
        <v>7</v>
      </c>
      <c r="C17" s="715"/>
      <c r="D17" s="721" t="s">
        <v>1969</v>
      </c>
      <c r="E17" s="722"/>
      <c r="F17" s="722"/>
      <c r="G17" s="722"/>
      <c r="H17" s="722"/>
      <c r="I17" s="722"/>
      <c r="J17" s="722"/>
      <c r="K17" s="722"/>
      <c r="L17" s="722"/>
      <c r="M17" s="722"/>
      <c r="N17" s="722"/>
      <c r="O17" s="722"/>
      <c r="P17" s="722"/>
      <c r="Q17" s="722"/>
      <c r="R17" s="722"/>
      <c r="S17" s="722"/>
      <c r="T17" s="723"/>
      <c r="U17" s="219" t="s">
        <v>1970</v>
      </c>
      <c r="V17" s="546" t="s">
        <v>107</v>
      </c>
      <c r="W17" s="548"/>
      <c r="X17" s="410" t="s">
        <v>108</v>
      </c>
      <c r="Y17" s="415">
        <v>8</v>
      </c>
      <c r="Z17" s="415">
        <v>0</v>
      </c>
      <c r="AA17" s="700"/>
      <c r="AB17" s="700"/>
      <c r="AC17" s="592"/>
      <c r="AD17" s="592"/>
      <c r="AE17" s="592"/>
      <c r="AF17" s="267"/>
      <c r="AG17" s="365"/>
      <c r="AH17" s="55"/>
      <c r="AI17" s="55"/>
    </row>
    <row r="18" spans="1:35" s="34" customFormat="1" ht="30.75" customHeight="1">
      <c r="A18" s="393"/>
      <c r="B18" s="714">
        <v>8</v>
      </c>
      <c r="C18" s="715"/>
      <c r="D18" s="721" t="s">
        <v>1971</v>
      </c>
      <c r="E18" s="722"/>
      <c r="F18" s="722"/>
      <c r="G18" s="722"/>
      <c r="H18" s="722"/>
      <c r="I18" s="722"/>
      <c r="J18" s="722"/>
      <c r="K18" s="722"/>
      <c r="L18" s="722"/>
      <c r="M18" s="722"/>
      <c r="N18" s="722"/>
      <c r="O18" s="722"/>
      <c r="P18" s="722"/>
      <c r="Q18" s="722"/>
      <c r="R18" s="722"/>
      <c r="S18" s="722"/>
      <c r="T18" s="723"/>
      <c r="U18" s="221" t="s">
        <v>1972</v>
      </c>
      <c r="V18" s="546" t="s">
        <v>107</v>
      </c>
      <c r="W18" s="548"/>
      <c r="X18" s="410" t="s">
        <v>108</v>
      </c>
      <c r="Y18" s="415">
        <v>8</v>
      </c>
      <c r="Z18" s="415">
        <v>0</v>
      </c>
      <c r="AA18" s="700"/>
      <c r="AB18" s="700"/>
      <c r="AC18" s="592"/>
      <c r="AD18" s="592"/>
      <c r="AE18" s="592"/>
      <c r="AF18" s="265"/>
      <c r="AG18" s="364"/>
      <c r="AH18" s="55"/>
      <c r="AI18" s="55"/>
    </row>
    <row r="19" spans="1:35" s="35" customFormat="1" ht="29.15" customHeight="1">
      <c r="A19" s="393"/>
      <c r="B19" s="714">
        <v>9</v>
      </c>
      <c r="C19" s="715"/>
      <c r="D19" s="718" t="s">
        <v>1973</v>
      </c>
      <c r="E19" s="719"/>
      <c r="F19" s="719"/>
      <c r="G19" s="719"/>
      <c r="H19" s="719"/>
      <c r="I19" s="719"/>
      <c r="J19" s="719"/>
      <c r="K19" s="719"/>
      <c r="L19" s="719"/>
      <c r="M19" s="719"/>
      <c r="N19" s="719"/>
      <c r="O19" s="719"/>
      <c r="P19" s="719"/>
      <c r="Q19" s="719"/>
      <c r="R19" s="719"/>
      <c r="S19" s="719"/>
      <c r="T19" s="720"/>
      <c r="U19" s="221" t="s">
        <v>1974</v>
      </c>
      <c r="V19" s="546" t="s">
        <v>107</v>
      </c>
      <c r="W19" s="548"/>
      <c r="X19" s="410" t="s">
        <v>108</v>
      </c>
      <c r="Y19" s="415">
        <v>8</v>
      </c>
      <c r="Z19" s="415">
        <v>0</v>
      </c>
      <c r="AA19" s="700"/>
      <c r="AB19" s="700"/>
      <c r="AC19" s="592"/>
      <c r="AD19" s="592"/>
      <c r="AE19" s="592"/>
      <c r="AF19" s="265"/>
      <c r="AG19" s="364"/>
      <c r="AH19" s="57"/>
      <c r="AI19" s="57"/>
    </row>
    <row r="20" spans="1:35" s="34" customFormat="1" ht="28.5" customHeight="1">
      <c r="A20" s="393"/>
      <c r="B20" s="714">
        <v>10</v>
      </c>
      <c r="C20" s="715"/>
      <c r="D20" s="718" t="s">
        <v>1975</v>
      </c>
      <c r="E20" s="719"/>
      <c r="F20" s="719"/>
      <c r="G20" s="719"/>
      <c r="H20" s="719"/>
      <c r="I20" s="719"/>
      <c r="J20" s="719"/>
      <c r="K20" s="719"/>
      <c r="L20" s="719"/>
      <c r="M20" s="719"/>
      <c r="N20" s="719"/>
      <c r="O20" s="719"/>
      <c r="P20" s="719"/>
      <c r="Q20" s="719"/>
      <c r="R20" s="719"/>
      <c r="S20" s="719"/>
      <c r="T20" s="720"/>
      <c r="U20" s="221" t="s">
        <v>1976</v>
      </c>
      <c r="V20" s="546" t="s">
        <v>107</v>
      </c>
      <c r="W20" s="548"/>
      <c r="X20" s="410" t="s">
        <v>108</v>
      </c>
      <c r="Y20" s="415">
        <v>8</v>
      </c>
      <c r="Z20" s="415">
        <v>0</v>
      </c>
      <c r="AA20" s="700"/>
      <c r="AB20" s="700"/>
      <c r="AC20" s="592"/>
      <c r="AD20" s="592"/>
      <c r="AE20" s="592"/>
      <c r="AF20" s="265"/>
      <c r="AG20" s="364"/>
      <c r="AH20" s="55"/>
      <c r="AI20" s="55"/>
    </row>
    <row r="21" spans="1:35" s="34" customFormat="1" ht="13.4" customHeight="1">
      <c r="A21" s="392"/>
      <c r="B21" s="541">
        <v>11</v>
      </c>
      <c r="C21" s="542"/>
      <c r="D21" s="718" t="s">
        <v>1977</v>
      </c>
      <c r="E21" s="719"/>
      <c r="F21" s="719"/>
      <c r="G21" s="719"/>
      <c r="H21" s="719"/>
      <c r="I21" s="719"/>
      <c r="J21" s="719"/>
      <c r="K21" s="719"/>
      <c r="L21" s="719"/>
      <c r="M21" s="719"/>
      <c r="N21" s="719"/>
      <c r="O21" s="719"/>
      <c r="P21" s="719"/>
      <c r="Q21" s="719"/>
      <c r="R21" s="719"/>
      <c r="S21" s="719"/>
      <c r="T21" s="720"/>
      <c r="U21" s="221" t="s">
        <v>1978</v>
      </c>
      <c r="V21" s="546" t="s">
        <v>107</v>
      </c>
      <c r="W21" s="548"/>
      <c r="X21" s="408" t="s">
        <v>108</v>
      </c>
      <c r="Y21" s="415">
        <v>8</v>
      </c>
      <c r="Z21" s="415">
        <v>0</v>
      </c>
      <c r="AA21" s="700"/>
      <c r="AB21" s="700"/>
      <c r="AC21" s="592"/>
      <c r="AD21" s="592"/>
      <c r="AE21" s="592"/>
      <c r="AF21" s="265"/>
      <c r="AG21" s="364"/>
      <c r="AH21" s="55"/>
      <c r="AI21" s="55"/>
    </row>
    <row r="22" spans="1:35" s="34" customFormat="1" ht="13.4" customHeight="1">
      <c r="A22" s="392"/>
      <c r="B22" s="541">
        <v>12</v>
      </c>
      <c r="C22" s="542"/>
      <c r="D22" s="718" t="s">
        <v>1979</v>
      </c>
      <c r="E22" s="719"/>
      <c r="F22" s="719"/>
      <c r="G22" s="719"/>
      <c r="H22" s="719"/>
      <c r="I22" s="719"/>
      <c r="J22" s="719"/>
      <c r="K22" s="719"/>
      <c r="L22" s="719"/>
      <c r="M22" s="719"/>
      <c r="N22" s="719"/>
      <c r="O22" s="719"/>
      <c r="P22" s="719"/>
      <c r="Q22" s="719"/>
      <c r="R22" s="719"/>
      <c r="S22" s="719"/>
      <c r="T22" s="720"/>
      <c r="U22" s="221" t="s">
        <v>1980</v>
      </c>
      <c r="V22" s="546" t="s">
        <v>107</v>
      </c>
      <c r="W22" s="548"/>
      <c r="X22" s="408" t="s">
        <v>108</v>
      </c>
      <c r="Y22" s="415">
        <v>8</v>
      </c>
      <c r="Z22" s="415">
        <v>0</v>
      </c>
      <c r="AA22" s="700"/>
      <c r="AB22" s="700"/>
      <c r="AC22" s="592"/>
      <c r="AD22" s="592"/>
      <c r="AE22" s="592"/>
      <c r="AF22" s="265"/>
      <c r="AG22" s="364"/>
      <c r="AH22" s="55"/>
      <c r="AI22" s="55"/>
    </row>
    <row r="23" spans="1:35" s="1" customFormat="1" ht="13.4" customHeight="1">
      <c r="A23" s="392"/>
      <c r="B23" s="541">
        <v>13</v>
      </c>
      <c r="C23" s="542"/>
      <c r="D23" s="718" t="s">
        <v>1981</v>
      </c>
      <c r="E23" s="719"/>
      <c r="F23" s="719"/>
      <c r="G23" s="719"/>
      <c r="H23" s="719"/>
      <c r="I23" s="719"/>
      <c r="J23" s="719"/>
      <c r="K23" s="719"/>
      <c r="L23" s="719"/>
      <c r="M23" s="719"/>
      <c r="N23" s="719"/>
      <c r="O23" s="719"/>
      <c r="P23" s="719"/>
      <c r="Q23" s="719"/>
      <c r="R23" s="719"/>
      <c r="S23" s="719"/>
      <c r="T23" s="720"/>
      <c r="U23" s="221" t="s">
        <v>1982</v>
      </c>
      <c r="V23" s="546" t="s">
        <v>107</v>
      </c>
      <c r="W23" s="548"/>
      <c r="X23" s="408" t="s">
        <v>108</v>
      </c>
      <c r="Y23" s="415">
        <v>8</v>
      </c>
      <c r="Z23" s="415">
        <v>0</v>
      </c>
      <c r="AA23" s="700"/>
      <c r="AB23" s="700"/>
      <c r="AC23" s="592"/>
      <c r="AD23" s="592"/>
      <c r="AE23" s="592"/>
      <c r="AF23" s="265"/>
      <c r="AG23" s="364"/>
      <c r="AH23" s="26"/>
      <c r="AI23" s="26"/>
    </row>
    <row r="24" spans="1:35" s="1" customFormat="1" ht="13.4" customHeight="1">
      <c r="A24" s="392"/>
      <c r="B24" s="541">
        <v>14</v>
      </c>
      <c r="C24" s="542"/>
      <c r="D24" s="718" t="s">
        <v>1983</v>
      </c>
      <c r="E24" s="719"/>
      <c r="F24" s="719"/>
      <c r="G24" s="719"/>
      <c r="H24" s="719"/>
      <c r="I24" s="719"/>
      <c r="J24" s="719"/>
      <c r="K24" s="719"/>
      <c r="L24" s="719"/>
      <c r="M24" s="719"/>
      <c r="N24" s="719"/>
      <c r="O24" s="719"/>
      <c r="P24" s="719"/>
      <c r="Q24" s="719"/>
      <c r="R24" s="719"/>
      <c r="S24" s="719"/>
      <c r="T24" s="720"/>
      <c r="U24" s="221" t="s">
        <v>1984</v>
      </c>
      <c r="V24" s="546" t="s">
        <v>107</v>
      </c>
      <c r="W24" s="548"/>
      <c r="X24" s="408" t="s">
        <v>710</v>
      </c>
      <c r="Y24" s="415">
        <v>8</v>
      </c>
      <c r="Z24" s="415">
        <v>1</v>
      </c>
      <c r="AA24" s="700"/>
      <c r="AB24" s="700"/>
      <c r="AC24" s="592"/>
      <c r="AD24" s="592"/>
      <c r="AE24" s="592"/>
      <c r="AF24" s="265"/>
      <c r="AG24" s="364"/>
      <c r="AH24" s="26"/>
      <c r="AI24" s="26"/>
    </row>
    <row r="25" spans="1:35" s="1" customFormat="1" ht="13.4" customHeight="1">
      <c r="A25" s="392"/>
      <c r="B25" s="541">
        <v>15</v>
      </c>
      <c r="C25" s="542"/>
      <c r="D25" s="718" t="s">
        <v>1985</v>
      </c>
      <c r="E25" s="719"/>
      <c r="F25" s="719"/>
      <c r="G25" s="719"/>
      <c r="H25" s="719"/>
      <c r="I25" s="719"/>
      <c r="J25" s="719"/>
      <c r="K25" s="719"/>
      <c r="L25" s="719"/>
      <c r="M25" s="719"/>
      <c r="N25" s="719"/>
      <c r="O25" s="719"/>
      <c r="P25" s="719"/>
      <c r="Q25" s="719"/>
      <c r="R25" s="719"/>
      <c r="S25" s="719"/>
      <c r="T25" s="720"/>
      <c r="U25" s="221" t="s">
        <v>1986</v>
      </c>
      <c r="V25" s="546" t="s">
        <v>107</v>
      </c>
      <c r="W25" s="548"/>
      <c r="X25" s="408" t="s">
        <v>710</v>
      </c>
      <c r="Y25" s="415">
        <v>8</v>
      </c>
      <c r="Z25" s="415">
        <v>1</v>
      </c>
      <c r="AA25" s="700"/>
      <c r="AB25" s="700"/>
      <c r="AC25" s="592"/>
      <c r="AD25" s="592"/>
      <c r="AE25" s="592"/>
      <c r="AF25" s="267"/>
      <c r="AG25" s="365"/>
      <c r="AH25" s="26"/>
      <c r="AI25" s="26"/>
    </row>
    <row r="26" spans="1:35" s="1" customFormat="1" ht="13.4" customHeight="1">
      <c r="A26" s="392"/>
      <c r="B26" s="541">
        <v>16</v>
      </c>
      <c r="C26" s="542"/>
      <c r="D26" s="718" t="s">
        <v>1987</v>
      </c>
      <c r="E26" s="719"/>
      <c r="F26" s="719"/>
      <c r="G26" s="719"/>
      <c r="H26" s="719"/>
      <c r="I26" s="719"/>
      <c r="J26" s="719"/>
      <c r="K26" s="719"/>
      <c r="L26" s="719"/>
      <c r="M26" s="719"/>
      <c r="N26" s="719"/>
      <c r="O26" s="719"/>
      <c r="P26" s="719"/>
      <c r="Q26" s="719"/>
      <c r="R26" s="719"/>
      <c r="S26" s="719"/>
      <c r="T26" s="720"/>
      <c r="U26" s="221" t="s">
        <v>1988</v>
      </c>
      <c r="V26" s="546" t="s">
        <v>107</v>
      </c>
      <c r="W26" s="548"/>
      <c r="X26" s="408" t="s">
        <v>710</v>
      </c>
      <c r="Y26" s="415">
        <v>8</v>
      </c>
      <c r="Z26" s="415">
        <v>1</v>
      </c>
      <c r="AA26" s="700"/>
      <c r="AB26" s="700"/>
      <c r="AC26" s="592"/>
      <c r="AD26" s="592"/>
      <c r="AE26" s="592"/>
      <c r="AF26" s="267"/>
      <c r="AG26" s="365"/>
      <c r="AH26" s="26"/>
      <c r="AI26" s="26"/>
    </row>
    <row r="27" spans="1:35" s="13" customFormat="1" ht="13.4" customHeight="1">
      <c r="A27" s="392"/>
      <c r="B27" s="541">
        <v>17</v>
      </c>
      <c r="C27" s="542"/>
      <c r="D27" s="718" t="s">
        <v>1989</v>
      </c>
      <c r="E27" s="719"/>
      <c r="F27" s="719"/>
      <c r="G27" s="719"/>
      <c r="H27" s="719"/>
      <c r="I27" s="719"/>
      <c r="J27" s="719"/>
      <c r="K27" s="719"/>
      <c r="L27" s="719"/>
      <c r="M27" s="719"/>
      <c r="N27" s="719"/>
      <c r="O27" s="719"/>
      <c r="P27" s="719"/>
      <c r="Q27" s="719"/>
      <c r="R27" s="719"/>
      <c r="S27" s="719"/>
      <c r="T27" s="720"/>
      <c r="U27" s="221" t="s">
        <v>1990</v>
      </c>
      <c r="V27" s="546" t="s">
        <v>107</v>
      </c>
      <c r="W27" s="548"/>
      <c r="X27" s="408" t="s">
        <v>108</v>
      </c>
      <c r="Y27" s="415">
        <v>8</v>
      </c>
      <c r="Z27" s="415">
        <v>0</v>
      </c>
      <c r="AA27" s="700"/>
      <c r="AB27" s="700"/>
      <c r="AC27" s="592"/>
      <c r="AD27" s="592"/>
      <c r="AE27" s="592"/>
      <c r="AF27" s="265"/>
      <c r="AG27" s="364"/>
      <c r="AH27" s="54"/>
      <c r="AI27" s="54"/>
    </row>
    <row r="28" spans="1:35" s="13" customFormat="1" ht="13.4" customHeight="1">
      <c r="A28" s="392"/>
      <c r="B28" s="541">
        <v>18</v>
      </c>
      <c r="C28" s="542"/>
      <c r="D28" s="718" t="s">
        <v>1991</v>
      </c>
      <c r="E28" s="719"/>
      <c r="F28" s="719"/>
      <c r="G28" s="719"/>
      <c r="H28" s="719"/>
      <c r="I28" s="719"/>
      <c r="J28" s="719"/>
      <c r="K28" s="719"/>
      <c r="L28" s="719"/>
      <c r="M28" s="719"/>
      <c r="N28" s="719"/>
      <c r="O28" s="719"/>
      <c r="P28" s="719"/>
      <c r="Q28" s="719"/>
      <c r="R28" s="719"/>
      <c r="S28" s="719"/>
      <c r="T28" s="720"/>
      <c r="U28" s="221" t="s">
        <v>1992</v>
      </c>
      <c r="V28" s="546" t="s">
        <v>107</v>
      </c>
      <c r="W28" s="548"/>
      <c r="X28" s="408" t="s">
        <v>108</v>
      </c>
      <c r="Y28" s="415">
        <v>8</v>
      </c>
      <c r="Z28" s="415">
        <v>0</v>
      </c>
      <c r="AA28" s="700"/>
      <c r="AB28" s="700"/>
      <c r="AC28" s="592"/>
      <c r="AD28" s="592"/>
      <c r="AE28" s="592"/>
      <c r="AF28" s="265"/>
      <c r="AG28" s="364"/>
      <c r="AH28" s="54"/>
      <c r="AI28" s="54"/>
    </row>
    <row r="29" spans="1:35" s="1" customFormat="1" ht="13.4" customHeight="1">
      <c r="A29" s="392"/>
      <c r="B29" s="541">
        <v>19</v>
      </c>
      <c r="C29" s="542"/>
      <c r="D29" s="718" t="s">
        <v>1993</v>
      </c>
      <c r="E29" s="719"/>
      <c r="F29" s="719"/>
      <c r="G29" s="719"/>
      <c r="H29" s="719"/>
      <c r="I29" s="719"/>
      <c r="J29" s="719"/>
      <c r="K29" s="719"/>
      <c r="L29" s="719"/>
      <c r="M29" s="719"/>
      <c r="N29" s="719"/>
      <c r="O29" s="719"/>
      <c r="P29" s="719"/>
      <c r="Q29" s="719"/>
      <c r="R29" s="719"/>
      <c r="S29" s="719"/>
      <c r="T29" s="720"/>
      <c r="U29" s="221" t="s">
        <v>1994</v>
      </c>
      <c r="V29" s="546" t="s">
        <v>107</v>
      </c>
      <c r="W29" s="548"/>
      <c r="X29" s="408" t="s">
        <v>108</v>
      </c>
      <c r="Y29" s="415">
        <v>8</v>
      </c>
      <c r="Z29" s="415">
        <v>0</v>
      </c>
      <c r="AA29" s="700"/>
      <c r="AB29" s="700"/>
      <c r="AC29" s="592"/>
      <c r="AD29" s="592"/>
      <c r="AE29" s="592"/>
      <c r="AF29" s="267"/>
      <c r="AG29" s="365"/>
      <c r="AH29" s="26"/>
      <c r="AI29" s="26"/>
    </row>
    <row r="30" spans="1:35" s="1" customFormat="1" ht="13.4" customHeight="1">
      <c r="A30" s="392"/>
      <c r="B30" s="541">
        <v>20</v>
      </c>
      <c r="C30" s="542"/>
      <c r="D30" s="718" t="s">
        <v>1995</v>
      </c>
      <c r="E30" s="719"/>
      <c r="F30" s="719"/>
      <c r="G30" s="719"/>
      <c r="H30" s="719"/>
      <c r="I30" s="719"/>
      <c r="J30" s="719"/>
      <c r="K30" s="719"/>
      <c r="L30" s="719"/>
      <c r="M30" s="719"/>
      <c r="N30" s="719"/>
      <c r="O30" s="719"/>
      <c r="P30" s="719"/>
      <c r="Q30" s="719"/>
      <c r="R30" s="719"/>
      <c r="S30" s="719"/>
      <c r="T30" s="720"/>
      <c r="U30" s="221" t="s">
        <v>1996</v>
      </c>
      <c r="V30" s="546" t="s">
        <v>107</v>
      </c>
      <c r="W30" s="548"/>
      <c r="X30" s="408" t="s">
        <v>108</v>
      </c>
      <c r="Y30" s="415">
        <v>8</v>
      </c>
      <c r="Z30" s="415">
        <v>0</v>
      </c>
      <c r="AA30" s="700"/>
      <c r="AB30" s="700"/>
      <c r="AC30" s="592"/>
      <c r="AD30" s="592"/>
      <c r="AE30" s="592"/>
      <c r="AF30" s="265"/>
      <c r="AG30" s="364"/>
      <c r="AH30" s="26"/>
      <c r="AI30" s="26"/>
    </row>
    <row r="31" spans="1:35" s="13" customFormat="1" ht="13.4" customHeight="1">
      <c r="A31" s="392"/>
      <c r="B31" s="541">
        <v>21</v>
      </c>
      <c r="C31" s="542"/>
      <c r="D31" s="718" t="s">
        <v>1997</v>
      </c>
      <c r="E31" s="719"/>
      <c r="F31" s="719"/>
      <c r="G31" s="719"/>
      <c r="H31" s="719"/>
      <c r="I31" s="719"/>
      <c r="J31" s="719"/>
      <c r="K31" s="719"/>
      <c r="L31" s="719"/>
      <c r="M31" s="719"/>
      <c r="N31" s="719"/>
      <c r="O31" s="719"/>
      <c r="P31" s="719"/>
      <c r="Q31" s="719"/>
      <c r="R31" s="719"/>
      <c r="S31" s="719"/>
      <c r="T31" s="720"/>
      <c r="U31" s="221" t="s">
        <v>1998</v>
      </c>
      <c r="V31" s="546" t="s">
        <v>107</v>
      </c>
      <c r="W31" s="548"/>
      <c r="X31" s="408" t="s">
        <v>108</v>
      </c>
      <c r="Y31" s="415">
        <v>8</v>
      </c>
      <c r="Z31" s="415">
        <v>0</v>
      </c>
      <c r="AA31" s="700"/>
      <c r="AB31" s="700"/>
      <c r="AC31" s="592"/>
      <c r="AD31" s="592"/>
      <c r="AE31" s="592"/>
      <c r="AF31" s="265"/>
      <c r="AG31" s="364"/>
      <c r="AH31" s="54"/>
      <c r="AI31" s="54"/>
    </row>
    <row r="32" spans="1:35" s="1" customFormat="1" ht="13.4" customHeight="1">
      <c r="A32" s="392"/>
      <c r="B32" s="541">
        <v>22</v>
      </c>
      <c r="C32" s="542"/>
      <c r="D32" s="718" t="s">
        <v>1999</v>
      </c>
      <c r="E32" s="719"/>
      <c r="F32" s="719"/>
      <c r="G32" s="719"/>
      <c r="H32" s="719"/>
      <c r="I32" s="719"/>
      <c r="J32" s="719"/>
      <c r="K32" s="719"/>
      <c r="L32" s="719"/>
      <c r="M32" s="719"/>
      <c r="N32" s="719"/>
      <c r="O32" s="719"/>
      <c r="P32" s="719"/>
      <c r="Q32" s="719"/>
      <c r="R32" s="719"/>
      <c r="S32" s="719"/>
      <c r="T32" s="720"/>
      <c r="U32" s="221" t="s">
        <v>2000</v>
      </c>
      <c r="V32" s="546" t="s">
        <v>107</v>
      </c>
      <c r="W32" s="548"/>
      <c r="X32" s="408" t="s">
        <v>108</v>
      </c>
      <c r="Y32" s="415">
        <v>8</v>
      </c>
      <c r="Z32" s="415">
        <v>0</v>
      </c>
      <c r="AA32" s="700"/>
      <c r="AB32" s="700"/>
      <c r="AC32" s="592"/>
      <c r="AD32" s="592"/>
      <c r="AE32" s="592"/>
      <c r="AF32" s="265"/>
      <c r="AG32" s="364"/>
      <c r="AH32" s="26"/>
      <c r="AI32" s="26"/>
    </row>
    <row r="33" spans="1:35" s="1" customFormat="1" ht="13.4" customHeight="1">
      <c r="A33" s="392"/>
      <c r="B33" s="541">
        <v>23</v>
      </c>
      <c r="C33" s="542"/>
      <c r="D33" s="718" t="s">
        <v>2001</v>
      </c>
      <c r="E33" s="719"/>
      <c r="F33" s="719"/>
      <c r="G33" s="719"/>
      <c r="H33" s="719"/>
      <c r="I33" s="719"/>
      <c r="J33" s="719"/>
      <c r="K33" s="719"/>
      <c r="L33" s="719"/>
      <c r="M33" s="719"/>
      <c r="N33" s="719"/>
      <c r="O33" s="719"/>
      <c r="P33" s="719"/>
      <c r="Q33" s="719"/>
      <c r="R33" s="719"/>
      <c r="S33" s="719"/>
      <c r="T33" s="720"/>
      <c r="U33" s="221" t="s">
        <v>2002</v>
      </c>
      <c r="V33" s="546" t="s">
        <v>107</v>
      </c>
      <c r="W33" s="548"/>
      <c r="X33" s="408" t="s">
        <v>710</v>
      </c>
      <c r="Y33" s="415">
        <v>8</v>
      </c>
      <c r="Z33" s="415">
        <v>1</v>
      </c>
      <c r="AA33" s="700"/>
      <c r="AB33" s="700"/>
      <c r="AC33" s="592"/>
      <c r="AD33" s="592"/>
      <c r="AE33" s="592"/>
      <c r="AF33" s="265"/>
      <c r="AG33" s="364"/>
      <c r="AH33" s="26"/>
      <c r="AI33" s="26"/>
    </row>
    <row r="34" spans="1:35" s="1" customFormat="1" ht="13.4" customHeight="1">
      <c r="A34" s="392"/>
      <c r="B34" s="541">
        <v>24</v>
      </c>
      <c r="C34" s="542"/>
      <c r="D34" s="718" t="s">
        <v>2003</v>
      </c>
      <c r="E34" s="719"/>
      <c r="F34" s="719"/>
      <c r="G34" s="719"/>
      <c r="H34" s="719"/>
      <c r="I34" s="719"/>
      <c r="J34" s="719"/>
      <c r="K34" s="719"/>
      <c r="L34" s="719"/>
      <c r="M34" s="719"/>
      <c r="N34" s="719"/>
      <c r="O34" s="719"/>
      <c r="P34" s="719"/>
      <c r="Q34" s="719"/>
      <c r="R34" s="719"/>
      <c r="S34" s="719"/>
      <c r="T34" s="720"/>
      <c r="U34" s="221" t="s">
        <v>2004</v>
      </c>
      <c r="V34" s="546" t="s">
        <v>107</v>
      </c>
      <c r="W34" s="548"/>
      <c r="X34" s="408" t="s">
        <v>710</v>
      </c>
      <c r="Y34" s="415">
        <v>8</v>
      </c>
      <c r="Z34" s="415">
        <v>1</v>
      </c>
      <c r="AA34" s="700"/>
      <c r="AB34" s="700"/>
      <c r="AC34" s="592"/>
      <c r="AD34" s="592"/>
      <c r="AE34" s="592"/>
      <c r="AF34" s="267"/>
      <c r="AG34" s="365"/>
      <c r="AH34" s="26"/>
      <c r="AI34" s="26"/>
    </row>
    <row r="35" spans="1:35" s="1" customFormat="1" ht="12.75" customHeight="1">
      <c r="A35" s="392"/>
      <c r="B35" s="541">
        <v>25</v>
      </c>
      <c r="C35" s="542"/>
      <c r="D35" s="718" t="s">
        <v>2005</v>
      </c>
      <c r="E35" s="719"/>
      <c r="F35" s="719"/>
      <c r="G35" s="719"/>
      <c r="H35" s="719"/>
      <c r="I35" s="719"/>
      <c r="J35" s="719"/>
      <c r="K35" s="719"/>
      <c r="L35" s="719"/>
      <c r="M35" s="719"/>
      <c r="N35" s="719"/>
      <c r="O35" s="719"/>
      <c r="P35" s="719"/>
      <c r="Q35" s="719"/>
      <c r="R35" s="719"/>
      <c r="S35" s="719"/>
      <c r="T35" s="720"/>
      <c r="U35" s="221" t="s">
        <v>2006</v>
      </c>
      <c r="V35" s="546" t="s">
        <v>107</v>
      </c>
      <c r="W35" s="548"/>
      <c r="X35" s="408" t="s">
        <v>710</v>
      </c>
      <c r="Y35" s="415">
        <v>8</v>
      </c>
      <c r="Z35" s="415">
        <v>1</v>
      </c>
      <c r="AA35" s="700"/>
      <c r="AB35" s="700"/>
      <c r="AC35" s="592"/>
      <c r="AD35" s="592"/>
      <c r="AE35" s="592"/>
      <c r="AF35" s="265"/>
      <c r="AG35" s="364"/>
      <c r="AH35" s="26"/>
      <c r="AI35" s="26"/>
    </row>
    <row r="36" spans="1:35" s="1" customFormat="1" ht="12.75" customHeight="1">
      <c r="A36" s="392"/>
      <c r="B36" s="541">
        <v>26</v>
      </c>
      <c r="C36" s="542"/>
      <c r="D36" s="718" t="s">
        <v>2007</v>
      </c>
      <c r="E36" s="719"/>
      <c r="F36" s="719"/>
      <c r="G36" s="719"/>
      <c r="H36" s="719"/>
      <c r="I36" s="719"/>
      <c r="J36" s="719"/>
      <c r="K36" s="719"/>
      <c r="L36" s="719"/>
      <c r="M36" s="719"/>
      <c r="N36" s="719"/>
      <c r="O36" s="719"/>
      <c r="P36" s="719"/>
      <c r="Q36" s="719"/>
      <c r="R36" s="719"/>
      <c r="S36" s="719"/>
      <c r="T36" s="720"/>
      <c r="U36" s="221" t="s">
        <v>2008</v>
      </c>
      <c r="V36" s="546" t="s">
        <v>107</v>
      </c>
      <c r="W36" s="548"/>
      <c r="X36" s="408" t="s">
        <v>108</v>
      </c>
      <c r="Y36" s="415">
        <v>8</v>
      </c>
      <c r="Z36" s="415">
        <v>0</v>
      </c>
      <c r="AA36" s="700"/>
      <c r="AB36" s="700"/>
      <c r="AC36" s="592"/>
      <c r="AD36" s="592"/>
      <c r="AE36" s="592"/>
      <c r="AF36" s="265"/>
      <c r="AG36" s="364"/>
      <c r="AH36" s="26"/>
      <c r="AI36" s="26"/>
    </row>
    <row r="37" spans="1:35" s="1" customFormat="1" ht="13.4" customHeight="1">
      <c r="A37" s="392"/>
      <c r="B37" s="541">
        <v>27</v>
      </c>
      <c r="C37" s="542"/>
      <c r="D37" s="718" t="s">
        <v>2009</v>
      </c>
      <c r="E37" s="719"/>
      <c r="F37" s="719"/>
      <c r="G37" s="719"/>
      <c r="H37" s="719"/>
      <c r="I37" s="719"/>
      <c r="J37" s="719"/>
      <c r="K37" s="719"/>
      <c r="L37" s="719"/>
      <c r="M37" s="719"/>
      <c r="N37" s="719"/>
      <c r="O37" s="719"/>
      <c r="P37" s="719"/>
      <c r="Q37" s="719"/>
      <c r="R37" s="719"/>
      <c r="S37" s="719"/>
      <c r="T37" s="720"/>
      <c r="U37" s="221" t="s">
        <v>2010</v>
      </c>
      <c r="V37" s="546" t="s">
        <v>107</v>
      </c>
      <c r="W37" s="548"/>
      <c r="X37" s="408" t="s">
        <v>108</v>
      </c>
      <c r="Y37" s="415">
        <v>8</v>
      </c>
      <c r="Z37" s="415">
        <v>0</v>
      </c>
      <c r="AA37" s="700"/>
      <c r="AB37" s="700"/>
      <c r="AC37" s="592"/>
      <c r="AD37" s="592"/>
      <c r="AE37" s="592"/>
      <c r="AF37" s="265"/>
      <c r="AG37" s="364"/>
      <c r="AH37" s="26"/>
      <c r="AI37" s="26"/>
    </row>
    <row r="38" spans="1:35" s="1" customFormat="1" ht="13.4" customHeight="1">
      <c r="A38" s="392"/>
      <c r="B38" s="541">
        <v>28</v>
      </c>
      <c r="C38" s="542"/>
      <c r="D38" s="718" t="s">
        <v>2011</v>
      </c>
      <c r="E38" s="719"/>
      <c r="F38" s="719"/>
      <c r="G38" s="719"/>
      <c r="H38" s="719"/>
      <c r="I38" s="719"/>
      <c r="J38" s="719"/>
      <c r="K38" s="719"/>
      <c r="L38" s="719"/>
      <c r="M38" s="719"/>
      <c r="N38" s="719"/>
      <c r="O38" s="719"/>
      <c r="P38" s="719"/>
      <c r="Q38" s="719"/>
      <c r="R38" s="719"/>
      <c r="S38" s="719"/>
      <c r="T38" s="720"/>
      <c r="U38" s="221" t="s">
        <v>2012</v>
      </c>
      <c r="V38" s="546" t="s">
        <v>107</v>
      </c>
      <c r="W38" s="548"/>
      <c r="X38" s="408" t="s">
        <v>108</v>
      </c>
      <c r="Y38" s="415">
        <v>8</v>
      </c>
      <c r="Z38" s="415">
        <v>0</v>
      </c>
      <c r="AA38" s="700"/>
      <c r="AB38" s="700"/>
      <c r="AC38" s="592"/>
      <c r="AD38" s="592"/>
      <c r="AE38" s="592"/>
      <c r="AF38" s="265"/>
      <c r="AG38" s="364"/>
      <c r="AH38" s="26"/>
      <c r="AI38" s="26"/>
    </row>
    <row r="39" spans="1:35" s="13" customFormat="1" ht="13.4" customHeight="1">
      <c r="A39" s="392"/>
      <c r="B39" s="541">
        <v>29</v>
      </c>
      <c r="C39" s="542"/>
      <c r="D39" s="718" t="s">
        <v>2013</v>
      </c>
      <c r="E39" s="719"/>
      <c r="F39" s="719"/>
      <c r="G39" s="719"/>
      <c r="H39" s="719"/>
      <c r="I39" s="719"/>
      <c r="J39" s="719"/>
      <c r="K39" s="719"/>
      <c r="L39" s="719"/>
      <c r="M39" s="719"/>
      <c r="N39" s="719"/>
      <c r="O39" s="719"/>
      <c r="P39" s="719"/>
      <c r="Q39" s="719"/>
      <c r="R39" s="719"/>
      <c r="S39" s="719"/>
      <c r="T39" s="720"/>
      <c r="U39" s="221" t="s">
        <v>2014</v>
      </c>
      <c r="V39" s="546" t="s">
        <v>107</v>
      </c>
      <c r="W39" s="548"/>
      <c r="X39" s="408" t="s">
        <v>710</v>
      </c>
      <c r="Y39" s="415">
        <v>8</v>
      </c>
      <c r="Z39" s="415">
        <v>1</v>
      </c>
      <c r="AA39" s="700"/>
      <c r="AB39" s="700"/>
      <c r="AC39" s="592"/>
      <c r="AD39" s="592"/>
      <c r="AE39" s="592"/>
      <c r="AF39" s="265"/>
      <c r="AG39" s="364"/>
      <c r="AH39" s="54"/>
      <c r="AI39" s="54"/>
    </row>
    <row r="40" spans="1:35" s="1" customFormat="1" ht="13.4" customHeight="1">
      <c r="A40" s="392"/>
      <c r="B40" s="541">
        <v>30</v>
      </c>
      <c r="C40" s="542"/>
      <c r="D40" s="718" t="s">
        <v>2015</v>
      </c>
      <c r="E40" s="719"/>
      <c r="F40" s="719"/>
      <c r="G40" s="719"/>
      <c r="H40" s="719"/>
      <c r="I40" s="719"/>
      <c r="J40" s="719"/>
      <c r="K40" s="719"/>
      <c r="L40" s="719"/>
      <c r="M40" s="719"/>
      <c r="N40" s="719"/>
      <c r="O40" s="719"/>
      <c r="P40" s="719"/>
      <c r="Q40" s="719"/>
      <c r="R40" s="719"/>
      <c r="S40" s="719"/>
      <c r="T40" s="720"/>
      <c r="U40" s="221" t="s">
        <v>2016</v>
      </c>
      <c r="V40" s="546" t="s">
        <v>107</v>
      </c>
      <c r="W40" s="548"/>
      <c r="X40" s="408" t="s">
        <v>710</v>
      </c>
      <c r="Y40" s="415">
        <v>8</v>
      </c>
      <c r="Z40" s="415">
        <v>1</v>
      </c>
      <c r="AA40" s="700"/>
      <c r="AB40" s="700"/>
      <c r="AC40" s="592"/>
      <c r="AD40" s="592"/>
      <c r="AE40" s="592"/>
      <c r="AF40" s="265"/>
      <c r="AG40" s="364"/>
      <c r="AH40" s="26"/>
      <c r="AI40" s="26"/>
    </row>
    <row r="41" spans="1:35" s="1" customFormat="1" ht="13.4" customHeight="1">
      <c r="A41" s="392"/>
      <c r="B41" s="541">
        <v>31</v>
      </c>
      <c r="C41" s="542"/>
      <c r="D41" s="718" t="s">
        <v>2017</v>
      </c>
      <c r="E41" s="719"/>
      <c r="F41" s="719"/>
      <c r="G41" s="719"/>
      <c r="H41" s="719"/>
      <c r="I41" s="719"/>
      <c r="J41" s="719"/>
      <c r="K41" s="719"/>
      <c r="L41" s="719"/>
      <c r="M41" s="719"/>
      <c r="N41" s="719"/>
      <c r="O41" s="719"/>
      <c r="P41" s="719"/>
      <c r="Q41" s="719"/>
      <c r="R41" s="719"/>
      <c r="S41" s="719"/>
      <c r="T41" s="720"/>
      <c r="U41" s="221" t="s">
        <v>2018</v>
      </c>
      <c r="V41" s="546" t="s">
        <v>107</v>
      </c>
      <c r="W41" s="548"/>
      <c r="X41" s="408" t="s">
        <v>710</v>
      </c>
      <c r="Y41" s="415">
        <v>8</v>
      </c>
      <c r="Z41" s="415">
        <v>1</v>
      </c>
      <c r="AA41" s="700"/>
      <c r="AB41" s="700"/>
      <c r="AC41" s="592"/>
      <c r="AD41" s="592"/>
      <c r="AE41" s="592"/>
      <c r="AF41" s="267"/>
      <c r="AG41" s="365"/>
      <c r="AH41" s="26"/>
      <c r="AI41" s="26"/>
    </row>
    <row r="42" spans="1:35" s="1" customFormat="1" ht="25.4" customHeight="1">
      <c r="A42" s="392"/>
      <c r="B42" s="541">
        <v>32</v>
      </c>
      <c r="C42" s="542"/>
      <c r="D42" s="543" t="s">
        <v>2019</v>
      </c>
      <c r="E42" s="544"/>
      <c r="F42" s="544"/>
      <c r="G42" s="544"/>
      <c r="H42" s="544"/>
      <c r="I42" s="544"/>
      <c r="J42" s="544"/>
      <c r="K42" s="544"/>
      <c r="L42" s="544"/>
      <c r="M42" s="544"/>
      <c r="N42" s="544"/>
      <c r="O42" s="544"/>
      <c r="P42" s="544"/>
      <c r="Q42" s="544"/>
      <c r="R42" s="544"/>
      <c r="S42" s="544"/>
      <c r="T42" s="545"/>
      <c r="U42" s="221" t="s">
        <v>2020</v>
      </c>
      <c r="V42" s="546" t="s">
        <v>107</v>
      </c>
      <c r="W42" s="548"/>
      <c r="X42" s="408" t="s">
        <v>108</v>
      </c>
      <c r="Y42" s="415">
        <v>8</v>
      </c>
      <c r="Z42" s="415">
        <v>0</v>
      </c>
      <c r="AA42" s="700"/>
      <c r="AB42" s="700"/>
      <c r="AC42" s="592"/>
      <c r="AD42" s="592"/>
      <c r="AE42" s="592"/>
      <c r="AF42" s="267"/>
      <c r="AG42" s="365"/>
      <c r="AH42" s="26"/>
      <c r="AI42" s="26"/>
    </row>
    <row r="43" spans="1:35" s="1" customFormat="1" ht="25.4" customHeight="1">
      <c r="A43" s="392"/>
      <c r="B43" s="541">
        <v>33</v>
      </c>
      <c r="C43" s="542"/>
      <c r="D43" s="543" t="s">
        <v>2021</v>
      </c>
      <c r="E43" s="544"/>
      <c r="F43" s="544"/>
      <c r="G43" s="544"/>
      <c r="H43" s="544"/>
      <c r="I43" s="544"/>
      <c r="J43" s="544"/>
      <c r="K43" s="544"/>
      <c r="L43" s="544"/>
      <c r="M43" s="544"/>
      <c r="N43" s="544"/>
      <c r="O43" s="544"/>
      <c r="P43" s="544"/>
      <c r="Q43" s="544"/>
      <c r="R43" s="544"/>
      <c r="S43" s="544"/>
      <c r="T43" s="545"/>
      <c r="U43" s="221" t="s">
        <v>2022</v>
      </c>
      <c r="V43" s="546" t="s">
        <v>107</v>
      </c>
      <c r="W43" s="548"/>
      <c r="X43" s="408" t="s">
        <v>108</v>
      </c>
      <c r="Y43" s="415">
        <v>8</v>
      </c>
      <c r="Z43" s="415">
        <v>0</v>
      </c>
      <c r="AA43" s="700"/>
      <c r="AB43" s="700"/>
      <c r="AC43" s="592"/>
      <c r="AD43" s="592"/>
      <c r="AE43" s="592"/>
      <c r="AF43" s="265"/>
      <c r="AG43" s="364"/>
      <c r="AH43" s="26"/>
      <c r="AI43" s="26"/>
    </row>
    <row r="44" spans="1:35" s="1" customFormat="1" ht="26.15" customHeight="1">
      <c r="A44" s="392"/>
      <c r="B44" s="541">
        <v>34</v>
      </c>
      <c r="C44" s="542"/>
      <c r="D44" s="543" t="s">
        <v>2023</v>
      </c>
      <c r="E44" s="544"/>
      <c r="F44" s="544"/>
      <c r="G44" s="544"/>
      <c r="H44" s="544"/>
      <c r="I44" s="544"/>
      <c r="J44" s="544"/>
      <c r="K44" s="544"/>
      <c r="L44" s="544"/>
      <c r="M44" s="544"/>
      <c r="N44" s="544"/>
      <c r="O44" s="544"/>
      <c r="P44" s="544"/>
      <c r="Q44" s="544"/>
      <c r="R44" s="544"/>
      <c r="S44" s="544"/>
      <c r="T44" s="545"/>
      <c r="U44" s="221" t="s">
        <v>2024</v>
      </c>
      <c r="V44" s="546" t="s">
        <v>107</v>
      </c>
      <c r="W44" s="548"/>
      <c r="X44" s="408" t="s">
        <v>108</v>
      </c>
      <c r="Y44" s="415">
        <v>8</v>
      </c>
      <c r="Z44" s="415">
        <v>0</v>
      </c>
      <c r="AA44" s="700"/>
      <c r="AB44" s="700"/>
      <c r="AC44" s="592"/>
      <c r="AD44" s="592"/>
      <c r="AE44" s="592"/>
      <c r="AF44" s="265"/>
      <c r="AG44" s="364"/>
      <c r="AH44" s="26"/>
      <c r="AI44" s="26"/>
    </row>
    <row r="45" spans="1:35" s="1" customFormat="1" ht="29.15" customHeight="1">
      <c r="A45" s="392"/>
      <c r="B45" s="541">
        <v>35</v>
      </c>
      <c r="C45" s="542"/>
      <c r="D45" s="543" t="s">
        <v>2025</v>
      </c>
      <c r="E45" s="544"/>
      <c r="F45" s="544"/>
      <c r="G45" s="544"/>
      <c r="H45" s="544"/>
      <c r="I45" s="544"/>
      <c r="J45" s="544"/>
      <c r="K45" s="544"/>
      <c r="L45" s="544"/>
      <c r="M45" s="544"/>
      <c r="N45" s="544"/>
      <c r="O45" s="544"/>
      <c r="P45" s="544"/>
      <c r="Q45" s="544"/>
      <c r="R45" s="544"/>
      <c r="S45" s="544"/>
      <c r="T45" s="545"/>
      <c r="U45" s="221" t="s">
        <v>2026</v>
      </c>
      <c r="V45" s="546" t="s">
        <v>107</v>
      </c>
      <c r="W45" s="548"/>
      <c r="X45" s="408" t="s">
        <v>710</v>
      </c>
      <c r="Y45" s="415">
        <v>8</v>
      </c>
      <c r="Z45" s="415">
        <v>1</v>
      </c>
      <c r="AA45" s="700"/>
      <c r="AB45" s="700"/>
      <c r="AC45" s="592"/>
      <c r="AD45" s="592"/>
      <c r="AE45" s="592"/>
      <c r="AF45" s="267"/>
      <c r="AG45" s="365"/>
      <c r="AH45" s="26"/>
      <c r="AI45" s="26"/>
    </row>
    <row r="46" spans="1:35" s="13" customFormat="1" ht="29.5" customHeight="1">
      <c r="A46" s="392"/>
      <c r="B46" s="541">
        <v>36</v>
      </c>
      <c r="C46" s="542"/>
      <c r="D46" s="543" t="s">
        <v>2027</v>
      </c>
      <c r="E46" s="544"/>
      <c r="F46" s="544"/>
      <c r="G46" s="544"/>
      <c r="H46" s="544"/>
      <c r="I46" s="544"/>
      <c r="J46" s="544"/>
      <c r="K46" s="544"/>
      <c r="L46" s="544"/>
      <c r="M46" s="544"/>
      <c r="N46" s="544"/>
      <c r="O46" s="544"/>
      <c r="P46" s="544"/>
      <c r="Q46" s="544"/>
      <c r="R46" s="544"/>
      <c r="S46" s="544"/>
      <c r="T46" s="545"/>
      <c r="U46" s="221" t="s">
        <v>2028</v>
      </c>
      <c r="V46" s="546" t="s">
        <v>107</v>
      </c>
      <c r="W46" s="548"/>
      <c r="X46" s="408" t="s">
        <v>710</v>
      </c>
      <c r="Y46" s="415">
        <v>8</v>
      </c>
      <c r="Z46" s="415">
        <v>1</v>
      </c>
      <c r="AA46" s="700"/>
      <c r="AB46" s="700"/>
      <c r="AC46" s="592"/>
      <c r="AD46" s="592"/>
      <c r="AE46" s="592"/>
      <c r="AF46" s="265"/>
      <c r="AG46" s="364"/>
      <c r="AH46" s="54"/>
      <c r="AI46" s="54"/>
    </row>
    <row r="47" spans="1:35" s="13" customFormat="1" ht="27.65" customHeight="1">
      <c r="A47" s="392"/>
      <c r="B47" s="541">
        <v>37</v>
      </c>
      <c r="C47" s="542"/>
      <c r="D47" s="543" t="s">
        <v>2029</v>
      </c>
      <c r="E47" s="544"/>
      <c r="F47" s="544"/>
      <c r="G47" s="544"/>
      <c r="H47" s="544"/>
      <c r="I47" s="544"/>
      <c r="J47" s="544"/>
      <c r="K47" s="544"/>
      <c r="L47" s="544"/>
      <c r="M47" s="544"/>
      <c r="N47" s="544"/>
      <c r="O47" s="544"/>
      <c r="P47" s="544"/>
      <c r="Q47" s="544"/>
      <c r="R47" s="544"/>
      <c r="S47" s="544"/>
      <c r="T47" s="545"/>
      <c r="U47" s="221" t="s">
        <v>2030</v>
      </c>
      <c r="V47" s="546" t="s">
        <v>107</v>
      </c>
      <c r="W47" s="548"/>
      <c r="X47" s="408" t="s">
        <v>710</v>
      </c>
      <c r="Y47" s="415">
        <v>8</v>
      </c>
      <c r="Z47" s="415">
        <v>1</v>
      </c>
      <c r="AA47" s="700"/>
      <c r="AB47" s="700"/>
      <c r="AC47" s="592"/>
      <c r="AD47" s="592"/>
      <c r="AE47" s="592"/>
      <c r="AF47" s="265"/>
      <c r="AG47" s="364"/>
      <c r="AH47" s="54"/>
      <c r="AI47" s="54"/>
    </row>
    <row r="48" spans="1:35" s="1" customFormat="1" ht="28.4" customHeight="1">
      <c r="A48" s="392"/>
      <c r="B48" s="541">
        <v>38</v>
      </c>
      <c r="C48" s="542"/>
      <c r="D48" s="543" t="s">
        <v>2031</v>
      </c>
      <c r="E48" s="544"/>
      <c r="F48" s="544"/>
      <c r="G48" s="544"/>
      <c r="H48" s="544"/>
      <c r="I48" s="544"/>
      <c r="J48" s="544"/>
      <c r="K48" s="544"/>
      <c r="L48" s="544"/>
      <c r="M48" s="544"/>
      <c r="N48" s="544"/>
      <c r="O48" s="544"/>
      <c r="P48" s="544"/>
      <c r="Q48" s="544"/>
      <c r="R48" s="544"/>
      <c r="S48" s="544"/>
      <c r="T48" s="545"/>
      <c r="U48" s="221" t="s">
        <v>2032</v>
      </c>
      <c r="V48" s="546" t="s">
        <v>107</v>
      </c>
      <c r="W48" s="548"/>
      <c r="X48" s="408" t="s">
        <v>108</v>
      </c>
      <c r="Y48" s="415">
        <v>8</v>
      </c>
      <c r="Z48" s="415">
        <v>0</v>
      </c>
      <c r="AA48" s="700"/>
      <c r="AB48" s="700"/>
      <c r="AC48" s="592"/>
      <c r="AD48" s="592"/>
      <c r="AE48" s="592"/>
      <c r="AF48" s="265"/>
      <c r="AG48" s="364"/>
      <c r="AH48" s="26"/>
      <c r="AI48" s="26"/>
    </row>
    <row r="49" spans="1:35" s="1" customFormat="1" ht="27" customHeight="1">
      <c r="A49" s="392"/>
      <c r="B49" s="541">
        <v>39</v>
      </c>
      <c r="C49" s="542"/>
      <c r="D49" s="543" t="s">
        <v>2033</v>
      </c>
      <c r="E49" s="544"/>
      <c r="F49" s="544"/>
      <c r="G49" s="544"/>
      <c r="H49" s="544"/>
      <c r="I49" s="544"/>
      <c r="J49" s="544"/>
      <c r="K49" s="544"/>
      <c r="L49" s="544"/>
      <c r="M49" s="544"/>
      <c r="N49" s="544"/>
      <c r="O49" s="544"/>
      <c r="P49" s="544"/>
      <c r="Q49" s="544"/>
      <c r="R49" s="544"/>
      <c r="S49" s="544"/>
      <c r="T49" s="545"/>
      <c r="U49" s="221" t="s">
        <v>2034</v>
      </c>
      <c r="V49" s="546" t="s">
        <v>107</v>
      </c>
      <c r="W49" s="548"/>
      <c r="X49" s="408" t="s">
        <v>108</v>
      </c>
      <c r="Y49" s="415">
        <v>8</v>
      </c>
      <c r="Z49" s="415">
        <v>0</v>
      </c>
      <c r="AA49" s="700"/>
      <c r="AB49" s="700"/>
      <c r="AC49" s="592"/>
      <c r="AD49" s="592"/>
      <c r="AE49" s="592"/>
      <c r="AF49" s="265"/>
      <c r="AG49" s="364"/>
      <c r="AH49" s="26"/>
      <c r="AI49" s="26"/>
    </row>
    <row r="50" spans="1:35" s="13" customFormat="1" ht="30.65" customHeight="1">
      <c r="A50" s="392"/>
      <c r="B50" s="541">
        <v>40</v>
      </c>
      <c r="C50" s="542"/>
      <c r="D50" s="543" t="s">
        <v>2035</v>
      </c>
      <c r="E50" s="544"/>
      <c r="F50" s="544"/>
      <c r="G50" s="544"/>
      <c r="H50" s="544"/>
      <c r="I50" s="544"/>
      <c r="J50" s="544"/>
      <c r="K50" s="544"/>
      <c r="L50" s="544"/>
      <c r="M50" s="544"/>
      <c r="N50" s="544"/>
      <c r="O50" s="544"/>
      <c r="P50" s="544"/>
      <c r="Q50" s="544"/>
      <c r="R50" s="544"/>
      <c r="S50" s="544"/>
      <c r="T50" s="545"/>
      <c r="U50" s="221" t="s">
        <v>2036</v>
      </c>
      <c r="V50" s="546" t="s">
        <v>107</v>
      </c>
      <c r="W50" s="548"/>
      <c r="X50" s="408" t="s">
        <v>108</v>
      </c>
      <c r="Y50" s="415">
        <v>8</v>
      </c>
      <c r="Z50" s="415">
        <v>0</v>
      </c>
      <c r="AA50" s="700"/>
      <c r="AB50" s="700"/>
      <c r="AC50" s="592"/>
      <c r="AD50" s="592"/>
      <c r="AE50" s="592"/>
      <c r="AF50" s="265"/>
      <c r="AG50" s="364"/>
      <c r="AH50" s="54"/>
      <c r="AI50" s="54"/>
    </row>
    <row r="51" spans="1:35" s="1" customFormat="1" ht="32.25" customHeight="1">
      <c r="A51" s="392"/>
      <c r="B51" s="541">
        <v>41</v>
      </c>
      <c r="C51" s="542"/>
      <c r="D51" s="543" t="s">
        <v>2037</v>
      </c>
      <c r="E51" s="544"/>
      <c r="F51" s="544"/>
      <c r="G51" s="544"/>
      <c r="H51" s="544"/>
      <c r="I51" s="544"/>
      <c r="J51" s="544"/>
      <c r="K51" s="544"/>
      <c r="L51" s="544"/>
      <c r="M51" s="544"/>
      <c r="N51" s="544"/>
      <c r="O51" s="544"/>
      <c r="P51" s="544"/>
      <c r="Q51" s="544"/>
      <c r="R51" s="544"/>
      <c r="S51" s="544"/>
      <c r="T51" s="545"/>
      <c r="U51" s="221" t="s">
        <v>2038</v>
      </c>
      <c r="V51" s="546" t="s">
        <v>107</v>
      </c>
      <c r="W51" s="548"/>
      <c r="X51" s="408" t="s">
        <v>710</v>
      </c>
      <c r="Y51" s="415">
        <v>8</v>
      </c>
      <c r="Z51" s="415">
        <v>1</v>
      </c>
      <c r="AA51" s="700"/>
      <c r="AB51" s="700"/>
      <c r="AC51" s="592"/>
      <c r="AD51" s="592"/>
      <c r="AE51" s="592"/>
      <c r="AF51" s="265"/>
      <c r="AG51" s="364"/>
      <c r="AH51" s="26"/>
      <c r="AI51" s="26"/>
    </row>
    <row r="52" spans="1:35" s="1" customFormat="1" ht="32.25" customHeight="1">
      <c r="A52" s="392"/>
      <c r="B52" s="541">
        <v>42</v>
      </c>
      <c r="C52" s="542"/>
      <c r="D52" s="543" t="s">
        <v>2039</v>
      </c>
      <c r="E52" s="544"/>
      <c r="F52" s="544"/>
      <c r="G52" s="544"/>
      <c r="H52" s="544"/>
      <c r="I52" s="544"/>
      <c r="J52" s="544"/>
      <c r="K52" s="544"/>
      <c r="L52" s="544"/>
      <c r="M52" s="544"/>
      <c r="N52" s="544"/>
      <c r="O52" s="544"/>
      <c r="P52" s="544"/>
      <c r="Q52" s="544"/>
      <c r="R52" s="544"/>
      <c r="S52" s="544"/>
      <c r="T52" s="545"/>
      <c r="U52" s="221" t="s">
        <v>2040</v>
      </c>
      <c r="V52" s="546" t="s">
        <v>107</v>
      </c>
      <c r="W52" s="548"/>
      <c r="X52" s="408" t="s">
        <v>710</v>
      </c>
      <c r="Y52" s="415">
        <v>8</v>
      </c>
      <c r="Z52" s="415">
        <v>1</v>
      </c>
      <c r="AA52" s="700"/>
      <c r="AB52" s="700"/>
      <c r="AC52" s="592"/>
      <c r="AD52" s="592"/>
      <c r="AE52" s="592"/>
      <c r="AF52" s="265"/>
      <c r="AG52" s="364"/>
      <c r="AH52" s="26"/>
      <c r="AI52" s="26"/>
    </row>
    <row r="53" spans="1:35" s="1" customFormat="1" ht="30.65" customHeight="1">
      <c r="A53" s="392"/>
      <c r="B53" s="541">
        <v>43</v>
      </c>
      <c r="C53" s="542"/>
      <c r="D53" s="543" t="s">
        <v>2041</v>
      </c>
      <c r="E53" s="544"/>
      <c r="F53" s="544"/>
      <c r="G53" s="544"/>
      <c r="H53" s="544"/>
      <c r="I53" s="544"/>
      <c r="J53" s="544"/>
      <c r="K53" s="544"/>
      <c r="L53" s="544"/>
      <c r="M53" s="544"/>
      <c r="N53" s="544"/>
      <c r="O53" s="544"/>
      <c r="P53" s="544"/>
      <c r="Q53" s="544"/>
      <c r="R53" s="544"/>
      <c r="S53" s="544"/>
      <c r="T53" s="545"/>
      <c r="U53" s="221" t="s">
        <v>2042</v>
      </c>
      <c r="V53" s="546" t="s">
        <v>107</v>
      </c>
      <c r="W53" s="548"/>
      <c r="X53" s="408" t="s">
        <v>710</v>
      </c>
      <c r="Y53" s="415">
        <v>8</v>
      </c>
      <c r="Z53" s="415">
        <v>1</v>
      </c>
      <c r="AA53" s="700"/>
      <c r="AB53" s="700"/>
      <c r="AC53" s="592"/>
      <c r="AD53" s="592"/>
      <c r="AE53" s="592"/>
      <c r="AF53" s="267"/>
      <c r="AG53" s="365"/>
      <c r="AH53" s="26"/>
      <c r="AI53" s="26"/>
    </row>
    <row r="54" spans="1:35" s="1" customFormat="1" ht="33" customHeight="1">
      <c r="A54" s="392"/>
      <c r="B54" s="541">
        <v>44</v>
      </c>
      <c r="C54" s="542"/>
      <c r="D54" s="543" t="s">
        <v>2043</v>
      </c>
      <c r="E54" s="544"/>
      <c r="F54" s="544"/>
      <c r="G54" s="544"/>
      <c r="H54" s="544"/>
      <c r="I54" s="544"/>
      <c r="J54" s="544"/>
      <c r="K54" s="544"/>
      <c r="L54" s="544"/>
      <c r="M54" s="544"/>
      <c r="N54" s="544"/>
      <c r="O54" s="544"/>
      <c r="P54" s="544"/>
      <c r="Q54" s="544"/>
      <c r="R54" s="544"/>
      <c r="S54" s="544"/>
      <c r="T54" s="545"/>
      <c r="U54" s="221" t="s">
        <v>2044</v>
      </c>
      <c r="V54" s="546" t="s">
        <v>107</v>
      </c>
      <c r="W54" s="548"/>
      <c r="X54" s="408" t="s">
        <v>108</v>
      </c>
      <c r="Y54" s="415">
        <v>8</v>
      </c>
      <c r="Z54" s="415">
        <v>0</v>
      </c>
      <c r="AA54" s="700"/>
      <c r="AB54" s="700"/>
      <c r="AC54" s="592"/>
      <c r="AD54" s="592"/>
      <c r="AE54" s="592"/>
      <c r="AF54" s="267"/>
      <c r="AG54" s="365"/>
      <c r="AH54" s="26"/>
      <c r="AI54" s="26"/>
    </row>
    <row r="55" spans="1:35" s="1" customFormat="1" ht="30" customHeight="1">
      <c r="A55" s="392"/>
      <c r="B55" s="541">
        <v>45</v>
      </c>
      <c r="C55" s="542"/>
      <c r="D55" s="543" t="s">
        <v>2045</v>
      </c>
      <c r="E55" s="544"/>
      <c r="F55" s="544"/>
      <c r="G55" s="544"/>
      <c r="H55" s="544"/>
      <c r="I55" s="544"/>
      <c r="J55" s="544"/>
      <c r="K55" s="544"/>
      <c r="L55" s="544"/>
      <c r="M55" s="544"/>
      <c r="N55" s="544"/>
      <c r="O55" s="544"/>
      <c r="P55" s="544"/>
      <c r="Q55" s="544"/>
      <c r="R55" s="544"/>
      <c r="S55" s="544"/>
      <c r="T55" s="545"/>
      <c r="U55" s="221" t="s">
        <v>2046</v>
      </c>
      <c r="V55" s="546" t="s">
        <v>107</v>
      </c>
      <c r="W55" s="548"/>
      <c r="X55" s="408" t="s">
        <v>108</v>
      </c>
      <c r="Y55" s="415">
        <v>8</v>
      </c>
      <c r="Z55" s="415">
        <v>0</v>
      </c>
      <c r="AA55" s="700"/>
      <c r="AB55" s="700"/>
      <c r="AC55" s="592"/>
      <c r="AD55" s="592"/>
      <c r="AE55" s="592"/>
      <c r="AF55" s="265"/>
      <c r="AG55" s="364"/>
      <c r="AH55" s="26"/>
      <c r="AI55" s="26"/>
    </row>
    <row r="56" spans="1:35" s="1" customFormat="1" ht="26.5" customHeight="1">
      <c r="A56" s="392"/>
      <c r="B56" s="541">
        <v>46</v>
      </c>
      <c r="C56" s="542"/>
      <c r="D56" s="543" t="s">
        <v>2047</v>
      </c>
      <c r="E56" s="544"/>
      <c r="F56" s="544"/>
      <c r="G56" s="544"/>
      <c r="H56" s="544"/>
      <c r="I56" s="544"/>
      <c r="J56" s="544"/>
      <c r="K56" s="544"/>
      <c r="L56" s="544"/>
      <c r="M56" s="544"/>
      <c r="N56" s="544"/>
      <c r="O56" s="544"/>
      <c r="P56" s="544"/>
      <c r="Q56" s="544"/>
      <c r="R56" s="544"/>
      <c r="S56" s="544"/>
      <c r="T56" s="545"/>
      <c r="U56" s="221" t="s">
        <v>2048</v>
      </c>
      <c r="V56" s="546" t="s">
        <v>107</v>
      </c>
      <c r="W56" s="548"/>
      <c r="X56" s="408" t="s">
        <v>108</v>
      </c>
      <c r="Y56" s="415">
        <v>8</v>
      </c>
      <c r="Z56" s="415">
        <v>0</v>
      </c>
      <c r="AA56" s="700"/>
      <c r="AB56" s="700"/>
      <c r="AC56" s="592"/>
      <c r="AD56" s="592"/>
      <c r="AE56" s="592"/>
      <c r="AF56" s="265"/>
      <c r="AG56" s="364"/>
      <c r="AH56" s="26"/>
      <c r="AI56" s="26"/>
    </row>
    <row r="57" spans="1:35" s="1" customFormat="1" ht="29.15" customHeight="1">
      <c r="A57" s="392"/>
      <c r="B57" s="541">
        <v>47</v>
      </c>
      <c r="C57" s="542"/>
      <c r="D57" s="543" t="s">
        <v>2049</v>
      </c>
      <c r="E57" s="544"/>
      <c r="F57" s="544"/>
      <c r="G57" s="544"/>
      <c r="H57" s="544"/>
      <c r="I57" s="544"/>
      <c r="J57" s="544"/>
      <c r="K57" s="544"/>
      <c r="L57" s="544"/>
      <c r="M57" s="544"/>
      <c r="N57" s="544"/>
      <c r="O57" s="544"/>
      <c r="P57" s="544"/>
      <c r="Q57" s="544"/>
      <c r="R57" s="544"/>
      <c r="S57" s="544"/>
      <c r="T57" s="545"/>
      <c r="U57" s="221" t="s">
        <v>2050</v>
      </c>
      <c r="V57" s="546" t="s">
        <v>107</v>
      </c>
      <c r="W57" s="548"/>
      <c r="X57" s="408" t="s">
        <v>710</v>
      </c>
      <c r="Y57" s="415">
        <v>8</v>
      </c>
      <c r="Z57" s="415">
        <v>1</v>
      </c>
      <c r="AA57" s="700"/>
      <c r="AB57" s="700"/>
      <c r="AC57" s="592"/>
      <c r="AD57" s="592"/>
      <c r="AE57" s="592"/>
      <c r="AF57" s="267"/>
      <c r="AG57" s="365"/>
      <c r="AH57" s="26"/>
      <c r="AI57" s="26"/>
    </row>
    <row r="58" spans="1:35" s="13" customFormat="1" ht="29.5" customHeight="1">
      <c r="A58" s="392"/>
      <c r="B58" s="541">
        <v>48</v>
      </c>
      <c r="C58" s="542"/>
      <c r="D58" s="543" t="s">
        <v>2051</v>
      </c>
      <c r="E58" s="544"/>
      <c r="F58" s="544"/>
      <c r="G58" s="544"/>
      <c r="H58" s="544"/>
      <c r="I58" s="544"/>
      <c r="J58" s="544"/>
      <c r="K58" s="544"/>
      <c r="L58" s="544"/>
      <c r="M58" s="544"/>
      <c r="N58" s="544"/>
      <c r="O58" s="544"/>
      <c r="P58" s="544"/>
      <c r="Q58" s="544"/>
      <c r="R58" s="544"/>
      <c r="S58" s="544"/>
      <c r="T58" s="545"/>
      <c r="U58" s="221" t="s">
        <v>2052</v>
      </c>
      <c r="V58" s="546" t="s">
        <v>107</v>
      </c>
      <c r="W58" s="548"/>
      <c r="X58" s="408" t="s">
        <v>710</v>
      </c>
      <c r="Y58" s="415">
        <v>8</v>
      </c>
      <c r="Z58" s="415">
        <v>1</v>
      </c>
      <c r="AA58" s="700"/>
      <c r="AB58" s="700"/>
      <c r="AC58" s="592"/>
      <c r="AD58" s="592"/>
      <c r="AE58" s="592"/>
      <c r="AF58" s="265"/>
      <c r="AG58" s="364"/>
      <c r="AH58" s="54"/>
      <c r="AI58" s="54"/>
    </row>
    <row r="59" spans="1:35" s="13" customFormat="1" ht="29.5" customHeight="1">
      <c r="A59" s="392"/>
      <c r="B59" s="541">
        <v>49</v>
      </c>
      <c r="C59" s="542"/>
      <c r="D59" s="543" t="s">
        <v>2053</v>
      </c>
      <c r="E59" s="544"/>
      <c r="F59" s="544"/>
      <c r="G59" s="544"/>
      <c r="H59" s="544"/>
      <c r="I59" s="544"/>
      <c r="J59" s="544"/>
      <c r="K59" s="544"/>
      <c r="L59" s="544"/>
      <c r="M59" s="544"/>
      <c r="N59" s="544"/>
      <c r="O59" s="544"/>
      <c r="P59" s="544"/>
      <c r="Q59" s="544"/>
      <c r="R59" s="544"/>
      <c r="S59" s="544"/>
      <c r="T59" s="545"/>
      <c r="U59" s="221" t="s">
        <v>2054</v>
      </c>
      <c r="V59" s="546" t="s">
        <v>107</v>
      </c>
      <c r="W59" s="548"/>
      <c r="X59" s="408" t="s">
        <v>710</v>
      </c>
      <c r="Y59" s="415">
        <v>8</v>
      </c>
      <c r="Z59" s="415">
        <v>1</v>
      </c>
      <c r="AA59" s="700"/>
      <c r="AB59" s="700"/>
      <c r="AC59" s="592"/>
      <c r="AD59" s="592"/>
      <c r="AE59" s="592"/>
      <c r="AF59" s="265"/>
      <c r="AG59" s="364"/>
      <c r="AH59" s="54"/>
      <c r="AI59" s="54"/>
    </row>
    <row r="60" spans="1:35" s="1" customFormat="1" ht="17.149999999999999" customHeight="1">
      <c r="A60" s="392"/>
      <c r="B60" s="541">
        <v>50</v>
      </c>
      <c r="C60" s="542"/>
      <c r="D60" s="543" t="s">
        <v>2055</v>
      </c>
      <c r="E60" s="544"/>
      <c r="F60" s="544"/>
      <c r="G60" s="544"/>
      <c r="H60" s="544"/>
      <c r="I60" s="544"/>
      <c r="J60" s="544"/>
      <c r="K60" s="544"/>
      <c r="L60" s="544"/>
      <c r="M60" s="544"/>
      <c r="N60" s="544"/>
      <c r="O60" s="544"/>
      <c r="P60" s="544"/>
      <c r="Q60" s="544"/>
      <c r="R60" s="544"/>
      <c r="S60" s="544"/>
      <c r="T60" s="545"/>
      <c r="U60" s="221" t="s">
        <v>2056</v>
      </c>
      <c r="V60" s="546" t="s">
        <v>107</v>
      </c>
      <c r="W60" s="548"/>
      <c r="X60" s="408" t="s">
        <v>108</v>
      </c>
      <c r="Y60" s="415">
        <v>8</v>
      </c>
      <c r="Z60" s="415">
        <v>0</v>
      </c>
      <c r="AA60" s="700"/>
      <c r="AB60" s="700"/>
      <c r="AC60" s="592"/>
      <c r="AD60" s="592"/>
      <c r="AE60" s="592"/>
      <c r="AF60" s="265"/>
      <c r="AG60" s="364"/>
      <c r="AH60" s="26"/>
      <c r="AI60" s="26"/>
    </row>
    <row r="61" spans="1:35" s="1" customFormat="1" ht="13.4" customHeight="1">
      <c r="A61" s="392"/>
      <c r="B61" s="541">
        <v>51</v>
      </c>
      <c r="C61" s="542"/>
      <c r="D61" s="543" t="s">
        <v>2057</v>
      </c>
      <c r="E61" s="544"/>
      <c r="F61" s="544"/>
      <c r="G61" s="544"/>
      <c r="H61" s="544"/>
      <c r="I61" s="544"/>
      <c r="J61" s="544"/>
      <c r="K61" s="544"/>
      <c r="L61" s="544"/>
      <c r="M61" s="544"/>
      <c r="N61" s="544"/>
      <c r="O61" s="544"/>
      <c r="P61" s="544"/>
      <c r="Q61" s="544"/>
      <c r="R61" s="544"/>
      <c r="S61" s="544"/>
      <c r="T61" s="545"/>
      <c r="U61" s="221" t="s">
        <v>2058</v>
      </c>
      <c r="V61" s="546" t="s">
        <v>107</v>
      </c>
      <c r="W61" s="548"/>
      <c r="X61" s="408" t="s">
        <v>108</v>
      </c>
      <c r="Y61" s="415">
        <v>8</v>
      </c>
      <c r="Z61" s="415">
        <v>0</v>
      </c>
      <c r="AA61" s="700"/>
      <c r="AB61" s="700"/>
      <c r="AC61" s="592"/>
      <c r="AD61" s="592"/>
      <c r="AE61" s="592"/>
      <c r="AF61" s="265"/>
      <c r="AG61" s="364"/>
      <c r="AH61" s="26"/>
      <c r="AI61" s="26"/>
    </row>
    <row r="62" spans="1:35" s="13" customFormat="1" ht="13.4" customHeight="1">
      <c r="A62" s="392"/>
      <c r="B62" s="541">
        <v>52</v>
      </c>
      <c r="C62" s="542"/>
      <c r="D62" s="543" t="s">
        <v>2059</v>
      </c>
      <c r="E62" s="544"/>
      <c r="F62" s="544"/>
      <c r="G62" s="544"/>
      <c r="H62" s="544"/>
      <c r="I62" s="544"/>
      <c r="J62" s="544"/>
      <c r="K62" s="544"/>
      <c r="L62" s="544"/>
      <c r="M62" s="544"/>
      <c r="N62" s="544"/>
      <c r="O62" s="544"/>
      <c r="P62" s="544"/>
      <c r="Q62" s="544"/>
      <c r="R62" s="544"/>
      <c r="S62" s="544"/>
      <c r="T62" s="545"/>
      <c r="U62" s="221" t="s">
        <v>2060</v>
      </c>
      <c r="V62" s="546" t="s">
        <v>107</v>
      </c>
      <c r="W62" s="548"/>
      <c r="X62" s="408" t="s">
        <v>108</v>
      </c>
      <c r="Y62" s="415">
        <v>8</v>
      </c>
      <c r="Z62" s="415">
        <v>0</v>
      </c>
      <c r="AA62" s="700"/>
      <c r="AB62" s="700"/>
      <c r="AC62" s="592"/>
      <c r="AD62" s="592"/>
      <c r="AE62" s="592"/>
      <c r="AF62" s="267"/>
      <c r="AG62" s="365"/>
      <c r="AH62" s="54"/>
      <c r="AI62" s="54"/>
    </row>
    <row r="63" spans="1:35" s="1" customFormat="1" ht="33" customHeight="1">
      <c r="A63" s="392"/>
      <c r="B63" s="541">
        <v>53</v>
      </c>
      <c r="C63" s="542"/>
      <c r="D63" s="543" t="s">
        <v>2061</v>
      </c>
      <c r="E63" s="544"/>
      <c r="F63" s="544"/>
      <c r="G63" s="544"/>
      <c r="H63" s="544"/>
      <c r="I63" s="544"/>
      <c r="J63" s="544"/>
      <c r="K63" s="544"/>
      <c r="L63" s="544"/>
      <c r="M63" s="544"/>
      <c r="N63" s="544"/>
      <c r="O63" s="544"/>
      <c r="P63" s="544"/>
      <c r="Q63" s="544"/>
      <c r="R63" s="544"/>
      <c r="S63" s="544"/>
      <c r="T63" s="545"/>
      <c r="U63" s="221" t="s">
        <v>2062</v>
      </c>
      <c r="V63" s="546" t="s">
        <v>107</v>
      </c>
      <c r="W63" s="548"/>
      <c r="X63" s="408" t="s">
        <v>108</v>
      </c>
      <c r="Y63" s="415">
        <v>8</v>
      </c>
      <c r="Z63" s="415">
        <v>0</v>
      </c>
      <c r="AA63" s="700"/>
      <c r="AB63" s="700"/>
      <c r="AC63" s="592"/>
      <c r="AD63" s="592"/>
      <c r="AE63" s="592"/>
      <c r="AF63" s="265"/>
      <c r="AG63" s="364"/>
      <c r="AH63" s="26"/>
      <c r="AI63" s="26"/>
    </row>
    <row r="64" spans="1:35" s="1" customFormat="1" ht="33" customHeight="1">
      <c r="A64" s="392"/>
      <c r="B64" s="541">
        <v>54</v>
      </c>
      <c r="C64" s="542"/>
      <c r="D64" s="543" t="s">
        <v>2063</v>
      </c>
      <c r="E64" s="544"/>
      <c r="F64" s="544"/>
      <c r="G64" s="544"/>
      <c r="H64" s="544"/>
      <c r="I64" s="544"/>
      <c r="J64" s="544"/>
      <c r="K64" s="544"/>
      <c r="L64" s="544"/>
      <c r="M64" s="544"/>
      <c r="N64" s="544"/>
      <c r="O64" s="544"/>
      <c r="P64" s="544"/>
      <c r="Q64" s="544"/>
      <c r="R64" s="544"/>
      <c r="S64" s="544"/>
      <c r="T64" s="545"/>
      <c r="U64" s="221" t="s">
        <v>2064</v>
      </c>
      <c r="V64" s="546" t="s">
        <v>107</v>
      </c>
      <c r="W64" s="548"/>
      <c r="X64" s="408" t="s">
        <v>108</v>
      </c>
      <c r="Y64" s="415">
        <v>8</v>
      </c>
      <c r="Z64" s="415">
        <v>0</v>
      </c>
      <c r="AA64" s="700"/>
      <c r="AB64" s="700"/>
      <c r="AC64" s="592"/>
      <c r="AD64" s="592"/>
      <c r="AE64" s="592"/>
      <c r="AF64" s="265"/>
      <c r="AG64" s="364"/>
      <c r="AH64" s="26"/>
      <c r="AI64" s="26"/>
    </row>
    <row r="65" spans="1:35" s="1" customFormat="1" ht="31.5" customHeight="1">
      <c r="A65" s="392"/>
      <c r="B65" s="541">
        <v>55</v>
      </c>
      <c r="C65" s="542"/>
      <c r="D65" s="543" t="s">
        <v>2065</v>
      </c>
      <c r="E65" s="544"/>
      <c r="F65" s="544"/>
      <c r="G65" s="544"/>
      <c r="H65" s="544"/>
      <c r="I65" s="544"/>
      <c r="J65" s="544"/>
      <c r="K65" s="544"/>
      <c r="L65" s="544"/>
      <c r="M65" s="544"/>
      <c r="N65" s="544"/>
      <c r="O65" s="544"/>
      <c r="P65" s="544"/>
      <c r="Q65" s="544"/>
      <c r="R65" s="544"/>
      <c r="S65" s="544"/>
      <c r="T65" s="545"/>
      <c r="U65" s="221" t="s">
        <v>2066</v>
      </c>
      <c r="V65" s="546" t="s">
        <v>107</v>
      </c>
      <c r="W65" s="548"/>
      <c r="X65" s="408" t="s">
        <v>108</v>
      </c>
      <c r="Y65" s="415">
        <v>8</v>
      </c>
      <c r="Z65" s="415">
        <v>0</v>
      </c>
      <c r="AA65" s="700"/>
      <c r="AB65" s="700"/>
      <c r="AC65" s="592"/>
      <c r="AD65" s="592"/>
      <c r="AE65" s="592"/>
      <c r="AF65" s="267"/>
      <c r="AG65" s="365"/>
      <c r="AH65" s="26"/>
      <c r="AI65" s="26"/>
    </row>
    <row r="66" spans="1:35" s="1" customFormat="1" ht="30.75" customHeight="1">
      <c r="A66" s="392"/>
      <c r="B66" s="541">
        <v>56</v>
      </c>
      <c r="C66" s="542"/>
      <c r="D66" s="543" t="s">
        <v>2067</v>
      </c>
      <c r="E66" s="544"/>
      <c r="F66" s="544"/>
      <c r="G66" s="544"/>
      <c r="H66" s="544"/>
      <c r="I66" s="544"/>
      <c r="J66" s="544"/>
      <c r="K66" s="544"/>
      <c r="L66" s="544"/>
      <c r="M66" s="544"/>
      <c r="N66" s="544"/>
      <c r="O66" s="544"/>
      <c r="P66" s="544"/>
      <c r="Q66" s="544"/>
      <c r="R66" s="544"/>
      <c r="S66" s="544"/>
      <c r="T66" s="545"/>
      <c r="U66" s="221" t="s">
        <v>2068</v>
      </c>
      <c r="V66" s="546" t="s">
        <v>107</v>
      </c>
      <c r="W66" s="548"/>
      <c r="X66" s="408" t="s">
        <v>710</v>
      </c>
      <c r="Y66" s="415">
        <v>8</v>
      </c>
      <c r="Z66" s="415">
        <v>1</v>
      </c>
      <c r="AA66" s="700"/>
      <c r="AB66" s="700"/>
      <c r="AC66" s="592"/>
      <c r="AD66" s="592"/>
      <c r="AE66" s="592"/>
      <c r="AF66" s="265"/>
      <c r="AG66" s="364"/>
      <c r="AH66" s="26"/>
      <c r="AI66" s="26"/>
    </row>
    <row r="67" spans="1:35" s="13" customFormat="1" ht="31.5" customHeight="1">
      <c r="A67" s="392"/>
      <c r="B67" s="541">
        <v>57</v>
      </c>
      <c r="C67" s="542"/>
      <c r="D67" s="543" t="s">
        <v>2069</v>
      </c>
      <c r="E67" s="544"/>
      <c r="F67" s="544"/>
      <c r="G67" s="544"/>
      <c r="H67" s="544"/>
      <c r="I67" s="544"/>
      <c r="J67" s="544"/>
      <c r="K67" s="544"/>
      <c r="L67" s="544"/>
      <c r="M67" s="544"/>
      <c r="N67" s="544"/>
      <c r="O67" s="544"/>
      <c r="P67" s="544"/>
      <c r="Q67" s="544"/>
      <c r="R67" s="544"/>
      <c r="S67" s="544"/>
      <c r="T67" s="545"/>
      <c r="U67" s="221" t="s">
        <v>2070</v>
      </c>
      <c r="V67" s="546" t="s">
        <v>107</v>
      </c>
      <c r="W67" s="548"/>
      <c r="X67" s="408" t="s">
        <v>710</v>
      </c>
      <c r="Y67" s="415">
        <v>8</v>
      </c>
      <c r="Z67" s="415">
        <v>1</v>
      </c>
      <c r="AA67" s="700"/>
      <c r="AB67" s="700"/>
      <c r="AC67" s="592"/>
      <c r="AD67" s="592"/>
      <c r="AE67" s="592"/>
      <c r="AF67" s="265"/>
      <c r="AG67" s="364"/>
      <c r="AH67" s="54"/>
      <c r="AI67" s="54"/>
    </row>
    <row r="68" spans="1:35" s="1" customFormat="1" ht="31.5" customHeight="1">
      <c r="A68" s="392"/>
      <c r="B68" s="541">
        <v>58</v>
      </c>
      <c r="C68" s="542"/>
      <c r="D68" s="543" t="s">
        <v>2071</v>
      </c>
      <c r="E68" s="544"/>
      <c r="F68" s="544"/>
      <c r="G68" s="544"/>
      <c r="H68" s="544"/>
      <c r="I68" s="544"/>
      <c r="J68" s="544"/>
      <c r="K68" s="544"/>
      <c r="L68" s="544"/>
      <c r="M68" s="544"/>
      <c r="N68" s="544"/>
      <c r="O68" s="544"/>
      <c r="P68" s="544"/>
      <c r="Q68" s="544"/>
      <c r="R68" s="544"/>
      <c r="S68" s="544"/>
      <c r="T68" s="545"/>
      <c r="U68" s="221" t="s">
        <v>2072</v>
      </c>
      <c r="V68" s="546" t="s">
        <v>107</v>
      </c>
      <c r="W68" s="548"/>
      <c r="X68" s="408" t="s">
        <v>710</v>
      </c>
      <c r="Y68" s="415">
        <v>8</v>
      </c>
      <c r="Z68" s="415">
        <v>1</v>
      </c>
      <c r="AA68" s="700"/>
      <c r="AB68" s="700"/>
      <c r="AC68" s="592"/>
      <c r="AD68" s="592"/>
      <c r="AE68" s="592"/>
      <c r="AF68" s="265"/>
      <c r="AG68" s="364"/>
      <c r="AH68" s="26"/>
      <c r="AI68" s="26"/>
    </row>
    <row r="69" spans="1:35" s="1" customFormat="1" ht="41.5" customHeight="1">
      <c r="A69" s="392"/>
      <c r="B69" s="541">
        <v>59</v>
      </c>
      <c r="C69" s="542"/>
      <c r="D69" s="543" t="s">
        <v>2073</v>
      </c>
      <c r="E69" s="544"/>
      <c r="F69" s="544"/>
      <c r="G69" s="544"/>
      <c r="H69" s="544"/>
      <c r="I69" s="544"/>
      <c r="J69" s="544"/>
      <c r="K69" s="544"/>
      <c r="L69" s="544"/>
      <c r="M69" s="544"/>
      <c r="N69" s="544"/>
      <c r="O69" s="544"/>
      <c r="P69" s="544"/>
      <c r="Q69" s="544"/>
      <c r="R69" s="544"/>
      <c r="S69" s="544"/>
      <c r="T69" s="545"/>
      <c r="U69" s="221" t="s">
        <v>2074</v>
      </c>
      <c r="V69" s="546" t="s">
        <v>107</v>
      </c>
      <c r="W69" s="548"/>
      <c r="X69" s="408" t="s">
        <v>108</v>
      </c>
      <c r="Y69" s="415">
        <v>8</v>
      </c>
      <c r="Z69" s="415">
        <v>0</v>
      </c>
      <c r="AA69" s="700"/>
      <c r="AB69" s="700"/>
      <c r="AC69" s="592"/>
      <c r="AD69" s="592"/>
      <c r="AE69" s="592"/>
      <c r="AF69" s="265"/>
      <c r="AG69" s="364"/>
      <c r="AH69" s="26"/>
      <c r="AI69" s="26"/>
    </row>
    <row r="70" spans="1:35" s="1" customFormat="1" ht="41.5" customHeight="1">
      <c r="A70" s="392"/>
      <c r="B70" s="541">
        <v>60</v>
      </c>
      <c r="C70" s="542"/>
      <c r="D70" s="543" t="s">
        <v>2075</v>
      </c>
      <c r="E70" s="544"/>
      <c r="F70" s="544"/>
      <c r="G70" s="544"/>
      <c r="H70" s="544"/>
      <c r="I70" s="544"/>
      <c r="J70" s="544"/>
      <c r="K70" s="544"/>
      <c r="L70" s="544"/>
      <c r="M70" s="544"/>
      <c r="N70" s="544"/>
      <c r="O70" s="544"/>
      <c r="P70" s="544"/>
      <c r="Q70" s="544"/>
      <c r="R70" s="544"/>
      <c r="S70" s="544"/>
      <c r="T70" s="545"/>
      <c r="U70" s="221" t="s">
        <v>2076</v>
      </c>
      <c r="V70" s="546" t="s">
        <v>107</v>
      </c>
      <c r="W70" s="548"/>
      <c r="X70" s="408" t="s">
        <v>108</v>
      </c>
      <c r="Y70" s="415">
        <v>8</v>
      </c>
      <c r="Z70" s="415">
        <v>0</v>
      </c>
      <c r="AA70" s="700"/>
      <c r="AB70" s="700"/>
      <c r="AC70" s="592"/>
      <c r="AD70" s="592"/>
      <c r="AE70" s="592"/>
      <c r="AF70" s="265"/>
      <c r="AG70" s="364"/>
      <c r="AH70" s="26"/>
      <c r="AI70" s="26"/>
    </row>
    <row r="71" spans="1:35" s="1" customFormat="1" ht="41.5" customHeight="1">
      <c r="A71" s="392"/>
      <c r="B71" s="541">
        <v>61</v>
      </c>
      <c r="C71" s="542"/>
      <c r="D71" s="543" t="s">
        <v>2077</v>
      </c>
      <c r="E71" s="544"/>
      <c r="F71" s="544"/>
      <c r="G71" s="544"/>
      <c r="H71" s="544"/>
      <c r="I71" s="544"/>
      <c r="J71" s="544"/>
      <c r="K71" s="544"/>
      <c r="L71" s="544"/>
      <c r="M71" s="544"/>
      <c r="N71" s="544"/>
      <c r="O71" s="544"/>
      <c r="P71" s="544"/>
      <c r="Q71" s="544"/>
      <c r="R71" s="544"/>
      <c r="S71" s="544"/>
      <c r="T71" s="545"/>
      <c r="U71" s="221" t="s">
        <v>2078</v>
      </c>
      <c r="V71" s="546" t="s">
        <v>107</v>
      </c>
      <c r="W71" s="548"/>
      <c r="X71" s="408" t="s">
        <v>108</v>
      </c>
      <c r="Y71" s="415">
        <v>8</v>
      </c>
      <c r="Z71" s="415">
        <v>0</v>
      </c>
      <c r="AA71" s="700"/>
      <c r="AB71" s="700"/>
      <c r="AC71" s="592"/>
      <c r="AD71" s="592"/>
      <c r="AE71" s="592"/>
      <c r="AF71" s="265"/>
      <c r="AG71" s="364"/>
      <c r="AH71" s="26"/>
      <c r="AI71" s="26"/>
    </row>
    <row r="72" spans="1:35" s="1" customFormat="1" ht="41.5" customHeight="1">
      <c r="A72" s="392"/>
      <c r="B72" s="541">
        <v>62</v>
      </c>
      <c r="C72" s="542"/>
      <c r="D72" s="543" t="s">
        <v>2079</v>
      </c>
      <c r="E72" s="544"/>
      <c r="F72" s="544"/>
      <c r="G72" s="544"/>
      <c r="H72" s="544"/>
      <c r="I72" s="544"/>
      <c r="J72" s="544"/>
      <c r="K72" s="544"/>
      <c r="L72" s="544"/>
      <c r="M72" s="544"/>
      <c r="N72" s="544"/>
      <c r="O72" s="544"/>
      <c r="P72" s="544"/>
      <c r="Q72" s="544"/>
      <c r="R72" s="544"/>
      <c r="S72" s="544"/>
      <c r="T72" s="545"/>
      <c r="U72" s="221" t="s">
        <v>2080</v>
      </c>
      <c r="V72" s="546" t="s">
        <v>107</v>
      </c>
      <c r="W72" s="548"/>
      <c r="X72" s="408" t="s">
        <v>710</v>
      </c>
      <c r="Y72" s="415">
        <v>8</v>
      </c>
      <c r="Z72" s="415">
        <v>1</v>
      </c>
      <c r="AA72" s="700"/>
      <c r="AB72" s="700"/>
      <c r="AC72" s="592"/>
      <c r="AD72" s="592"/>
      <c r="AE72" s="592"/>
      <c r="AF72" s="267"/>
      <c r="AG72" s="365"/>
      <c r="AH72" s="26"/>
      <c r="AI72" s="26"/>
    </row>
    <row r="73" spans="1:35" s="1" customFormat="1" ht="41.5" customHeight="1">
      <c r="A73" s="392"/>
      <c r="B73" s="541">
        <v>63</v>
      </c>
      <c r="C73" s="542"/>
      <c r="D73" s="543" t="s">
        <v>2081</v>
      </c>
      <c r="E73" s="544"/>
      <c r="F73" s="544"/>
      <c r="G73" s="544"/>
      <c r="H73" s="544"/>
      <c r="I73" s="544"/>
      <c r="J73" s="544"/>
      <c r="K73" s="544"/>
      <c r="L73" s="544"/>
      <c r="M73" s="544"/>
      <c r="N73" s="544"/>
      <c r="O73" s="544"/>
      <c r="P73" s="544"/>
      <c r="Q73" s="544"/>
      <c r="R73" s="544"/>
      <c r="S73" s="544"/>
      <c r="T73" s="545"/>
      <c r="U73" s="221" t="s">
        <v>2082</v>
      </c>
      <c r="V73" s="546" t="s">
        <v>107</v>
      </c>
      <c r="W73" s="548"/>
      <c r="X73" s="408" t="s">
        <v>710</v>
      </c>
      <c r="Y73" s="415">
        <v>8</v>
      </c>
      <c r="Z73" s="415">
        <v>1</v>
      </c>
      <c r="AA73" s="700"/>
      <c r="AB73" s="700"/>
      <c r="AC73" s="592"/>
      <c r="AD73" s="592"/>
      <c r="AE73" s="592"/>
      <c r="AF73" s="267"/>
      <c r="AG73" s="365"/>
      <c r="AH73" s="26"/>
      <c r="AI73" s="26"/>
    </row>
    <row r="74" spans="1:35" s="1" customFormat="1" ht="41.5" customHeight="1">
      <c r="A74" s="392"/>
      <c r="B74" s="541">
        <v>64</v>
      </c>
      <c r="C74" s="542"/>
      <c r="D74" s="543" t="s">
        <v>2083</v>
      </c>
      <c r="E74" s="544"/>
      <c r="F74" s="544"/>
      <c r="G74" s="544"/>
      <c r="H74" s="544"/>
      <c r="I74" s="544"/>
      <c r="J74" s="544"/>
      <c r="K74" s="544"/>
      <c r="L74" s="544"/>
      <c r="M74" s="544"/>
      <c r="N74" s="544"/>
      <c r="O74" s="544"/>
      <c r="P74" s="544"/>
      <c r="Q74" s="544"/>
      <c r="R74" s="544"/>
      <c r="S74" s="544"/>
      <c r="T74" s="545"/>
      <c r="U74" s="221" t="s">
        <v>2084</v>
      </c>
      <c r="V74" s="546" t="s">
        <v>107</v>
      </c>
      <c r="W74" s="548"/>
      <c r="X74" s="408" t="s">
        <v>710</v>
      </c>
      <c r="Y74" s="415">
        <v>8</v>
      </c>
      <c r="Z74" s="415">
        <v>1</v>
      </c>
      <c r="AA74" s="700"/>
      <c r="AB74" s="700"/>
      <c r="AC74" s="592"/>
      <c r="AD74" s="592"/>
      <c r="AE74" s="592"/>
      <c r="AF74" s="265"/>
      <c r="AG74" s="364"/>
      <c r="AH74" s="26"/>
      <c r="AI74" s="26"/>
    </row>
    <row r="75" spans="1:35" s="1" customFormat="1" ht="13.4" customHeight="1">
      <c r="A75" s="392"/>
      <c r="B75" s="541">
        <v>65</v>
      </c>
      <c r="C75" s="542"/>
      <c r="D75" s="543" t="s">
        <v>2085</v>
      </c>
      <c r="E75" s="544"/>
      <c r="F75" s="544"/>
      <c r="G75" s="544"/>
      <c r="H75" s="544"/>
      <c r="I75" s="544"/>
      <c r="J75" s="544"/>
      <c r="K75" s="544"/>
      <c r="L75" s="544"/>
      <c r="M75" s="544"/>
      <c r="N75" s="544"/>
      <c r="O75" s="544"/>
      <c r="P75" s="544"/>
      <c r="Q75" s="544"/>
      <c r="R75" s="544"/>
      <c r="S75" s="544"/>
      <c r="T75" s="545"/>
      <c r="U75" s="221" t="s">
        <v>2086</v>
      </c>
      <c r="V75" s="546" t="s">
        <v>107</v>
      </c>
      <c r="W75" s="548"/>
      <c r="X75" s="408" t="s">
        <v>710</v>
      </c>
      <c r="Y75" s="415">
        <v>8</v>
      </c>
      <c r="Z75" s="415">
        <v>1</v>
      </c>
      <c r="AA75" s="700"/>
      <c r="AB75" s="700"/>
      <c r="AC75" s="592"/>
      <c r="AD75" s="592"/>
      <c r="AE75" s="592"/>
      <c r="AF75" s="265"/>
      <c r="AG75" s="364"/>
      <c r="AH75" s="26"/>
      <c r="AI75" s="26"/>
    </row>
    <row r="76" spans="1:35" s="1" customFormat="1" ht="13.4" customHeight="1">
      <c r="A76" s="392"/>
      <c r="B76" s="541">
        <v>66</v>
      </c>
      <c r="C76" s="542"/>
      <c r="D76" s="543" t="s">
        <v>2087</v>
      </c>
      <c r="E76" s="544"/>
      <c r="F76" s="544"/>
      <c r="G76" s="544"/>
      <c r="H76" s="544"/>
      <c r="I76" s="544"/>
      <c r="J76" s="544"/>
      <c r="K76" s="544"/>
      <c r="L76" s="544"/>
      <c r="M76" s="544"/>
      <c r="N76" s="544"/>
      <c r="O76" s="544"/>
      <c r="P76" s="544"/>
      <c r="Q76" s="544"/>
      <c r="R76" s="544"/>
      <c r="S76" s="544"/>
      <c r="T76" s="545"/>
      <c r="U76" s="221" t="s">
        <v>2088</v>
      </c>
      <c r="V76" s="546" t="s">
        <v>107</v>
      </c>
      <c r="W76" s="548"/>
      <c r="X76" s="408" t="s">
        <v>710</v>
      </c>
      <c r="Y76" s="415">
        <v>8</v>
      </c>
      <c r="Z76" s="415">
        <v>1</v>
      </c>
      <c r="AA76" s="700"/>
      <c r="AB76" s="700"/>
      <c r="AC76" s="592"/>
      <c r="AD76" s="592"/>
      <c r="AE76" s="592"/>
      <c r="AF76" s="267"/>
      <c r="AG76" s="365"/>
      <c r="AH76" s="26"/>
      <c r="AI76" s="26"/>
    </row>
    <row r="77" spans="1:35" s="13" customFormat="1" ht="13.4" customHeight="1">
      <c r="A77" s="392"/>
      <c r="B77" s="541">
        <v>67</v>
      </c>
      <c r="C77" s="542"/>
      <c r="D77" s="543" t="s">
        <v>2089</v>
      </c>
      <c r="E77" s="544"/>
      <c r="F77" s="544"/>
      <c r="G77" s="544"/>
      <c r="H77" s="544"/>
      <c r="I77" s="544"/>
      <c r="J77" s="544"/>
      <c r="K77" s="544"/>
      <c r="L77" s="544"/>
      <c r="M77" s="544"/>
      <c r="N77" s="544"/>
      <c r="O77" s="544"/>
      <c r="P77" s="544"/>
      <c r="Q77" s="544"/>
      <c r="R77" s="544"/>
      <c r="S77" s="544"/>
      <c r="T77" s="545"/>
      <c r="U77" s="221" t="s">
        <v>2090</v>
      </c>
      <c r="V77" s="546" t="s">
        <v>107</v>
      </c>
      <c r="W77" s="548"/>
      <c r="X77" s="408" t="s">
        <v>710</v>
      </c>
      <c r="Y77" s="415">
        <v>8</v>
      </c>
      <c r="Z77" s="415">
        <v>1</v>
      </c>
      <c r="AA77" s="700"/>
      <c r="AB77" s="700"/>
      <c r="AC77" s="592"/>
      <c r="AD77" s="592"/>
      <c r="AE77" s="592"/>
      <c r="AF77" s="265"/>
      <c r="AG77" s="364"/>
      <c r="AH77" s="54"/>
      <c r="AI77" s="54"/>
    </row>
    <row r="78" spans="1:35" s="13" customFormat="1" ht="13.4" customHeight="1">
      <c r="A78" s="392"/>
      <c r="B78" s="541">
        <v>68</v>
      </c>
      <c r="C78" s="542"/>
      <c r="D78" s="543" t="s">
        <v>2091</v>
      </c>
      <c r="E78" s="544"/>
      <c r="F78" s="544"/>
      <c r="G78" s="544"/>
      <c r="H78" s="544"/>
      <c r="I78" s="544"/>
      <c r="J78" s="544"/>
      <c r="K78" s="544"/>
      <c r="L78" s="544"/>
      <c r="M78" s="544"/>
      <c r="N78" s="544"/>
      <c r="O78" s="544"/>
      <c r="P78" s="544"/>
      <c r="Q78" s="544"/>
      <c r="R78" s="544"/>
      <c r="S78" s="544"/>
      <c r="T78" s="545"/>
      <c r="U78" s="221" t="s">
        <v>2092</v>
      </c>
      <c r="V78" s="546" t="s">
        <v>107</v>
      </c>
      <c r="W78" s="548"/>
      <c r="X78" s="408" t="s">
        <v>108</v>
      </c>
      <c r="Y78" s="415">
        <v>8</v>
      </c>
      <c r="Z78" s="415">
        <v>0</v>
      </c>
      <c r="AA78" s="700"/>
      <c r="AB78" s="700"/>
      <c r="AC78" s="592"/>
      <c r="AD78" s="592"/>
      <c r="AE78" s="592"/>
      <c r="AF78" s="265"/>
      <c r="AG78" s="364"/>
      <c r="AH78" s="54"/>
      <c r="AI78" s="54"/>
    </row>
    <row r="79" spans="1:35" s="1" customFormat="1" ht="13.4" customHeight="1">
      <c r="A79" s="392"/>
      <c r="B79" s="541">
        <v>69</v>
      </c>
      <c r="C79" s="542"/>
      <c r="D79" s="543" t="s">
        <v>2093</v>
      </c>
      <c r="E79" s="544"/>
      <c r="F79" s="544"/>
      <c r="G79" s="544"/>
      <c r="H79" s="544"/>
      <c r="I79" s="544"/>
      <c r="J79" s="544"/>
      <c r="K79" s="544"/>
      <c r="L79" s="544"/>
      <c r="M79" s="544"/>
      <c r="N79" s="544"/>
      <c r="O79" s="544"/>
      <c r="P79" s="544"/>
      <c r="Q79" s="544"/>
      <c r="R79" s="544"/>
      <c r="S79" s="544"/>
      <c r="T79" s="545"/>
      <c r="U79" s="221" t="s">
        <v>2094</v>
      </c>
      <c r="V79" s="546" t="s">
        <v>107</v>
      </c>
      <c r="W79" s="548"/>
      <c r="X79" s="408" t="s">
        <v>108</v>
      </c>
      <c r="Y79" s="415">
        <v>8</v>
      </c>
      <c r="Z79" s="415">
        <v>0</v>
      </c>
      <c r="AA79" s="700"/>
      <c r="AB79" s="700"/>
      <c r="AC79" s="592"/>
      <c r="AD79" s="592"/>
      <c r="AE79" s="592"/>
      <c r="AF79" s="265"/>
      <c r="AG79" s="364"/>
      <c r="AH79" s="26"/>
      <c r="AI79" s="26"/>
    </row>
    <row r="80" spans="1:35" s="1" customFormat="1" ht="13.4" customHeight="1">
      <c r="A80" s="392"/>
      <c r="B80" s="541">
        <v>70</v>
      </c>
      <c r="C80" s="542"/>
      <c r="D80" s="543" t="s">
        <v>2095</v>
      </c>
      <c r="E80" s="544"/>
      <c r="F80" s="544"/>
      <c r="G80" s="544"/>
      <c r="H80" s="544"/>
      <c r="I80" s="544"/>
      <c r="J80" s="544"/>
      <c r="K80" s="544"/>
      <c r="L80" s="544"/>
      <c r="M80" s="544"/>
      <c r="N80" s="544"/>
      <c r="O80" s="544"/>
      <c r="P80" s="544"/>
      <c r="Q80" s="544"/>
      <c r="R80" s="544"/>
      <c r="S80" s="544"/>
      <c r="T80" s="545"/>
      <c r="U80" s="221" t="s">
        <v>2096</v>
      </c>
      <c r="V80" s="546" t="s">
        <v>107</v>
      </c>
      <c r="W80" s="548"/>
      <c r="X80" s="408" t="s">
        <v>108</v>
      </c>
      <c r="Y80" s="415">
        <v>8</v>
      </c>
      <c r="Z80" s="415">
        <v>0</v>
      </c>
      <c r="AA80" s="700"/>
      <c r="AB80" s="700"/>
      <c r="AC80" s="592"/>
      <c r="AD80" s="592"/>
      <c r="AE80" s="592"/>
      <c r="AF80" s="265"/>
      <c r="AG80" s="364"/>
      <c r="AH80" s="26"/>
      <c r="AI80" s="26"/>
    </row>
    <row r="81" spans="1:35" s="13" customFormat="1" ht="32.25" customHeight="1">
      <c r="A81" s="392"/>
      <c r="B81" s="541">
        <v>71</v>
      </c>
      <c r="C81" s="542"/>
      <c r="D81" s="543" t="s">
        <v>2097</v>
      </c>
      <c r="E81" s="544"/>
      <c r="F81" s="544"/>
      <c r="G81" s="544"/>
      <c r="H81" s="544"/>
      <c r="I81" s="544"/>
      <c r="J81" s="544"/>
      <c r="K81" s="544"/>
      <c r="L81" s="544"/>
      <c r="M81" s="544"/>
      <c r="N81" s="544"/>
      <c r="O81" s="544"/>
      <c r="P81" s="544"/>
      <c r="Q81" s="544"/>
      <c r="R81" s="544"/>
      <c r="S81" s="544"/>
      <c r="T81" s="545"/>
      <c r="U81" s="221" t="s">
        <v>2098</v>
      </c>
      <c r="V81" s="546" t="s">
        <v>107</v>
      </c>
      <c r="W81" s="548"/>
      <c r="X81" s="408" t="s">
        <v>108</v>
      </c>
      <c r="Y81" s="415">
        <v>8</v>
      </c>
      <c r="Z81" s="415">
        <v>0</v>
      </c>
      <c r="AA81" s="700"/>
      <c r="AB81" s="700"/>
      <c r="AC81" s="592"/>
      <c r="AD81" s="592"/>
      <c r="AE81" s="592"/>
      <c r="AF81" s="265"/>
      <c r="AG81" s="364"/>
      <c r="AH81" s="54"/>
      <c r="AI81" s="54"/>
    </row>
    <row r="82" spans="1:35" s="1" customFormat="1" ht="44.15" customHeight="1">
      <c r="A82" s="392"/>
      <c r="B82" s="541">
        <v>72</v>
      </c>
      <c r="C82" s="542"/>
      <c r="D82" s="543" t="s">
        <v>2099</v>
      </c>
      <c r="E82" s="544"/>
      <c r="F82" s="544"/>
      <c r="G82" s="544"/>
      <c r="H82" s="544"/>
      <c r="I82" s="544"/>
      <c r="J82" s="544"/>
      <c r="K82" s="544"/>
      <c r="L82" s="544"/>
      <c r="M82" s="544"/>
      <c r="N82" s="544"/>
      <c r="O82" s="544"/>
      <c r="P82" s="544"/>
      <c r="Q82" s="544"/>
      <c r="R82" s="544"/>
      <c r="S82" s="544"/>
      <c r="T82" s="545"/>
      <c r="U82" s="221" t="s">
        <v>2100</v>
      </c>
      <c r="V82" s="546" t="s">
        <v>107</v>
      </c>
      <c r="W82" s="548"/>
      <c r="X82" s="408" t="s">
        <v>108</v>
      </c>
      <c r="Y82" s="415">
        <v>8</v>
      </c>
      <c r="Z82" s="415">
        <v>0</v>
      </c>
      <c r="AA82" s="700"/>
      <c r="AB82" s="700"/>
      <c r="AC82" s="592"/>
      <c r="AD82" s="592"/>
      <c r="AE82" s="592"/>
      <c r="AF82" s="265"/>
      <c r="AG82" s="364"/>
      <c r="AH82" s="26"/>
      <c r="AI82" s="26"/>
    </row>
    <row r="83" spans="1:35" s="1" customFormat="1" ht="39.65" customHeight="1">
      <c r="A83" s="392"/>
      <c r="B83" s="541">
        <v>73</v>
      </c>
      <c r="C83" s="542"/>
      <c r="D83" s="543" t="s">
        <v>2101</v>
      </c>
      <c r="E83" s="544"/>
      <c r="F83" s="544"/>
      <c r="G83" s="544"/>
      <c r="H83" s="544"/>
      <c r="I83" s="544"/>
      <c r="J83" s="544"/>
      <c r="K83" s="544"/>
      <c r="L83" s="544"/>
      <c r="M83" s="544"/>
      <c r="N83" s="544"/>
      <c r="O83" s="544"/>
      <c r="P83" s="544"/>
      <c r="Q83" s="544"/>
      <c r="R83" s="544"/>
      <c r="S83" s="544"/>
      <c r="T83" s="545"/>
      <c r="U83" s="221" t="s">
        <v>2102</v>
      </c>
      <c r="V83" s="546" t="s">
        <v>107</v>
      </c>
      <c r="W83" s="548"/>
      <c r="X83" s="408" t="s">
        <v>108</v>
      </c>
      <c r="Y83" s="415">
        <v>8</v>
      </c>
      <c r="Z83" s="415">
        <v>0</v>
      </c>
      <c r="AA83" s="700"/>
      <c r="AB83" s="700"/>
      <c r="AC83" s="592"/>
      <c r="AD83" s="592"/>
      <c r="AE83" s="592"/>
      <c r="AF83" s="265"/>
      <c r="AG83" s="364"/>
      <c r="AH83" s="26"/>
      <c r="AI83" s="26"/>
    </row>
    <row r="84" spans="1:35" s="1" customFormat="1" ht="41.15" customHeight="1">
      <c r="A84" s="392"/>
      <c r="B84" s="541">
        <v>74</v>
      </c>
      <c r="C84" s="542"/>
      <c r="D84" s="543" t="s">
        <v>2103</v>
      </c>
      <c r="E84" s="544"/>
      <c r="F84" s="544"/>
      <c r="G84" s="544"/>
      <c r="H84" s="544"/>
      <c r="I84" s="544"/>
      <c r="J84" s="544"/>
      <c r="K84" s="544"/>
      <c r="L84" s="544"/>
      <c r="M84" s="544"/>
      <c r="N84" s="544"/>
      <c r="O84" s="544"/>
      <c r="P84" s="544"/>
      <c r="Q84" s="544"/>
      <c r="R84" s="544"/>
      <c r="S84" s="544"/>
      <c r="T84" s="545"/>
      <c r="U84" s="221" t="s">
        <v>2104</v>
      </c>
      <c r="V84" s="546" t="s">
        <v>107</v>
      </c>
      <c r="W84" s="548"/>
      <c r="X84" s="408" t="s">
        <v>710</v>
      </c>
      <c r="Y84" s="415">
        <v>8</v>
      </c>
      <c r="Z84" s="415">
        <v>1</v>
      </c>
      <c r="AA84" s="700"/>
      <c r="AB84" s="700"/>
      <c r="AC84" s="592"/>
      <c r="AD84" s="592"/>
      <c r="AE84" s="592"/>
      <c r="AF84" s="267"/>
      <c r="AG84" s="365"/>
      <c r="AH84" s="26"/>
      <c r="AI84" s="26"/>
    </row>
    <row r="85" spans="1:35" s="1" customFormat="1" ht="41.15" customHeight="1">
      <c r="A85" s="392"/>
      <c r="B85" s="541">
        <v>75</v>
      </c>
      <c r="C85" s="542"/>
      <c r="D85" s="543" t="s">
        <v>2105</v>
      </c>
      <c r="E85" s="544"/>
      <c r="F85" s="544"/>
      <c r="G85" s="544"/>
      <c r="H85" s="544"/>
      <c r="I85" s="544"/>
      <c r="J85" s="544"/>
      <c r="K85" s="544"/>
      <c r="L85" s="544"/>
      <c r="M85" s="544"/>
      <c r="N85" s="544"/>
      <c r="O85" s="544"/>
      <c r="P85" s="544"/>
      <c r="Q85" s="544"/>
      <c r="R85" s="544"/>
      <c r="S85" s="544"/>
      <c r="T85" s="545"/>
      <c r="U85" s="221" t="s">
        <v>2106</v>
      </c>
      <c r="V85" s="546" t="s">
        <v>107</v>
      </c>
      <c r="W85" s="548"/>
      <c r="X85" s="408" t="s">
        <v>710</v>
      </c>
      <c r="Y85" s="415">
        <v>8</v>
      </c>
      <c r="Z85" s="415">
        <v>1</v>
      </c>
      <c r="AA85" s="700"/>
      <c r="AB85" s="700"/>
      <c r="AC85" s="592"/>
      <c r="AD85" s="592"/>
      <c r="AE85" s="592"/>
      <c r="AF85" s="267"/>
      <c r="AG85" s="365"/>
      <c r="AH85" s="26"/>
      <c r="AI85" s="26"/>
    </row>
    <row r="86" spans="1:35" s="1" customFormat="1" ht="38.5" customHeight="1">
      <c r="A86" s="392"/>
      <c r="B86" s="541">
        <v>76</v>
      </c>
      <c r="C86" s="542"/>
      <c r="D86" s="543" t="s">
        <v>2107</v>
      </c>
      <c r="E86" s="544"/>
      <c r="F86" s="544"/>
      <c r="G86" s="544"/>
      <c r="H86" s="544"/>
      <c r="I86" s="544"/>
      <c r="J86" s="544"/>
      <c r="K86" s="544"/>
      <c r="L86" s="544"/>
      <c r="M86" s="544"/>
      <c r="N86" s="544"/>
      <c r="O86" s="544"/>
      <c r="P86" s="544"/>
      <c r="Q86" s="544"/>
      <c r="R86" s="544"/>
      <c r="S86" s="544"/>
      <c r="T86" s="545"/>
      <c r="U86" s="221" t="s">
        <v>2108</v>
      </c>
      <c r="V86" s="546" t="s">
        <v>107</v>
      </c>
      <c r="W86" s="548"/>
      <c r="X86" s="408" t="s">
        <v>710</v>
      </c>
      <c r="Y86" s="415">
        <v>8</v>
      </c>
      <c r="Z86" s="415">
        <v>1</v>
      </c>
      <c r="AA86" s="700"/>
      <c r="AB86" s="700"/>
      <c r="AC86" s="592"/>
      <c r="AD86" s="592"/>
      <c r="AE86" s="592"/>
      <c r="AF86" s="265"/>
      <c r="AG86" s="364"/>
      <c r="AH86" s="26"/>
      <c r="AI86" s="26"/>
    </row>
    <row r="87" spans="1:35" s="1" customFormat="1" ht="13.4" customHeight="1">
      <c r="A87" s="392"/>
      <c r="B87" s="541">
        <v>77</v>
      </c>
      <c r="C87" s="542"/>
      <c r="D87" s="543" t="s">
        <v>2109</v>
      </c>
      <c r="E87" s="544"/>
      <c r="F87" s="544"/>
      <c r="G87" s="544"/>
      <c r="H87" s="544"/>
      <c r="I87" s="544"/>
      <c r="J87" s="544"/>
      <c r="K87" s="544"/>
      <c r="L87" s="544"/>
      <c r="M87" s="544"/>
      <c r="N87" s="544"/>
      <c r="O87" s="544"/>
      <c r="P87" s="544"/>
      <c r="Q87" s="544"/>
      <c r="R87" s="544"/>
      <c r="S87" s="544"/>
      <c r="T87" s="545"/>
      <c r="U87" s="221" t="s">
        <v>2110</v>
      </c>
      <c r="V87" s="546" t="s">
        <v>107</v>
      </c>
      <c r="W87" s="548"/>
      <c r="X87" s="408" t="s">
        <v>108</v>
      </c>
      <c r="Y87" s="415">
        <v>8</v>
      </c>
      <c r="Z87" s="415">
        <v>0</v>
      </c>
      <c r="AA87" s="700"/>
      <c r="AB87" s="700"/>
      <c r="AC87" s="592"/>
      <c r="AD87" s="592"/>
      <c r="AE87" s="592"/>
      <c r="AF87" s="265"/>
      <c r="AG87" s="364"/>
      <c r="AH87" s="26"/>
      <c r="AI87" s="26"/>
    </row>
    <row r="88" spans="1:35" s="1" customFormat="1" ht="13.4" customHeight="1">
      <c r="A88" s="392"/>
      <c r="B88" s="541">
        <v>78</v>
      </c>
      <c r="C88" s="542"/>
      <c r="D88" s="543" t="s">
        <v>2111</v>
      </c>
      <c r="E88" s="544"/>
      <c r="F88" s="544"/>
      <c r="G88" s="544"/>
      <c r="H88" s="544"/>
      <c r="I88" s="544"/>
      <c r="J88" s="544"/>
      <c r="K88" s="544"/>
      <c r="L88" s="544"/>
      <c r="M88" s="544"/>
      <c r="N88" s="544"/>
      <c r="O88" s="544"/>
      <c r="P88" s="544"/>
      <c r="Q88" s="544"/>
      <c r="R88" s="544"/>
      <c r="S88" s="544"/>
      <c r="T88" s="545"/>
      <c r="U88" s="221" t="s">
        <v>2112</v>
      </c>
      <c r="V88" s="546" t="s">
        <v>107</v>
      </c>
      <c r="W88" s="548"/>
      <c r="X88" s="408" t="s">
        <v>108</v>
      </c>
      <c r="Y88" s="415">
        <v>8</v>
      </c>
      <c r="Z88" s="415">
        <v>0</v>
      </c>
      <c r="AA88" s="700"/>
      <c r="AB88" s="700"/>
      <c r="AC88" s="592"/>
      <c r="AD88" s="592"/>
      <c r="AE88" s="592"/>
      <c r="AF88" s="267"/>
      <c r="AG88" s="365"/>
      <c r="AH88" s="26"/>
      <c r="AI88" s="26"/>
    </row>
    <row r="89" spans="1:35" s="13" customFormat="1" ht="13.4" customHeight="1">
      <c r="A89" s="392"/>
      <c r="B89" s="541">
        <v>79</v>
      </c>
      <c r="C89" s="542"/>
      <c r="D89" s="543" t="s">
        <v>2113</v>
      </c>
      <c r="E89" s="544"/>
      <c r="F89" s="544"/>
      <c r="G89" s="544"/>
      <c r="H89" s="544"/>
      <c r="I89" s="544"/>
      <c r="J89" s="544"/>
      <c r="K89" s="544"/>
      <c r="L89" s="544"/>
      <c r="M89" s="544"/>
      <c r="N89" s="544"/>
      <c r="O89" s="544"/>
      <c r="P89" s="544"/>
      <c r="Q89" s="544"/>
      <c r="R89" s="544"/>
      <c r="S89" s="544"/>
      <c r="T89" s="545"/>
      <c r="U89" s="221" t="s">
        <v>2114</v>
      </c>
      <c r="V89" s="546" t="s">
        <v>107</v>
      </c>
      <c r="W89" s="548"/>
      <c r="X89" s="408" t="s">
        <v>108</v>
      </c>
      <c r="Y89" s="415">
        <v>8</v>
      </c>
      <c r="Z89" s="415">
        <v>0</v>
      </c>
      <c r="AA89" s="700"/>
      <c r="AB89" s="700"/>
      <c r="AC89" s="592"/>
      <c r="AD89" s="592"/>
      <c r="AE89" s="592"/>
      <c r="AF89" s="265"/>
      <c r="AG89" s="364"/>
      <c r="AH89" s="54"/>
      <c r="AI89" s="54"/>
    </row>
    <row r="90" spans="1:35" s="13" customFormat="1" ht="44.5" customHeight="1">
      <c r="A90" s="392"/>
      <c r="B90" s="541">
        <v>80</v>
      </c>
      <c r="C90" s="542"/>
      <c r="D90" s="543" t="s">
        <v>2115</v>
      </c>
      <c r="E90" s="544"/>
      <c r="F90" s="544"/>
      <c r="G90" s="544"/>
      <c r="H90" s="544"/>
      <c r="I90" s="544"/>
      <c r="J90" s="544"/>
      <c r="K90" s="544"/>
      <c r="L90" s="544"/>
      <c r="M90" s="544"/>
      <c r="N90" s="544"/>
      <c r="O90" s="544"/>
      <c r="P90" s="544"/>
      <c r="Q90" s="544"/>
      <c r="R90" s="544"/>
      <c r="S90" s="544"/>
      <c r="T90" s="545"/>
      <c r="U90" s="221" t="s">
        <v>2116</v>
      </c>
      <c r="V90" s="546" t="s">
        <v>107</v>
      </c>
      <c r="W90" s="548"/>
      <c r="X90" s="408" t="s">
        <v>108</v>
      </c>
      <c r="Y90" s="415">
        <v>8</v>
      </c>
      <c r="Z90" s="415">
        <v>0</v>
      </c>
      <c r="AA90" s="700"/>
      <c r="AB90" s="700"/>
      <c r="AC90" s="592"/>
      <c r="AD90" s="592"/>
      <c r="AE90" s="592"/>
      <c r="AF90" s="265"/>
      <c r="AG90" s="364"/>
      <c r="AH90" s="54"/>
      <c r="AI90" s="54"/>
    </row>
    <row r="91" spans="1:35" s="1" customFormat="1" ht="45.65" customHeight="1">
      <c r="A91" s="392"/>
      <c r="B91" s="541">
        <v>81</v>
      </c>
      <c r="C91" s="542"/>
      <c r="D91" s="543" t="s">
        <v>2117</v>
      </c>
      <c r="E91" s="544"/>
      <c r="F91" s="544"/>
      <c r="G91" s="544"/>
      <c r="H91" s="544"/>
      <c r="I91" s="544"/>
      <c r="J91" s="544"/>
      <c r="K91" s="544"/>
      <c r="L91" s="544"/>
      <c r="M91" s="544"/>
      <c r="N91" s="544"/>
      <c r="O91" s="544"/>
      <c r="P91" s="544"/>
      <c r="Q91" s="544"/>
      <c r="R91" s="544"/>
      <c r="S91" s="544"/>
      <c r="T91" s="545"/>
      <c r="U91" s="221" t="s">
        <v>2118</v>
      </c>
      <c r="V91" s="546" t="s">
        <v>107</v>
      </c>
      <c r="W91" s="548"/>
      <c r="X91" s="408" t="s">
        <v>108</v>
      </c>
      <c r="Y91" s="415">
        <v>8</v>
      </c>
      <c r="Z91" s="415">
        <v>0</v>
      </c>
      <c r="AA91" s="700"/>
      <c r="AB91" s="700"/>
      <c r="AC91" s="592"/>
      <c r="AD91" s="592"/>
      <c r="AE91" s="592"/>
      <c r="AF91" s="265"/>
      <c r="AG91" s="364"/>
      <c r="AH91" s="26"/>
      <c r="AI91" s="26"/>
    </row>
    <row r="92" spans="1:35" s="1" customFormat="1" ht="45.65" customHeight="1">
      <c r="A92" s="392"/>
      <c r="B92" s="541">
        <v>82</v>
      </c>
      <c r="C92" s="542"/>
      <c r="D92" s="543" t="s">
        <v>2119</v>
      </c>
      <c r="E92" s="544"/>
      <c r="F92" s="544"/>
      <c r="G92" s="544"/>
      <c r="H92" s="544"/>
      <c r="I92" s="544"/>
      <c r="J92" s="544"/>
      <c r="K92" s="544"/>
      <c r="L92" s="544"/>
      <c r="M92" s="544"/>
      <c r="N92" s="544"/>
      <c r="O92" s="544"/>
      <c r="P92" s="544"/>
      <c r="Q92" s="544"/>
      <c r="R92" s="544"/>
      <c r="S92" s="544"/>
      <c r="T92" s="545"/>
      <c r="U92" s="221" t="s">
        <v>2120</v>
      </c>
      <c r="V92" s="546" t="s">
        <v>107</v>
      </c>
      <c r="W92" s="548"/>
      <c r="X92" s="408" t="s">
        <v>108</v>
      </c>
      <c r="Y92" s="415">
        <v>8</v>
      </c>
      <c r="Z92" s="415">
        <v>0</v>
      </c>
      <c r="AA92" s="700"/>
      <c r="AB92" s="700"/>
      <c r="AC92" s="592"/>
      <c r="AD92" s="592"/>
      <c r="AE92" s="592"/>
      <c r="AF92" s="265"/>
      <c r="AG92" s="364"/>
      <c r="AH92" s="26"/>
      <c r="AI92" s="26"/>
    </row>
    <row r="93" spans="1:35" s="13" customFormat="1" ht="13.4" customHeight="1">
      <c r="A93" s="392"/>
      <c r="B93" s="541">
        <v>83</v>
      </c>
      <c r="C93" s="542"/>
      <c r="D93" s="543" t="s">
        <v>2121</v>
      </c>
      <c r="E93" s="544"/>
      <c r="F93" s="544"/>
      <c r="G93" s="544"/>
      <c r="H93" s="544"/>
      <c r="I93" s="544"/>
      <c r="J93" s="544"/>
      <c r="K93" s="544"/>
      <c r="L93" s="544"/>
      <c r="M93" s="544"/>
      <c r="N93" s="544"/>
      <c r="O93" s="544"/>
      <c r="P93" s="544"/>
      <c r="Q93" s="544"/>
      <c r="R93" s="544"/>
      <c r="S93" s="544"/>
      <c r="T93" s="545"/>
      <c r="U93" s="221" t="s">
        <v>2122</v>
      </c>
      <c r="V93" s="546" t="s">
        <v>107</v>
      </c>
      <c r="W93" s="548"/>
      <c r="X93" s="408" t="s">
        <v>710</v>
      </c>
      <c r="Y93" s="415">
        <v>8</v>
      </c>
      <c r="Z93" s="415">
        <v>1</v>
      </c>
      <c r="AA93" s="700"/>
      <c r="AB93" s="700"/>
      <c r="AC93" s="592"/>
      <c r="AD93" s="592"/>
      <c r="AE93" s="592"/>
      <c r="AF93" s="267"/>
      <c r="AG93" s="365"/>
      <c r="AH93" s="54"/>
      <c r="AI93" s="54"/>
    </row>
    <row r="94" spans="1:35" s="1" customFormat="1" ht="13.4" customHeight="1">
      <c r="A94" s="392"/>
      <c r="B94" s="541">
        <v>84</v>
      </c>
      <c r="C94" s="542"/>
      <c r="D94" s="543" t="s">
        <v>2123</v>
      </c>
      <c r="E94" s="544"/>
      <c r="F94" s="544"/>
      <c r="G94" s="544"/>
      <c r="H94" s="544"/>
      <c r="I94" s="544"/>
      <c r="J94" s="544"/>
      <c r="K94" s="544"/>
      <c r="L94" s="544"/>
      <c r="M94" s="544"/>
      <c r="N94" s="544"/>
      <c r="O94" s="544"/>
      <c r="P94" s="544"/>
      <c r="Q94" s="544"/>
      <c r="R94" s="544"/>
      <c r="S94" s="544"/>
      <c r="T94" s="545"/>
      <c r="U94" s="221" t="s">
        <v>2124</v>
      </c>
      <c r="V94" s="546" t="s">
        <v>107</v>
      </c>
      <c r="W94" s="548"/>
      <c r="X94" s="408" t="s">
        <v>710</v>
      </c>
      <c r="Y94" s="415">
        <v>8</v>
      </c>
      <c r="Z94" s="415">
        <v>1</v>
      </c>
      <c r="AA94" s="700"/>
      <c r="AB94" s="700"/>
      <c r="AC94" s="592"/>
      <c r="AD94" s="592"/>
      <c r="AE94" s="592"/>
      <c r="AF94" s="265"/>
      <c r="AG94" s="364"/>
      <c r="AH94" s="26"/>
      <c r="AI94" s="26"/>
    </row>
    <row r="95" spans="1:35" s="1" customFormat="1" ht="13.4" customHeight="1">
      <c r="A95" s="392"/>
      <c r="B95" s="541">
        <v>85</v>
      </c>
      <c r="C95" s="542"/>
      <c r="D95" s="543" t="s">
        <v>2125</v>
      </c>
      <c r="E95" s="544"/>
      <c r="F95" s="544"/>
      <c r="G95" s="544"/>
      <c r="H95" s="544"/>
      <c r="I95" s="544"/>
      <c r="J95" s="544"/>
      <c r="K95" s="544"/>
      <c r="L95" s="544"/>
      <c r="M95" s="544"/>
      <c r="N95" s="544"/>
      <c r="O95" s="544"/>
      <c r="P95" s="544"/>
      <c r="Q95" s="544"/>
      <c r="R95" s="544"/>
      <c r="S95" s="544"/>
      <c r="T95" s="545"/>
      <c r="U95" s="221" t="s">
        <v>2126</v>
      </c>
      <c r="V95" s="546" t="s">
        <v>107</v>
      </c>
      <c r="W95" s="548"/>
      <c r="X95" s="408" t="s">
        <v>710</v>
      </c>
      <c r="Y95" s="415">
        <v>8</v>
      </c>
      <c r="Z95" s="415">
        <v>1</v>
      </c>
      <c r="AA95" s="700"/>
      <c r="AB95" s="700"/>
      <c r="AC95" s="592"/>
      <c r="AD95" s="592"/>
      <c r="AE95" s="592"/>
      <c r="AF95" s="265"/>
      <c r="AG95" s="364"/>
      <c r="AH95" s="26"/>
      <c r="AI95" s="26"/>
    </row>
    <row r="96" spans="1:35" s="1" customFormat="1" ht="13.4" customHeight="1">
      <c r="A96" s="392"/>
      <c r="B96" s="541">
        <v>86</v>
      </c>
      <c r="C96" s="542"/>
      <c r="D96" s="543" t="s">
        <v>2127</v>
      </c>
      <c r="E96" s="544"/>
      <c r="F96" s="544"/>
      <c r="G96" s="544"/>
      <c r="H96" s="544"/>
      <c r="I96" s="544"/>
      <c r="J96" s="544"/>
      <c r="K96" s="544"/>
      <c r="L96" s="544"/>
      <c r="M96" s="544"/>
      <c r="N96" s="544"/>
      <c r="O96" s="544"/>
      <c r="P96" s="544"/>
      <c r="Q96" s="544"/>
      <c r="R96" s="544"/>
      <c r="S96" s="544"/>
      <c r="T96" s="545"/>
      <c r="U96" s="221" t="s">
        <v>2128</v>
      </c>
      <c r="V96" s="546" t="s">
        <v>107</v>
      </c>
      <c r="W96" s="548"/>
      <c r="X96" s="408" t="s">
        <v>108</v>
      </c>
      <c r="Y96" s="415">
        <v>8</v>
      </c>
      <c r="Z96" s="415">
        <v>0</v>
      </c>
      <c r="AA96" s="700"/>
      <c r="AB96" s="700"/>
      <c r="AC96" s="592"/>
      <c r="AD96" s="592"/>
      <c r="AE96" s="592"/>
      <c r="AF96" s="267"/>
      <c r="AG96" s="365"/>
      <c r="AH96" s="26"/>
      <c r="AI96" s="26"/>
    </row>
    <row r="97" spans="1:35" s="1" customFormat="1" ht="13.4" customHeight="1">
      <c r="A97" s="392"/>
      <c r="B97" s="541">
        <v>87</v>
      </c>
      <c r="C97" s="542"/>
      <c r="D97" s="543" t="s">
        <v>2129</v>
      </c>
      <c r="E97" s="544"/>
      <c r="F97" s="544"/>
      <c r="G97" s="544"/>
      <c r="H97" s="544"/>
      <c r="I97" s="544"/>
      <c r="J97" s="544"/>
      <c r="K97" s="544"/>
      <c r="L97" s="544"/>
      <c r="M97" s="544"/>
      <c r="N97" s="544"/>
      <c r="O97" s="544"/>
      <c r="P97" s="544"/>
      <c r="Q97" s="544"/>
      <c r="R97" s="544"/>
      <c r="S97" s="544"/>
      <c r="T97" s="545"/>
      <c r="U97" s="221" t="s">
        <v>2130</v>
      </c>
      <c r="V97" s="546" t="s">
        <v>107</v>
      </c>
      <c r="W97" s="548"/>
      <c r="X97" s="408" t="s">
        <v>108</v>
      </c>
      <c r="Y97" s="415">
        <v>8</v>
      </c>
      <c r="Z97" s="415">
        <v>0</v>
      </c>
      <c r="AA97" s="700"/>
      <c r="AB97" s="700"/>
      <c r="AC97" s="592"/>
      <c r="AD97" s="592"/>
      <c r="AE97" s="592"/>
      <c r="AF97" s="265"/>
      <c r="AG97" s="364"/>
      <c r="AH97" s="26"/>
      <c r="AI97" s="26"/>
    </row>
    <row r="98" spans="1:35" s="13" customFormat="1" ht="13.4" customHeight="1">
      <c r="A98" s="392"/>
      <c r="B98" s="541">
        <v>88</v>
      </c>
      <c r="C98" s="542"/>
      <c r="D98" s="543" t="s">
        <v>2131</v>
      </c>
      <c r="E98" s="544"/>
      <c r="F98" s="544"/>
      <c r="G98" s="544"/>
      <c r="H98" s="544"/>
      <c r="I98" s="544"/>
      <c r="J98" s="544"/>
      <c r="K98" s="544"/>
      <c r="L98" s="544"/>
      <c r="M98" s="544"/>
      <c r="N98" s="544"/>
      <c r="O98" s="544"/>
      <c r="P98" s="544"/>
      <c r="Q98" s="544"/>
      <c r="R98" s="544"/>
      <c r="S98" s="544"/>
      <c r="T98" s="545"/>
      <c r="U98" s="221" t="s">
        <v>2132</v>
      </c>
      <c r="V98" s="546" t="s">
        <v>107</v>
      </c>
      <c r="W98" s="548"/>
      <c r="X98" s="408" t="s">
        <v>108</v>
      </c>
      <c r="Y98" s="415">
        <v>8</v>
      </c>
      <c r="Z98" s="415">
        <v>0</v>
      </c>
      <c r="AA98" s="700"/>
      <c r="AB98" s="700"/>
      <c r="AC98" s="592"/>
      <c r="AD98" s="592"/>
      <c r="AE98" s="592"/>
      <c r="AF98" s="265"/>
      <c r="AG98" s="364"/>
      <c r="AH98" s="54"/>
      <c r="AI98" s="54"/>
    </row>
    <row r="99" spans="1:35" s="1" customFormat="1" ht="40.4" customHeight="1">
      <c r="A99" s="392"/>
      <c r="B99" s="541">
        <v>89</v>
      </c>
      <c r="C99" s="542"/>
      <c r="D99" s="543" t="s">
        <v>2133</v>
      </c>
      <c r="E99" s="544"/>
      <c r="F99" s="544"/>
      <c r="G99" s="544"/>
      <c r="H99" s="544"/>
      <c r="I99" s="544"/>
      <c r="J99" s="544"/>
      <c r="K99" s="544"/>
      <c r="L99" s="544"/>
      <c r="M99" s="544"/>
      <c r="N99" s="544"/>
      <c r="O99" s="544"/>
      <c r="P99" s="544"/>
      <c r="Q99" s="544"/>
      <c r="R99" s="544"/>
      <c r="S99" s="544"/>
      <c r="T99" s="545"/>
      <c r="U99" s="221" t="s">
        <v>2134</v>
      </c>
      <c r="V99" s="546" t="s">
        <v>107</v>
      </c>
      <c r="W99" s="548"/>
      <c r="X99" s="408" t="s">
        <v>108</v>
      </c>
      <c r="Y99" s="415">
        <v>8</v>
      </c>
      <c r="Z99" s="415">
        <v>0</v>
      </c>
      <c r="AA99" s="700"/>
      <c r="AB99" s="700"/>
      <c r="AC99" s="592"/>
      <c r="AD99" s="592"/>
      <c r="AE99" s="592"/>
      <c r="AF99" s="265"/>
      <c r="AG99" s="364"/>
      <c r="AH99" s="26"/>
      <c r="AI99" s="26"/>
    </row>
    <row r="100" spans="1:35" s="1" customFormat="1" ht="42" customHeight="1">
      <c r="A100" s="392"/>
      <c r="B100" s="541">
        <v>90</v>
      </c>
      <c r="C100" s="542"/>
      <c r="D100" s="543" t="s">
        <v>2135</v>
      </c>
      <c r="E100" s="544"/>
      <c r="F100" s="544"/>
      <c r="G100" s="544"/>
      <c r="H100" s="544"/>
      <c r="I100" s="544"/>
      <c r="J100" s="544"/>
      <c r="K100" s="544"/>
      <c r="L100" s="544"/>
      <c r="M100" s="544"/>
      <c r="N100" s="544"/>
      <c r="O100" s="544"/>
      <c r="P100" s="544"/>
      <c r="Q100" s="544"/>
      <c r="R100" s="544"/>
      <c r="S100" s="544"/>
      <c r="T100" s="545"/>
      <c r="U100" s="221" t="s">
        <v>2136</v>
      </c>
      <c r="V100" s="546" t="s">
        <v>107</v>
      </c>
      <c r="W100" s="548"/>
      <c r="X100" s="408" t="s">
        <v>108</v>
      </c>
      <c r="Y100" s="415">
        <v>8</v>
      </c>
      <c r="Z100" s="415">
        <v>0</v>
      </c>
      <c r="AA100" s="700"/>
      <c r="AB100" s="700"/>
      <c r="AC100" s="592"/>
      <c r="AD100" s="592"/>
      <c r="AE100" s="592"/>
      <c r="AF100" s="265"/>
      <c r="AG100" s="364"/>
      <c r="AH100" s="26"/>
      <c r="AI100" s="26"/>
    </row>
    <row r="101" spans="1:35" s="13" customFormat="1" ht="42.65" customHeight="1">
      <c r="A101" s="392"/>
      <c r="B101" s="541">
        <v>91</v>
      </c>
      <c r="C101" s="542"/>
      <c r="D101" s="543" t="s">
        <v>2137</v>
      </c>
      <c r="E101" s="544"/>
      <c r="F101" s="544"/>
      <c r="G101" s="544"/>
      <c r="H101" s="544"/>
      <c r="I101" s="544"/>
      <c r="J101" s="544"/>
      <c r="K101" s="544"/>
      <c r="L101" s="544"/>
      <c r="M101" s="544"/>
      <c r="N101" s="544"/>
      <c r="O101" s="544"/>
      <c r="P101" s="544"/>
      <c r="Q101" s="544"/>
      <c r="R101" s="544"/>
      <c r="S101" s="544"/>
      <c r="T101" s="545"/>
      <c r="U101" s="221" t="s">
        <v>2138</v>
      </c>
      <c r="V101" s="546" t="s">
        <v>107</v>
      </c>
      <c r="W101" s="548"/>
      <c r="X101" s="408" t="s">
        <v>108</v>
      </c>
      <c r="Y101" s="415">
        <v>8</v>
      </c>
      <c r="Z101" s="415">
        <v>0</v>
      </c>
      <c r="AA101" s="700"/>
      <c r="AB101" s="700"/>
      <c r="AC101" s="592"/>
      <c r="AD101" s="592"/>
      <c r="AE101" s="592"/>
      <c r="AF101" s="265"/>
      <c r="AG101" s="364"/>
      <c r="AH101" s="54"/>
      <c r="AI101" s="54"/>
    </row>
    <row r="102" spans="1:35" s="1" customFormat="1" ht="29.15" customHeight="1">
      <c r="A102" s="392"/>
      <c r="B102" s="541">
        <v>92</v>
      </c>
      <c r="C102" s="542"/>
      <c r="D102" s="543" t="s">
        <v>2139</v>
      </c>
      <c r="E102" s="544"/>
      <c r="F102" s="544"/>
      <c r="G102" s="544"/>
      <c r="H102" s="544"/>
      <c r="I102" s="544"/>
      <c r="J102" s="544"/>
      <c r="K102" s="544"/>
      <c r="L102" s="544"/>
      <c r="M102" s="544"/>
      <c r="N102" s="544"/>
      <c r="O102" s="544"/>
      <c r="P102" s="544"/>
      <c r="Q102" s="544"/>
      <c r="R102" s="544"/>
      <c r="S102" s="544"/>
      <c r="T102" s="545"/>
      <c r="U102" s="221" t="s">
        <v>2140</v>
      </c>
      <c r="V102" s="546" t="s">
        <v>107</v>
      </c>
      <c r="W102" s="548"/>
      <c r="X102" s="408" t="s">
        <v>710</v>
      </c>
      <c r="Y102" s="415">
        <v>8</v>
      </c>
      <c r="Z102" s="415">
        <v>1</v>
      </c>
      <c r="AA102" s="700"/>
      <c r="AB102" s="700"/>
      <c r="AC102" s="592"/>
      <c r="AD102" s="592"/>
      <c r="AE102" s="592"/>
      <c r="AF102" s="265"/>
      <c r="AG102" s="364"/>
      <c r="AH102" s="26"/>
      <c r="AI102" s="26"/>
    </row>
    <row r="103" spans="1:35" s="1" customFormat="1" ht="30" customHeight="1">
      <c r="A103" s="392"/>
      <c r="B103" s="541">
        <v>93</v>
      </c>
      <c r="C103" s="542"/>
      <c r="D103" s="543" t="s">
        <v>2141</v>
      </c>
      <c r="E103" s="544"/>
      <c r="F103" s="544"/>
      <c r="G103" s="544"/>
      <c r="H103" s="544"/>
      <c r="I103" s="544"/>
      <c r="J103" s="544"/>
      <c r="K103" s="544"/>
      <c r="L103" s="544"/>
      <c r="M103" s="544"/>
      <c r="N103" s="544"/>
      <c r="O103" s="544"/>
      <c r="P103" s="544"/>
      <c r="Q103" s="544"/>
      <c r="R103" s="544"/>
      <c r="S103" s="544"/>
      <c r="T103" s="545"/>
      <c r="U103" s="221" t="s">
        <v>2142</v>
      </c>
      <c r="V103" s="546" t="s">
        <v>107</v>
      </c>
      <c r="W103" s="548"/>
      <c r="X103" s="408" t="s">
        <v>710</v>
      </c>
      <c r="Y103" s="415">
        <v>8</v>
      </c>
      <c r="Z103" s="415">
        <v>1</v>
      </c>
      <c r="AA103" s="700"/>
      <c r="AB103" s="700"/>
      <c r="AC103" s="592"/>
      <c r="AD103" s="592"/>
      <c r="AE103" s="592"/>
      <c r="AF103" s="267"/>
      <c r="AG103" s="365"/>
      <c r="AH103" s="26"/>
      <c r="AI103" s="26"/>
    </row>
    <row r="104" spans="1:35" s="1" customFormat="1" ht="28.4" customHeight="1">
      <c r="A104" s="392"/>
      <c r="B104" s="541">
        <v>94</v>
      </c>
      <c r="C104" s="542"/>
      <c r="D104" s="543" t="s">
        <v>2143</v>
      </c>
      <c r="E104" s="544"/>
      <c r="F104" s="544"/>
      <c r="G104" s="544"/>
      <c r="H104" s="544"/>
      <c r="I104" s="544"/>
      <c r="J104" s="544"/>
      <c r="K104" s="544"/>
      <c r="L104" s="544"/>
      <c r="M104" s="544"/>
      <c r="N104" s="544"/>
      <c r="O104" s="544"/>
      <c r="P104" s="544"/>
      <c r="Q104" s="544"/>
      <c r="R104" s="544"/>
      <c r="S104" s="544"/>
      <c r="T104" s="545"/>
      <c r="U104" s="221" t="s">
        <v>2144</v>
      </c>
      <c r="V104" s="546" t="s">
        <v>107</v>
      </c>
      <c r="W104" s="548"/>
      <c r="X104" s="408" t="s">
        <v>710</v>
      </c>
      <c r="Y104" s="415">
        <v>8</v>
      </c>
      <c r="Z104" s="415">
        <v>1</v>
      </c>
      <c r="AA104" s="700"/>
      <c r="AB104" s="700"/>
      <c r="AC104" s="592"/>
      <c r="AD104" s="592"/>
      <c r="AE104" s="592"/>
      <c r="AF104" s="267"/>
      <c r="AG104" s="365"/>
      <c r="AH104" s="26"/>
      <c r="AI104" s="26"/>
    </row>
    <row r="105" spans="1:35" s="1" customFormat="1" ht="28.4" customHeight="1">
      <c r="A105" s="392"/>
      <c r="B105" s="541">
        <v>95</v>
      </c>
      <c r="C105" s="542"/>
      <c r="D105" s="543" t="s">
        <v>2145</v>
      </c>
      <c r="E105" s="544"/>
      <c r="F105" s="544"/>
      <c r="G105" s="544"/>
      <c r="H105" s="544"/>
      <c r="I105" s="544"/>
      <c r="J105" s="544"/>
      <c r="K105" s="544"/>
      <c r="L105" s="544"/>
      <c r="M105" s="544"/>
      <c r="N105" s="544"/>
      <c r="O105" s="544"/>
      <c r="P105" s="544"/>
      <c r="Q105" s="544"/>
      <c r="R105" s="544"/>
      <c r="S105" s="544"/>
      <c r="T105" s="545"/>
      <c r="U105" s="221" t="s">
        <v>2146</v>
      </c>
      <c r="V105" s="546" t="s">
        <v>107</v>
      </c>
      <c r="W105" s="548"/>
      <c r="X105" s="408" t="s">
        <v>108</v>
      </c>
      <c r="Y105" s="415">
        <v>8</v>
      </c>
      <c r="Z105" s="415">
        <v>0</v>
      </c>
      <c r="AA105" s="700"/>
      <c r="AB105" s="700"/>
      <c r="AC105" s="592"/>
      <c r="AD105" s="592"/>
      <c r="AE105" s="592"/>
      <c r="AF105" s="265"/>
      <c r="AG105" s="364"/>
      <c r="AH105" s="26"/>
      <c r="AI105" s="26"/>
    </row>
    <row r="106" spans="1:35" s="1" customFormat="1" ht="28.4" customHeight="1">
      <c r="A106" s="392"/>
      <c r="B106" s="541">
        <v>96</v>
      </c>
      <c r="C106" s="542"/>
      <c r="D106" s="543" t="s">
        <v>2147</v>
      </c>
      <c r="E106" s="544"/>
      <c r="F106" s="544"/>
      <c r="G106" s="544"/>
      <c r="H106" s="544"/>
      <c r="I106" s="544"/>
      <c r="J106" s="544"/>
      <c r="K106" s="544"/>
      <c r="L106" s="544"/>
      <c r="M106" s="544"/>
      <c r="N106" s="544"/>
      <c r="O106" s="544"/>
      <c r="P106" s="544"/>
      <c r="Q106" s="544"/>
      <c r="R106" s="544"/>
      <c r="S106" s="544"/>
      <c r="T106" s="545"/>
      <c r="U106" s="221" t="s">
        <v>2148</v>
      </c>
      <c r="V106" s="546" t="s">
        <v>107</v>
      </c>
      <c r="W106" s="548"/>
      <c r="X106" s="408" t="s">
        <v>108</v>
      </c>
      <c r="Y106" s="415">
        <v>8</v>
      </c>
      <c r="Z106" s="415">
        <v>0</v>
      </c>
      <c r="AA106" s="700"/>
      <c r="AB106" s="700"/>
      <c r="AC106" s="592"/>
      <c r="AD106" s="592"/>
      <c r="AE106" s="592"/>
      <c r="AF106" s="265"/>
      <c r="AG106" s="364"/>
      <c r="AH106" s="26"/>
      <c r="AI106" s="26"/>
    </row>
    <row r="107" spans="1:35" s="1" customFormat="1" ht="29.15" customHeight="1">
      <c r="A107" s="392"/>
      <c r="B107" s="541">
        <v>97</v>
      </c>
      <c r="C107" s="542"/>
      <c r="D107" s="543" t="s">
        <v>2149</v>
      </c>
      <c r="E107" s="544"/>
      <c r="F107" s="544"/>
      <c r="G107" s="544"/>
      <c r="H107" s="544"/>
      <c r="I107" s="544"/>
      <c r="J107" s="544"/>
      <c r="K107" s="544"/>
      <c r="L107" s="544"/>
      <c r="M107" s="544"/>
      <c r="N107" s="544"/>
      <c r="O107" s="544"/>
      <c r="P107" s="544"/>
      <c r="Q107" s="544"/>
      <c r="R107" s="544"/>
      <c r="S107" s="544"/>
      <c r="T107" s="545"/>
      <c r="U107" s="221" t="s">
        <v>2150</v>
      </c>
      <c r="V107" s="546" t="s">
        <v>107</v>
      </c>
      <c r="W107" s="548"/>
      <c r="X107" s="408" t="s">
        <v>108</v>
      </c>
      <c r="Y107" s="415">
        <v>8</v>
      </c>
      <c r="Z107" s="415">
        <v>0</v>
      </c>
      <c r="AA107" s="700"/>
      <c r="AB107" s="700"/>
      <c r="AC107" s="592"/>
      <c r="AD107" s="592"/>
      <c r="AE107" s="592"/>
      <c r="AF107" s="267"/>
      <c r="AG107" s="365"/>
      <c r="AH107" s="26"/>
      <c r="AI107" s="26"/>
    </row>
    <row r="108" spans="1:35" s="13" customFormat="1" ht="29.15" customHeight="1">
      <c r="A108" s="392"/>
      <c r="B108" s="541">
        <v>98</v>
      </c>
      <c r="C108" s="542"/>
      <c r="D108" s="543" t="s">
        <v>2151</v>
      </c>
      <c r="E108" s="544"/>
      <c r="F108" s="544"/>
      <c r="G108" s="544"/>
      <c r="H108" s="544"/>
      <c r="I108" s="544"/>
      <c r="J108" s="544"/>
      <c r="K108" s="544"/>
      <c r="L108" s="544"/>
      <c r="M108" s="544"/>
      <c r="N108" s="544"/>
      <c r="O108" s="544"/>
      <c r="P108" s="544"/>
      <c r="Q108" s="544"/>
      <c r="R108" s="544"/>
      <c r="S108" s="544"/>
      <c r="T108" s="545"/>
      <c r="U108" s="221" t="s">
        <v>2152</v>
      </c>
      <c r="V108" s="546" t="s">
        <v>107</v>
      </c>
      <c r="W108" s="548"/>
      <c r="X108" s="408" t="s">
        <v>710</v>
      </c>
      <c r="Y108" s="415">
        <v>8</v>
      </c>
      <c r="Z108" s="415">
        <v>1</v>
      </c>
      <c r="AA108" s="700"/>
      <c r="AB108" s="700"/>
      <c r="AC108" s="592"/>
      <c r="AD108" s="592"/>
      <c r="AE108" s="592"/>
      <c r="AF108" s="265"/>
      <c r="AG108" s="364"/>
      <c r="AH108" s="54"/>
      <c r="AI108" s="54"/>
    </row>
    <row r="109" spans="1:35" s="13" customFormat="1" ht="28.4" customHeight="1">
      <c r="A109" s="392"/>
      <c r="B109" s="541">
        <v>99</v>
      </c>
      <c r="C109" s="542"/>
      <c r="D109" s="543" t="s">
        <v>2153</v>
      </c>
      <c r="E109" s="544"/>
      <c r="F109" s="544"/>
      <c r="G109" s="544"/>
      <c r="H109" s="544"/>
      <c r="I109" s="544"/>
      <c r="J109" s="544"/>
      <c r="K109" s="544"/>
      <c r="L109" s="544"/>
      <c r="M109" s="544"/>
      <c r="N109" s="544"/>
      <c r="O109" s="544"/>
      <c r="P109" s="544"/>
      <c r="Q109" s="544"/>
      <c r="R109" s="544"/>
      <c r="S109" s="544"/>
      <c r="T109" s="545"/>
      <c r="U109" s="221" t="s">
        <v>2154</v>
      </c>
      <c r="V109" s="546" t="s">
        <v>107</v>
      </c>
      <c r="W109" s="548"/>
      <c r="X109" s="408" t="s">
        <v>710</v>
      </c>
      <c r="Y109" s="415">
        <v>8</v>
      </c>
      <c r="Z109" s="415">
        <v>1</v>
      </c>
      <c r="AA109" s="700"/>
      <c r="AB109" s="700"/>
      <c r="AC109" s="592"/>
      <c r="AD109" s="592"/>
      <c r="AE109" s="592"/>
      <c r="AF109" s="265"/>
      <c r="AG109" s="364"/>
      <c r="AH109" s="54"/>
      <c r="AI109" s="54"/>
    </row>
    <row r="110" spans="1:35" s="1" customFormat="1" ht="28.4" customHeight="1">
      <c r="A110" s="392"/>
      <c r="B110" s="541">
        <v>100</v>
      </c>
      <c r="C110" s="542"/>
      <c r="D110" s="543" t="s">
        <v>2155</v>
      </c>
      <c r="E110" s="544"/>
      <c r="F110" s="544"/>
      <c r="G110" s="544"/>
      <c r="H110" s="544"/>
      <c r="I110" s="544"/>
      <c r="J110" s="544"/>
      <c r="K110" s="544"/>
      <c r="L110" s="544"/>
      <c r="M110" s="544"/>
      <c r="N110" s="544"/>
      <c r="O110" s="544"/>
      <c r="P110" s="544"/>
      <c r="Q110" s="544"/>
      <c r="R110" s="544"/>
      <c r="S110" s="544"/>
      <c r="T110" s="545"/>
      <c r="U110" s="221" t="s">
        <v>2156</v>
      </c>
      <c r="V110" s="546" t="s">
        <v>107</v>
      </c>
      <c r="W110" s="548"/>
      <c r="X110" s="408" t="s">
        <v>710</v>
      </c>
      <c r="Y110" s="415">
        <v>8</v>
      </c>
      <c r="Z110" s="415">
        <v>1</v>
      </c>
      <c r="AA110" s="700"/>
      <c r="AB110" s="700"/>
      <c r="AC110" s="592"/>
      <c r="AD110" s="592"/>
      <c r="AE110" s="592"/>
      <c r="AF110" s="265"/>
      <c r="AG110" s="364"/>
      <c r="AH110" s="26"/>
      <c r="AI110" s="26"/>
    </row>
    <row r="111" spans="1:35" s="1" customFormat="1" ht="32.25" customHeight="1">
      <c r="A111" s="392"/>
      <c r="B111" s="541">
        <v>101</v>
      </c>
      <c r="C111" s="542"/>
      <c r="D111" s="543" t="s">
        <v>2157</v>
      </c>
      <c r="E111" s="544"/>
      <c r="F111" s="544"/>
      <c r="G111" s="544"/>
      <c r="H111" s="544"/>
      <c r="I111" s="544"/>
      <c r="J111" s="544"/>
      <c r="K111" s="544"/>
      <c r="L111" s="544"/>
      <c r="M111" s="544"/>
      <c r="N111" s="544"/>
      <c r="O111" s="544"/>
      <c r="P111" s="544"/>
      <c r="Q111" s="544"/>
      <c r="R111" s="544"/>
      <c r="S111" s="544"/>
      <c r="T111" s="545"/>
      <c r="U111" s="221" t="s">
        <v>2158</v>
      </c>
      <c r="V111" s="546" t="s">
        <v>107</v>
      </c>
      <c r="W111" s="548"/>
      <c r="X111" s="408" t="s">
        <v>108</v>
      </c>
      <c r="Y111" s="415">
        <v>8</v>
      </c>
      <c r="Z111" s="415">
        <v>0</v>
      </c>
      <c r="AA111" s="700"/>
      <c r="AB111" s="700"/>
      <c r="AC111" s="592"/>
      <c r="AD111" s="592"/>
      <c r="AE111" s="592"/>
      <c r="AF111" s="265"/>
      <c r="AG111" s="364"/>
      <c r="AH111" s="26"/>
      <c r="AI111" s="26"/>
    </row>
    <row r="112" spans="1:35" s="13" customFormat="1" ht="32.25" customHeight="1">
      <c r="A112" s="392"/>
      <c r="B112" s="541">
        <v>102</v>
      </c>
      <c r="C112" s="542"/>
      <c r="D112" s="543" t="s">
        <v>2159</v>
      </c>
      <c r="E112" s="544"/>
      <c r="F112" s="544"/>
      <c r="G112" s="544"/>
      <c r="H112" s="544"/>
      <c r="I112" s="544"/>
      <c r="J112" s="544"/>
      <c r="K112" s="544"/>
      <c r="L112" s="544"/>
      <c r="M112" s="544"/>
      <c r="N112" s="544"/>
      <c r="O112" s="544"/>
      <c r="P112" s="544"/>
      <c r="Q112" s="544"/>
      <c r="R112" s="544"/>
      <c r="S112" s="544"/>
      <c r="T112" s="545"/>
      <c r="U112" s="221" t="s">
        <v>2160</v>
      </c>
      <c r="V112" s="546" t="s">
        <v>107</v>
      </c>
      <c r="W112" s="548"/>
      <c r="X112" s="408" t="s">
        <v>108</v>
      </c>
      <c r="Y112" s="415">
        <v>8</v>
      </c>
      <c r="Z112" s="415">
        <v>0</v>
      </c>
      <c r="AA112" s="700"/>
      <c r="AB112" s="700"/>
      <c r="AC112" s="592"/>
      <c r="AD112" s="592"/>
      <c r="AE112" s="592"/>
      <c r="AF112" s="265"/>
      <c r="AG112" s="364"/>
      <c r="AH112" s="54"/>
      <c r="AI112" s="54"/>
    </row>
    <row r="113" spans="1:35" s="1" customFormat="1" ht="32.25" customHeight="1">
      <c r="A113" s="392"/>
      <c r="B113" s="541">
        <v>103</v>
      </c>
      <c r="C113" s="542"/>
      <c r="D113" s="543" t="s">
        <v>2161</v>
      </c>
      <c r="E113" s="544"/>
      <c r="F113" s="544"/>
      <c r="G113" s="544"/>
      <c r="H113" s="544"/>
      <c r="I113" s="544"/>
      <c r="J113" s="544"/>
      <c r="K113" s="544"/>
      <c r="L113" s="544"/>
      <c r="M113" s="544"/>
      <c r="N113" s="544"/>
      <c r="O113" s="544"/>
      <c r="P113" s="544"/>
      <c r="Q113" s="544"/>
      <c r="R113" s="544"/>
      <c r="S113" s="544"/>
      <c r="T113" s="545"/>
      <c r="U113" s="221" t="s">
        <v>2162</v>
      </c>
      <c r="V113" s="546" t="s">
        <v>107</v>
      </c>
      <c r="W113" s="548"/>
      <c r="X113" s="408" t="s">
        <v>108</v>
      </c>
      <c r="Y113" s="415">
        <v>8</v>
      </c>
      <c r="Z113" s="415">
        <v>0</v>
      </c>
      <c r="AA113" s="700"/>
      <c r="AB113" s="700"/>
      <c r="AC113" s="592"/>
      <c r="AD113" s="592"/>
      <c r="AE113" s="592"/>
      <c r="AF113" s="265"/>
      <c r="AG113" s="364"/>
      <c r="AH113" s="26"/>
      <c r="AI113" s="26"/>
    </row>
    <row r="114" spans="1:35" s="1" customFormat="1" ht="30" customHeight="1">
      <c r="A114" s="392"/>
      <c r="B114" s="541">
        <v>104</v>
      </c>
      <c r="C114" s="542"/>
      <c r="D114" s="543" t="s">
        <v>2163</v>
      </c>
      <c r="E114" s="544"/>
      <c r="F114" s="544"/>
      <c r="G114" s="544"/>
      <c r="H114" s="544"/>
      <c r="I114" s="544"/>
      <c r="J114" s="544"/>
      <c r="K114" s="544"/>
      <c r="L114" s="544"/>
      <c r="M114" s="544"/>
      <c r="N114" s="544"/>
      <c r="O114" s="544"/>
      <c r="P114" s="544"/>
      <c r="Q114" s="544"/>
      <c r="R114" s="544"/>
      <c r="S114" s="544"/>
      <c r="T114" s="545"/>
      <c r="U114" s="221" t="s">
        <v>2164</v>
      </c>
      <c r="V114" s="546" t="s">
        <v>107</v>
      </c>
      <c r="W114" s="548"/>
      <c r="X114" s="408" t="s">
        <v>108</v>
      </c>
      <c r="Y114" s="415">
        <v>8</v>
      </c>
      <c r="Z114" s="415">
        <v>0</v>
      </c>
      <c r="AA114" s="700"/>
      <c r="AB114" s="700"/>
      <c r="AC114" s="592"/>
      <c r="AD114" s="592"/>
      <c r="AE114" s="592"/>
      <c r="AF114" s="265"/>
      <c r="AG114" s="364"/>
      <c r="AH114" s="26"/>
      <c r="AI114" s="26"/>
    </row>
    <row r="115" spans="1:35" s="1" customFormat="1" ht="27" customHeight="1">
      <c r="A115" s="392"/>
      <c r="B115" s="541">
        <v>105</v>
      </c>
      <c r="C115" s="542"/>
      <c r="D115" s="543" t="s">
        <v>2165</v>
      </c>
      <c r="E115" s="544"/>
      <c r="F115" s="544"/>
      <c r="G115" s="544"/>
      <c r="H115" s="544"/>
      <c r="I115" s="544"/>
      <c r="J115" s="544"/>
      <c r="K115" s="544"/>
      <c r="L115" s="544"/>
      <c r="M115" s="544"/>
      <c r="N115" s="544"/>
      <c r="O115" s="544"/>
      <c r="P115" s="544"/>
      <c r="Q115" s="544"/>
      <c r="R115" s="544"/>
      <c r="S115" s="544"/>
      <c r="T115" s="545"/>
      <c r="U115" s="221" t="s">
        <v>2166</v>
      </c>
      <c r="V115" s="546" t="s">
        <v>107</v>
      </c>
      <c r="W115" s="548"/>
      <c r="X115" s="408" t="s">
        <v>108</v>
      </c>
      <c r="Y115" s="415">
        <v>8</v>
      </c>
      <c r="Z115" s="415">
        <v>0</v>
      </c>
      <c r="AA115" s="700"/>
      <c r="AB115" s="700"/>
      <c r="AC115" s="592"/>
      <c r="AD115" s="592"/>
      <c r="AE115" s="592"/>
      <c r="AF115" s="267"/>
      <c r="AG115" s="365"/>
      <c r="AH115" s="26"/>
      <c r="AI115" s="26"/>
    </row>
    <row r="116" spans="1:35" s="1" customFormat="1" ht="13.4" customHeight="1">
      <c r="A116" s="392"/>
      <c r="B116" s="541">
        <v>106</v>
      </c>
      <c r="C116" s="542"/>
      <c r="D116" s="543" t="s">
        <v>2167</v>
      </c>
      <c r="E116" s="544"/>
      <c r="F116" s="544"/>
      <c r="G116" s="544"/>
      <c r="H116" s="544"/>
      <c r="I116" s="544"/>
      <c r="J116" s="544"/>
      <c r="K116" s="544"/>
      <c r="L116" s="544"/>
      <c r="M116" s="544"/>
      <c r="N116" s="544"/>
      <c r="O116" s="544"/>
      <c r="P116" s="544"/>
      <c r="Q116" s="544"/>
      <c r="R116" s="544"/>
      <c r="S116" s="544"/>
      <c r="T116" s="545"/>
      <c r="U116" s="221" t="s">
        <v>2168</v>
      </c>
      <c r="V116" s="546" t="s">
        <v>107</v>
      </c>
      <c r="W116" s="548"/>
      <c r="X116" s="408" t="s">
        <v>108</v>
      </c>
      <c r="Y116" s="415">
        <v>8</v>
      </c>
      <c r="Z116" s="415">
        <v>0</v>
      </c>
      <c r="AA116" s="700"/>
      <c r="AB116" s="700"/>
      <c r="AC116" s="592"/>
      <c r="AD116" s="592"/>
      <c r="AE116" s="592"/>
      <c r="AF116" s="267"/>
      <c r="AG116" s="365"/>
      <c r="AH116" s="26"/>
      <c r="AI116" s="26"/>
    </row>
    <row r="117" spans="1:35" s="1" customFormat="1" ht="30.65" customHeight="1">
      <c r="A117" s="392"/>
      <c r="B117" s="541">
        <v>107</v>
      </c>
      <c r="C117" s="542"/>
      <c r="D117" s="543" t="s">
        <v>2169</v>
      </c>
      <c r="E117" s="544"/>
      <c r="F117" s="544"/>
      <c r="G117" s="544"/>
      <c r="H117" s="544"/>
      <c r="I117" s="544"/>
      <c r="J117" s="544"/>
      <c r="K117" s="544"/>
      <c r="L117" s="544"/>
      <c r="M117" s="544"/>
      <c r="N117" s="544"/>
      <c r="O117" s="544"/>
      <c r="P117" s="544"/>
      <c r="Q117" s="544"/>
      <c r="R117" s="544"/>
      <c r="S117" s="544"/>
      <c r="T117" s="545"/>
      <c r="U117" s="221" t="s">
        <v>2170</v>
      </c>
      <c r="V117" s="546" t="s">
        <v>107</v>
      </c>
      <c r="W117" s="548"/>
      <c r="X117" s="408" t="s">
        <v>710</v>
      </c>
      <c r="Y117" s="415">
        <v>8</v>
      </c>
      <c r="Z117" s="415">
        <v>1</v>
      </c>
      <c r="AA117" s="700"/>
      <c r="AB117" s="700"/>
      <c r="AC117" s="592"/>
      <c r="AD117" s="592"/>
      <c r="AE117" s="592"/>
      <c r="AF117" s="265"/>
      <c r="AG117" s="364"/>
      <c r="AH117" s="26"/>
      <c r="AI117" s="26"/>
    </row>
    <row r="118" spans="1:35" s="1" customFormat="1" ht="30.65" customHeight="1">
      <c r="A118" s="392"/>
      <c r="B118" s="541">
        <v>108</v>
      </c>
      <c r="C118" s="542"/>
      <c r="D118" s="543" t="s">
        <v>2171</v>
      </c>
      <c r="E118" s="544"/>
      <c r="F118" s="544"/>
      <c r="G118" s="544"/>
      <c r="H118" s="544"/>
      <c r="I118" s="544"/>
      <c r="J118" s="544"/>
      <c r="K118" s="544"/>
      <c r="L118" s="544"/>
      <c r="M118" s="544"/>
      <c r="N118" s="544"/>
      <c r="O118" s="544"/>
      <c r="P118" s="544"/>
      <c r="Q118" s="544"/>
      <c r="R118" s="544"/>
      <c r="S118" s="544"/>
      <c r="T118" s="545"/>
      <c r="U118" s="221" t="s">
        <v>2172</v>
      </c>
      <c r="V118" s="546" t="s">
        <v>107</v>
      </c>
      <c r="W118" s="548"/>
      <c r="X118" s="408" t="s">
        <v>710</v>
      </c>
      <c r="Y118" s="415">
        <v>8</v>
      </c>
      <c r="Z118" s="415">
        <v>1</v>
      </c>
      <c r="AA118" s="700"/>
      <c r="AB118" s="700"/>
      <c r="AC118" s="592"/>
      <c r="AD118" s="592"/>
      <c r="AE118" s="592"/>
      <c r="AF118" s="265"/>
      <c r="AG118" s="364"/>
      <c r="AH118" s="26"/>
      <c r="AI118" s="26"/>
    </row>
    <row r="119" spans="1:35" s="1" customFormat="1" ht="31.4" customHeight="1">
      <c r="A119" s="392"/>
      <c r="B119" s="541">
        <v>109</v>
      </c>
      <c r="C119" s="542"/>
      <c r="D119" s="543" t="s">
        <v>2173</v>
      </c>
      <c r="E119" s="544"/>
      <c r="F119" s="544"/>
      <c r="G119" s="544"/>
      <c r="H119" s="544"/>
      <c r="I119" s="544"/>
      <c r="J119" s="544"/>
      <c r="K119" s="544"/>
      <c r="L119" s="544"/>
      <c r="M119" s="544"/>
      <c r="N119" s="544"/>
      <c r="O119" s="544"/>
      <c r="P119" s="544"/>
      <c r="Q119" s="544"/>
      <c r="R119" s="544"/>
      <c r="S119" s="544"/>
      <c r="T119" s="545"/>
      <c r="U119" s="221" t="s">
        <v>2174</v>
      </c>
      <c r="V119" s="546" t="s">
        <v>107</v>
      </c>
      <c r="W119" s="548"/>
      <c r="X119" s="408" t="s">
        <v>710</v>
      </c>
      <c r="Y119" s="415">
        <v>8</v>
      </c>
      <c r="Z119" s="415">
        <v>1</v>
      </c>
      <c r="AA119" s="700"/>
      <c r="AB119" s="700"/>
      <c r="AC119" s="592"/>
      <c r="AD119" s="592"/>
      <c r="AE119" s="592"/>
      <c r="AF119" s="267"/>
      <c r="AG119" s="365"/>
      <c r="AH119" s="26"/>
      <c r="AI119" s="26"/>
    </row>
    <row r="120" spans="1:35" s="13" customFormat="1" ht="27.65" customHeight="1">
      <c r="A120" s="392"/>
      <c r="B120" s="541">
        <v>110</v>
      </c>
      <c r="C120" s="542"/>
      <c r="D120" s="543" t="s">
        <v>2175</v>
      </c>
      <c r="E120" s="544"/>
      <c r="F120" s="544"/>
      <c r="G120" s="544"/>
      <c r="H120" s="544"/>
      <c r="I120" s="544"/>
      <c r="J120" s="544"/>
      <c r="K120" s="544"/>
      <c r="L120" s="544"/>
      <c r="M120" s="544"/>
      <c r="N120" s="544"/>
      <c r="O120" s="544"/>
      <c r="P120" s="544"/>
      <c r="Q120" s="544"/>
      <c r="R120" s="544"/>
      <c r="S120" s="544"/>
      <c r="T120" s="545"/>
      <c r="U120" s="221" t="s">
        <v>2176</v>
      </c>
      <c r="V120" s="546" t="s">
        <v>107</v>
      </c>
      <c r="W120" s="548"/>
      <c r="X120" s="408" t="s">
        <v>108</v>
      </c>
      <c r="Y120" s="415">
        <v>8</v>
      </c>
      <c r="Z120" s="415">
        <v>0</v>
      </c>
      <c r="AA120" s="700"/>
      <c r="AB120" s="700"/>
      <c r="AC120" s="592"/>
      <c r="AD120" s="592"/>
      <c r="AE120" s="592"/>
      <c r="AF120" s="265"/>
      <c r="AG120" s="364"/>
      <c r="AH120" s="54"/>
      <c r="AI120" s="54"/>
    </row>
    <row r="121" spans="1:35" s="13" customFormat="1" ht="30.65" customHeight="1">
      <c r="A121" s="392"/>
      <c r="B121" s="541">
        <v>111</v>
      </c>
      <c r="C121" s="542"/>
      <c r="D121" s="543" t="s">
        <v>2177</v>
      </c>
      <c r="E121" s="544"/>
      <c r="F121" s="544"/>
      <c r="G121" s="544"/>
      <c r="H121" s="544"/>
      <c r="I121" s="544"/>
      <c r="J121" s="544"/>
      <c r="K121" s="544"/>
      <c r="L121" s="544"/>
      <c r="M121" s="544"/>
      <c r="N121" s="544"/>
      <c r="O121" s="544"/>
      <c r="P121" s="544"/>
      <c r="Q121" s="544"/>
      <c r="R121" s="544"/>
      <c r="S121" s="544"/>
      <c r="T121" s="545"/>
      <c r="U121" s="221" t="s">
        <v>2178</v>
      </c>
      <c r="V121" s="546" t="s">
        <v>107</v>
      </c>
      <c r="W121" s="548"/>
      <c r="X121" s="408" t="s">
        <v>108</v>
      </c>
      <c r="Y121" s="415">
        <v>8</v>
      </c>
      <c r="Z121" s="415">
        <v>0</v>
      </c>
      <c r="AA121" s="700"/>
      <c r="AB121" s="700"/>
      <c r="AC121" s="592"/>
      <c r="AD121" s="592"/>
      <c r="AE121" s="592"/>
      <c r="AF121" s="265"/>
      <c r="AG121" s="364"/>
      <c r="AH121" s="54"/>
      <c r="AI121" s="54"/>
    </row>
    <row r="122" spans="1:35" s="1" customFormat="1" ht="30.65" customHeight="1">
      <c r="A122" s="392"/>
      <c r="B122" s="541">
        <v>112</v>
      </c>
      <c r="C122" s="542"/>
      <c r="D122" s="543" t="s">
        <v>2179</v>
      </c>
      <c r="E122" s="544"/>
      <c r="F122" s="544"/>
      <c r="G122" s="544"/>
      <c r="H122" s="544"/>
      <c r="I122" s="544"/>
      <c r="J122" s="544"/>
      <c r="K122" s="544"/>
      <c r="L122" s="544"/>
      <c r="M122" s="544"/>
      <c r="N122" s="544"/>
      <c r="O122" s="544"/>
      <c r="P122" s="544"/>
      <c r="Q122" s="544"/>
      <c r="R122" s="544"/>
      <c r="S122" s="544"/>
      <c r="T122" s="545"/>
      <c r="U122" s="221" t="s">
        <v>2180</v>
      </c>
      <c r="V122" s="546" t="s">
        <v>107</v>
      </c>
      <c r="W122" s="548"/>
      <c r="X122" s="408" t="s">
        <v>108</v>
      </c>
      <c r="Y122" s="415">
        <v>8</v>
      </c>
      <c r="Z122" s="415">
        <v>0</v>
      </c>
      <c r="AA122" s="700"/>
      <c r="AB122" s="700"/>
      <c r="AC122" s="592"/>
      <c r="AD122" s="592"/>
      <c r="AE122" s="592"/>
      <c r="AF122" s="265"/>
      <c r="AG122" s="364"/>
      <c r="AH122" s="26"/>
      <c r="AI122" s="26"/>
    </row>
    <row r="123" spans="1:35" s="34" customFormat="1" ht="27" customHeight="1">
      <c r="A123" s="393"/>
      <c r="B123" s="714">
        <v>113</v>
      </c>
      <c r="C123" s="715"/>
      <c r="D123" s="543" t="s">
        <v>2181</v>
      </c>
      <c r="E123" s="544"/>
      <c r="F123" s="544"/>
      <c r="G123" s="544"/>
      <c r="H123" s="544"/>
      <c r="I123" s="544"/>
      <c r="J123" s="544"/>
      <c r="K123" s="544"/>
      <c r="L123" s="544"/>
      <c r="M123" s="544"/>
      <c r="N123" s="544"/>
      <c r="O123" s="544"/>
      <c r="P123" s="544"/>
      <c r="Q123" s="544"/>
      <c r="R123" s="544"/>
      <c r="S123" s="544"/>
      <c r="T123" s="545"/>
      <c r="U123" s="391" t="s">
        <v>2182</v>
      </c>
      <c r="V123" s="646" t="s">
        <v>107</v>
      </c>
      <c r="W123" s="647"/>
      <c r="X123" s="410" t="s">
        <v>710</v>
      </c>
      <c r="Y123" s="415">
        <v>8</v>
      </c>
      <c r="Z123" s="415">
        <v>1</v>
      </c>
      <c r="AA123" s="700"/>
      <c r="AB123" s="700"/>
      <c r="AC123" s="716"/>
      <c r="AD123" s="716"/>
      <c r="AE123" s="716"/>
      <c r="AF123" s="265"/>
      <c r="AG123" s="364"/>
      <c r="AH123" s="55"/>
      <c r="AI123" s="55"/>
    </row>
    <row r="124" spans="1:35" s="35" customFormat="1" ht="29.15" customHeight="1">
      <c r="A124" s="393"/>
      <c r="B124" s="714">
        <v>114</v>
      </c>
      <c r="C124" s="715"/>
      <c r="D124" s="543" t="s">
        <v>2183</v>
      </c>
      <c r="E124" s="544"/>
      <c r="F124" s="544"/>
      <c r="G124" s="544"/>
      <c r="H124" s="544"/>
      <c r="I124" s="544"/>
      <c r="J124" s="544"/>
      <c r="K124" s="544"/>
      <c r="L124" s="544"/>
      <c r="M124" s="544"/>
      <c r="N124" s="544"/>
      <c r="O124" s="544"/>
      <c r="P124" s="544"/>
      <c r="Q124" s="544"/>
      <c r="R124" s="544"/>
      <c r="S124" s="544"/>
      <c r="T124" s="545"/>
      <c r="U124" s="391" t="s">
        <v>2184</v>
      </c>
      <c r="V124" s="646" t="s">
        <v>107</v>
      </c>
      <c r="W124" s="647"/>
      <c r="X124" s="410" t="s">
        <v>710</v>
      </c>
      <c r="Y124" s="415">
        <v>8</v>
      </c>
      <c r="Z124" s="415">
        <v>1</v>
      </c>
      <c r="AA124" s="700"/>
      <c r="AB124" s="700"/>
      <c r="AC124" s="716"/>
      <c r="AD124" s="716"/>
      <c r="AE124" s="716"/>
      <c r="AF124" s="267"/>
      <c r="AG124" s="365"/>
      <c r="AH124" s="57"/>
      <c r="AI124" s="57"/>
    </row>
    <row r="125" spans="1:35" s="34" customFormat="1" ht="28.4" customHeight="1">
      <c r="A125" s="393"/>
      <c r="B125" s="714">
        <v>115</v>
      </c>
      <c r="C125" s="715"/>
      <c r="D125" s="543" t="s">
        <v>2185</v>
      </c>
      <c r="E125" s="544"/>
      <c r="F125" s="544"/>
      <c r="G125" s="544"/>
      <c r="H125" s="544"/>
      <c r="I125" s="544"/>
      <c r="J125" s="544"/>
      <c r="K125" s="544"/>
      <c r="L125" s="544"/>
      <c r="M125" s="544"/>
      <c r="N125" s="544"/>
      <c r="O125" s="544"/>
      <c r="P125" s="544"/>
      <c r="Q125" s="544"/>
      <c r="R125" s="544"/>
      <c r="S125" s="544"/>
      <c r="T125" s="545"/>
      <c r="U125" s="391" t="s">
        <v>2186</v>
      </c>
      <c r="V125" s="646" t="s">
        <v>107</v>
      </c>
      <c r="W125" s="647"/>
      <c r="X125" s="410" t="s">
        <v>710</v>
      </c>
      <c r="Y125" s="415">
        <v>8</v>
      </c>
      <c r="Z125" s="415">
        <v>1</v>
      </c>
      <c r="AA125" s="700"/>
      <c r="AB125" s="700"/>
      <c r="AC125" s="716"/>
      <c r="AD125" s="716"/>
      <c r="AE125" s="716"/>
      <c r="AF125" s="265"/>
      <c r="AG125" s="364"/>
      <c r="AH125" s="55"/>
      <c r="AI125" s="55"/>
    </row>
    <row r="126" spans="1:35" s="34" customFormat="1" ht="30" customHeight="1">
      <c r="A126" s="393"/>
      <c r="B126" s="714">
        <v>116</v>
      </c>
      <c r="C126" s="715"/>
      <c r="D126" s="543" t="s">
        <v>2187</v>
      </c>
      <c r="E126" s="544"/>
      <c r="F126" s="544"/>
      <c r="G126" s="544"/>
      <c r="H126" s="544"/>
      <c r="I126" s="544"/>
      <c r="J126" s="544"/>
      <c r="K126" s="544"/>
      <c r="L126" s="544"/>
      <c r="M126" s="544"/>
      <c r="N126" s="544"/>
      <c r="O126" s="544"/>
      <c r="P126" s="544"/>
      <c r="Q126" s="544"/>
      <c r="R126" s="544"/>
      <c r="S126" s="544"/>
      <c r="T126" s="545"/>
      <c r="U126" s="391" t="s">
        <v>2188</v>
      </c>
      <c r="V126" s="646" t="s">
        <v>107</v>
      </c>
      <c r="W126" s="647"/>
      <c r="X126" s="410" t="s">
        <v>108</v>
      </c>
      <c r="Y126" s="415">
        <v>8</v>
      </c>
      <c r="Z126" s="415">
        <v>0</v>
      </c>
      <c r="AA126" s="700"/>
      <c r="AB126" s="700"/>
      <c r="AC126" s="716"/>
      <c r="AD126" s="716"/>
      <c r="AE126" s="716"/>
      <c r="AF126" s="265"/>
      <c r="AG126" s="364"/>
      <c r="AH126" s="55"/>
      <c r="AI126" s="55"/>
    </row>
    <row r="127" spans="1:35" s="34" customFormat="1" ht="27" customHeight="1">
      <c r="A127" s="393"/>
      <c r="B127" s="714">
        <v>117</v>
      </c>
      <c r="C127" s="715"/>
      <c r="D127" s="543" t="s">
        <v>2189</v>
      </c>
      <c r="E127" s="544"/>
      <c r="F127" s="544"/>
      <c r="G127" s="544"/>
      <c r="H127" s="544"/>
      <c r="I127" s="544"/>
      <c r="J127" s="544"/>
      <c r="K127" s="544"/>
      <c r="L127" s="544"/>
      <c r="M127" s="544"/>
      <c r="N127" s="544"/>
      <c r="O127" s="544"/>
      <c r="P127" s="544"/>
      <c r="Q127" s="544"/>
      <c r="R127" s="544"/>
      <c r="S127" s="544"/>
      <c r="T127" s="545"/>
      <c r="U127" s="391" t="s">
        <v>2190</v>
      </c>
      <c r="V127" s="646" t="s">
        <v>107</v>
      </c>
      <c r="W127" s="647"/>
      <c r="X127" s="410" t="s">
        <v>108</v>
      </c>
      <c r="Y127" s="415">
        <v>8</v>
      </c>
      <c r="Z127" s="415">
        <v>0</v>
      </c>
      <c r="AA127" s="700"/>
      <c r="AB127" s="700"/>
      <c r="AC127" s="716"/>
      <c r="AD127" s="716"/>
      <c r="AE127" s="716"/>
      <c r="AF127" s="267"/>
      <c r="AG127" s="365"/>
      <c r="AH127" s="55"/>
      <c r="AI127" s="55"/>
    </row>
    <row r="128" spans="1:35" s="1" customFormat="1" ht="28.4" customHeight="1">
      <c r="A128" s="392"/>
      <c r="B128" s="541">
        <v>118</v>
      </c>
      <c r="C128" s="542"/>
      <c r="D128" s="543" t="s">
        <v>2191</v>
      </c>
      <c r="E128" s="544"/>
      <c r="F128" s="544"/>
      <c r="G128" s="544"/>
      <c r="H128" s="544"/>
      <c r="I128" s="544"/>
      <c r="J128" s="544"/>
      <c r="K128" s="544"/>
      <c r="L128" s="544"/>
      <c r="M128" s="544"/>
      <c r="N128" s="544"/>
      <c r="O128" s="544"/>
      <c r="P128" s="544"/>
      <c r="Q128" s="544"/>
      <c r="R128" s="544"/>
      <c r="S128" s="544"/>
      <c r="T128" s="545"/>
      <c r="U128" s="221" t="s">
        <v>2192</v>
      </c>
      <c r="V128" s="546" t="s">
        <v>107</v>
      </c>
      <c r="W128" s="548"/>
      <c r="X128" s="408" t="s">
        <v>108</v>
      </c>
      <c r="Y128" s="415">
        <v>8</v>
      </c>
      <c r="Z128" s="415">
        <v>0</v>
      </c>
      <c r="AA128" s="700"/>
      <c r="AB128" s="700"/>
      <c r="AC128" s="592"/>
      <c r="AD128" s="592"/>
      <c r="AE128" s="592"/>
      <c r="AF128" s="265"/>
      <c r="AG128" s="364"/>
      <c r="AH128" s="26"/>
      <c r="AI128" s="26"/>
    </row>
    <row r="129" spans="1:35" s="35" customFormat="1" ht="30" customHeight="1">
      <c r="A129" s="393"/>
      <c r="B129" s="714">
        <v>119</v>
      </c>
      <c r="C129" s="715"/>
      <c r="D129" s="543" t="s">
        <v>2193</v>
      </c>
      <c r="E129" s="544"/>
      <c r="F129" s="544"/>
      <c r="G129" s="544"/>
      <c r="H129" s="544"/>
      <c r="I129" s="544"/>
      <c r="J129" s="544"/>
      <c r="K129" s="544"/>
      <c r="L129" s="544"/>
      <c r="M129" s="544"/>
      <c r="N129" s="544"/>
      <c r="O129" s="544"/>
      <c r="P129" s="544"/>
      <c r="Q129" s="544"/>
      <c r="R129" s="544"/>
      <c r="S129" s="544"/>
      <c r="T129" s="545"/>
      <c r="U129" s="391" t="s">
        <v>2194</v>
      </c>
      <c r="V129" s="646" t="s">
        <v>107</v>
      </c>
      <c r="W129" s="647"/>
      <c r="X129" s="410" t="s">
        <v>710</v>
      </c>
      <c r="Y129" s="415">
        <v>8</v>
      </c>
      <c r="Z129" s="415">
        <v>1</v>
      </c>
      <c r="AA129" s="700"/>
      <c r="AB129" s="700"/>
      <c r="AC129" s="716"/>
      <c r="AD129" s="716"/>
      <c r="AE129" s="716"/>
      <c r="AF129" s="265"/>
      <c r="AG129" s="364"/>
      <c r="AH129" s="57"/>
      <c r="AI129" s="57"/>
    </row>
    <row r="130" spans="1:35" s="34" customFormat="1" ht="27.65" customHeight="1">
      <c r="A130" s="393"/>
      <c r="B130" s="714">
        <v>120</v>
      </c>
      <c r="C130" s="715"/>
      <c r="D130" s="543" t="s">
        <v>2195</v>
      </c>
      <c r="E130" s="544"/>
      <c r="F130" s="544"/>
      <c r="G130" s="544"/>
      <c r="H130" s="544"/>
      <c r="I130" s="544"/>
      <c r="J130" s="544"/>
      <c r="K130" s="544"/>
      <c r="L130" s="544"/>
      <c r="M130" s="544"/>
      <c r="N130" s="544"/>
      <c r="O130" s="544"/>
      <c r="P130" s="544"/>
      <c r="Q130" s="544"/>
      <c r="R130" s="544"/>
      <c r="S130" s="544"/>
      <c r="T130" s="545"/>
      <c r="U130" s="391" t="s">
        <v>2196</v>
      </c>
      <c r="V130" s="646" t="s">
        <v>107</v>
      </c>
      <c r="W130" s="647"/>
      <c r="X130" s="410" t="s">
        <v>710</v>
      </c>
      <c r="Y130" s="415">
        <v>8</v>
      </c>
      <c r="Z130" s="415">
        <v>1</v>
      </c>
      <c r="AA130" s="700"/>
      <c r="AB130" s="700"/>
      <c r="AC130" s="716"/>
      <c r="AD130" s="716"/>
      <c r="AE130" s="716"/>
      <c r="AF130" s="265"/>
      <c r="AG130" s="364"/>
      <c r="AH130" s="55"/>
      <c r="AI130" s="55"/>
    </row>
    <row r="131" spans="1:35" s="34" customFormat="1" ht="31.4" customHeight="1">
      <c r="A131" s="393"/>
      <c r="B131" s="714">
        <v>121</v>
      </c>
      <c r="C131" s="715"/>
      <c r="D131" s="543" t="s">
        <v>2197</v>
      </c>
      <c r="E131" s="544"/>
      <c r="F131" s="544"/>
      <c r="G131" s="544"/>
      <c r="H131" s="544"/>
      <c r="I131" s="544"/>
      <c r="J131" s="544"/>
      <c r="K131" s="544"/>
      <c r="L131" s="544"/>
      <c r="M131" s="544"/>
      <c r="N131" s="544"/>
      <c r="O131" s="544"/>
      <c r="P131" s="544"/>
      <c r="Q131" s="544"/>
      <c r="R131" s="544"/>
      <c r="S131" s="544"/>
      <c r="T131" s="545"/>
      <c r="U131" s="391" t="s">
        <v>2198</v>
      </c>
      <c r="V131" s="646" t="s">
        <v>107</v>
      </c>
      <c r="W131" s="647"/>
      <c r="X131" s="410" t="s">
        <v>710</v>
      </c>
      <c r="Y131" s="415">
        <v>8</v>
      </c>
      <c r="Z131" s="415">
        <v>1</v>
      </c>
      <c r="AA131" s="700"/>
      <c r="AB131" s="700"/>
      <c r="AC131" s="716"/>
      <c r="AD131" s="716"/>
      <c r="AE131" s="716"/>
      <c r="AF131" s="265"/>
      <c r="AG131" s="364"/>
      <c r="AH131" s="55"/>
      <c r="AI131" s="55"/>
    </row>
    <row r="132" spans="1:35" s="35" customFormat="1" ht="32.25" customHeight="1">
      <c r="A132" s="393"/>
      <c r="B132" s="714">
        <v>122</v>
      </c>
      <c r="C132" s="715"/>
      <c r="D132" s="543" t="s">
        <v>2199</v>
      </c>
      <c r="E132" s="544"/>
      <c r="F132" s="544"/>
      <c r="G132" s="544"/>
      <c r="H132" s="544"/>
      <c r="I132" s="544"/>
      <c r="J132" s="544"/>
      <c r="K132" s="544"/>
      <c r="L132" s="544"/>
      <c r="M132" s="544"/>
      <c r="N132" s="544"/>
      <c r="O132" s="544"/>
      <c r="P132" s="544"/>
      <c r="Q132" s="544"/>
      <c r="R132" s="544"/>
      <c r="S132" s="544"/>
      <c r="T132" s="545"/>
      <c r="U132" s="391" t="s">
        <v>2200</v>
      </c>
      <c r="V132" s="646" t="s">
        <v>107</v>
      </c>
      <c r="W132" s="647"/>
      <c r="X132" s="410" t="s">
        <v>108</v>
      </c>
      <c r="Y132" s="415">
        <v>8</v>
      </c>
      <c r="Z132" s="415">
        <v>0</v>
      </c>
      <c r="AA132" s="700"/>
      <c r="AB132" s="700"/>
      <c r="AC132" s="716"/>
      <c r="AD132" s="716"/>
      <c r="AE132" s="716"/>
      <c r="AF132" s="265"/>
      <c r="AG132" s="364"/>
      <c r="AH132" s="57"/>
      <c r="AI132" s="57"/>
    </row>
    <row r="133" spans="1:35" s="34" customFormat="1" ht="32.25" customHeight="1">
      <c r="A133" s="393"/>
      <c r="B133" s="714">
        <v>123</v>
      </c>
      <c r="C133" s="715"/>
      <c r="D133" s="543" t="s">
        <v>2201</v>
      </c>
      <c r="E133" s="544"/>
      <c r="F133" s="544"/>
      <c r="G133" s="544"/>
      <c r="H133" s="544"/>
      <c r="I133" s="544"/>
      <c r="J133" s="544"/>
      <c r="K133" s="544"/>
      <c r="L133" s="544"/>
      <c r="M133" s="544"/>
      <c r="N133" s="544"/>
      <c r="O133" s="544"/>
      <c r="P133" s="544"/>
      <c r="Q133" s="544"/>
      <c r="R133" s="544"/>
      <c r="S133" s="544"/>
      <c r="T133" s="545"/>
      <c r="U133" s="391" t="s">
        <v>2202</v>
      </c>
      <c r="V133" s="646" t="s">
        <v>107</v>
      </c>
      <c r="W133" s="647"/>
      <c r="X133" s="410" t="s">
        <v>108</v>
      </c>
      <c r="Y133" s="415">
        <v>8</v>
      </c>
      <c r="Z133" s="415">
        <v>0</v>
      </c>
      <c r="AA133" s="700"/>
      <c r="AB133" s="700"/>
      <c r="AC133" s="716"/>
      <c r="AD133" s="716"/>
      <c r="AE133" s="716"/>
      <c r="AF133" s="265"/>
      <c r="AG133" s="364"/>
      <c r="AH133" s="55"/>
      <c r="AI133" s="55"/>
    </row>
    <row r="134" spans="1:35" s="34" customFormat="1" ht="32.25" customHeight="1">
      <c r="A134" s="393"/>
      <c r="B134" s="714">
        <v>124</v>
      </c>
      <c r="C134" s="715"/>
      <c r="D134" s="543" t="s">
        <v>2203</v>
      </c>
      <c r="E134" s="544"/>
      <c r="F134" s="544"/>
      <c r="G134" s="544"/>
      <c r="H134" s="544"/>
      <c r="I134" s="544"/>
      <c r="J134" s="544"/>
      <c r="K134" s="544"/>
      <c r="L134" s="544"/>
      <c r="M134" s="544"/>
      <c r="N134" s="544"/>
      <c r="O134" s="544"/>
      <c r="P134" s="544"/>
      <c r="Q134" s="544"/>
      <c r="R134" s="544"/>
      <c r="S134" s="544"/>
      <c r="T134" s="545"/>
      <c r="U134" s="391" t="s">
        <v>2204</v>
      </c>
      <c r="V134" s="646" t="s">
        <v>107</v>
      </c>
      <c r="W134" s="647"/>
      <c r="X134" s="410" t="s">
        <v>108</v>
      </c>
      <c r="Y134" s="415">
        <v>8</v>
      </c>
      <c r="Z134" s="415">
        <v>0</v>
      </c>
      <c r="AA134" s="700"/>
      <c r="AB134" s="700"/>
      <c r="AC134" s="716"/>
      <c r="AD134" s="716"/>
      <c r="AE134" s="716"/>
      <c r="AF134" s="267"/>
      <c r="AG134" s="365"/>
      <c r="AH134" s="55"/>
      <c r="AI134" s="55"/>
    </row>
    <row r="135" spans="1:35" s="34" customFormat="1" ht="27.65" customHeight="1">
      <c r="A135" s="393"/>
      <c r="B135" s="714">
        <v>125</v>
      </c>
      <c r="C135" s="715"/>
      <c r="D135" s="543" t="s">
        <v>2205</v>
      </c>
      <c r="E135" s="544"/>
      <c r="F135" s="544"/>
      <c r="G135" s="544"/>
      <c r="H135" s="544"/>
      <c r="I135" s="544"/>
      <c r="J135" s="544"/>
      <c r="K135" s="544"/>
      <c r="L135" s="544"/>
      <c r="M135" s="544"/>
      <c r="N135" s="544"/>
      <c r="O135" s="544"/>
      <c r="P135" s="544"/>
      <c r="Q135" s="544"/>
      <c r="R135" s="544"/>
      <c r="S135" s="544"/>
      <c r="T135" s="545"/>
      <c r="U135" s="391" t="s">
        <v>2206</v>
      </c>
      <c r="V135" s="646" t="s">
        <v>107</v>
      </c>
      <c r="W135" s="647"/>
      <c r="X135" s="410" t="s">
        <v>108</v>
      </c>
      <c r="Y135" s="415">
        <v>8</v>
      </c>
      <c r="Z135" s="415">
        <v>0</v>
      </c>
      <c r="AA135" s="700"/>
      <c r="AB135" s="700"/>
      <c r="AC135" s="716"/>
      <c r="AD135" s="716"/>
      <c r="AE135" s="716"/>
      <c r="AF135" s="267"/>
      <c r="AG135" s="365"/>
      <c r="AH135" s="55"/>
      <c r="AI135" s="55"/>
    </row>
    <row r="136" spans="1:35" s="34" customFormat="1" ht="29.5" customHeight="1">
      <c r="A136" s="393"/>
      <c r="B136" s="714">
        <v>126</v>
      </c>
      <c r="C136" s="715"/>
      <c r="D136" s="543" t="s">
        <v>2207</v>
      </c>
      <c r="E136" s="544"/>
      <c r="F136" s="544"/>
      <c r="G136" s="544"/>
      <c r="H136" s="544"/>
      <c r="I136" s="544"/>
      <c r="J136" s="544"/>
      <c r="K136" s="544"/>
      <c r="L136" s="544"/>
      <c r="M136" s="544"/>
      <c r="N136" s="544"/>
      <c r="O136" s="544"/>
      <c r="P136" s="544"/>
      <c r="Q136" s="544"/>
      <c r="R136" s="544"/>
      <c r="S136" s="544"/>
      <c r="T136" s="545"/>
      <c r="U136" s="391" t="s">
        <v>2208</v>
      </c>
      <c r="V136" s="646" t="s">
        <v>107</v>
      </c>
      <c r="W136" s="647"/>
      <c r="X136" s="410" t="s">
        <v>108</v>
      </c>
      <c r="Y136" s="415">
        <v>8</v>
      </c>
      <c r="Z136" s="415">
        <v>0</v>
      </c>
      <c r="AA136" s="700"/>
      <c r="AB136" s="700"/>
      <c r="AC136" s="716"/>
      <c r="AD136" s="716"/>
      <c r="AE136" s="716"/>
      <c r="AF136" s="265"/>
      <c r="AG136" s="364"/>
      <c r="AH136" s="55"/>
      <c r="AI136" s="55"/>
    </row>
    <row r="137" spans="1:35" s="34" customFormat="1" ht="29.5" customHeight="1">
      <c r="A137" s="393"/>
      <c r="B137" s="714">
        <v>127</v>
      </c>
      <c r="C137" s="715"/>
      <c r="D137" s="543" t="s">
        <v>2209</v>
      </c>
      <c r="E137" s="544"/>
      <c r="F137" s="544"/>
      <c r="G137" s="544"/>
      <c r="H137" s="544"/>
      <c r="I137" s="544"/>
      <c r="J137" s="544"/>
      <c r="K137" s="544"/>
      <c r="L137" s="544"/>
      <c r="M137" s="544"/>
      <c r="N137" s="544"/>
      <c r="O137" s="544"/>
      <c r="P137" s="544"/>
      <c r="Q137" s="544"/>
      <c r="R137" s="544"/>
      <c r="S137" s="544"/>
      <c r="T137" s="545"/>
      <c r="U137" s="391" t="s">
        <v>2210</v>
      </c>
      <c r="V137" s="646" t="s">
        <v>107</v>
      </c>
      <c r="W137" s="647"/>
      <c r="X137" s="410" t="s">
        <v>108</v>
      </c>
      <c r="Y137" s="415">
        <v>8</v>
      </c>
      <c r="Z137" s="415">
        <v>0</v>
      </c>
      <c r="AA137" s="700"/>
      <c r="AB137" s="700"/>
      <c r="AC137" s="716"/>
      <c r="AD137" s="716"/>
      <c r="AE137" s="716"/>
      <c r="AF137" s="265"/>
      <c r="AG137" s="364"/>
      <c r="AH137" s="55"/>
      <c r="AI137" s="55"/>
    </row>
    <row r="138" spans="1:35" s="34" customFormat="1" ht="27.65" customHeight="1">
      <c r="A138" s="393"/>
      <c r="B138" s="714">
        <v>128</v>
      </c>
      <c r="C138" s="715"/>
      <c r="D138" s="543" t="s">
        <v>2211</v>
      </c>
      <c r="E138" s="544"/>
      <c r="F138" s="544"/>
      <c r="G138" s="544"/>
      <c r="H138" s="544"/>
      <c r="I138" s="544"/>
      <c r="J138" s="544"/>
      <c r="K138" s="544"/>
      <c r="L138" s="544"/>
      <c r="M138" s="544"/>
      <c r="N138" s="544"/>
      <c r="O138" s="544"/>
      <c r="P138" s="544"/>
      <c r="Q138" s="544"/>
      <c r="R138" s="544"/>
      <c r="S138" s="544"/>
      <c r="T138" s="545"/>
      <c r="U138" s="391" t="s">
        <v>2212</v>
      </c>
      <c r="V138" s="646" t="s">
        <v>107</v>
      </c>
      <c r="W138" s="647"/>
      <c r="X138" s="410" t="s">
        <v>710</v>
      </c>
      <c r="Y138" s="415">
        <v>8</v>
      </c>
      <c r="Z138" s="415">
        <v>1</v>
      </c>
      <c r="AA138" s="700"/>
      <c r="AB138" s="700"/>
      <c r="AC138" s="716"/>
      <c r="AD138" s="716"/>
      <c r="AE138" s="716"/>
      <c r="AF138" s="267"/>
      <c r="AG138" s="365"/>
      <c r="AH138" s="55"/>
      <c r="AI138" s="55"/>
    </row>
    <row r="139" spans="1:35" s="35" customFormat="1" ht="27" customHeight="1">
      <c r="A139" s="393"/>
      <c r="B139" s="714">
        <v>129</v>
      </c>
      <c r="C139" s="715"/>
      <c r="D139" s="543" t="s">
        <v>2213</v>
      </c>
      <c r="E139" s="544"/>
      <c r="F139" s="544"/>
      <c r="G139" s="544"/>
      <c r="H139" s="544"/>
      <c r="I139" s="544"/>
      <c r="J139" s="544"/>
      <c r="K139" s="544"/>
      <c r="L139" s="544"/>
      <c r="M139" s="544"/>
      <c r="N139" s="544"/>
      <c r="O139" s="544"/>
      <c r="P139" s="544"/>
      <c r="Q139" s="544"/>
      <c r="R139" s="544"/>
      <c r="S139" s="544"/>
      <c r="T139" s="545"/>
      <c r="U139" s="391" t="s">
        <v>2214</v>
      </c>
      <c r="V139" s="646" t="s">
        <v>107</v>
      </c>
      <c r="W139" s="647"/>
      <c r="X139" s="410" t="s">
        <v>710</v>
      </c>
      <c r="Y139" s="415">
        <v>8</v>
      </c>
      <c r="Z139" s="415">
        <v>1</v>
      </c>
      <c r="AA139" s="700"/>
      <c r="AB139" s="700"/>
      <c r="AC139" s="716"/>
      <c r="AD139" s="716"/>
      <c r="AE139" s="716"/>
      <c r="AF139" s="265"/>
      <c r="AG139" s="364"/>
      <c r="AH139" s="57"/>
      <c r="AI139" s="57"/>
    </row>
    <row r="140" spans="1:35" s="35" customFormat="1" ht="28.4" customHeight="1">
      <c r="A140" s="393"/>
      <c r="B140" s="714">
        <v>130</v>
      </c>
      <c r="C140" s="715"/>
      <c r="D140" s="543" t="s">
        <v>2215</v>
      </c>
      <c r="E140" s="544"/>
      <c r="F140" s="544"/>
      <c r="G140" s="544"/>
      <c r="H140" s="544"/>
      <c r="I140" s="544"/>
      <c r="J140" s="544"/>
      <c r="K140" s="544"/>
      <c r="L140" s="544"/>
      <c r="M140" s="544"/>
      <c r="N140" s="544"/>
      <c r="O140" s="544"/>
      <c r="P140" s="544"/>
      <c r="Q140" s="544"/>
      <c r="R140" s="544"/>
      <c r="S140" s="544"/>
      <c r="T140" s="545"/>
      <c r="U140" s="391" t="s">
        <v>2216</v>
      </c>
      <c r="V140" s="646" t="s">
        <v>107</v>
      </c>
      <c r="W140" s="647"/>
      <c r="X140" s="410" t="s">
        <v>710</v>
      </c>
      <c r="Y140" s="415">
        <v>8</v>
      </c>
      <c r="Z140" s="415">
        <v>1</v>
      </c>
      <c r="AA140" s="700"/>
      <c r="AB140" s="700"/>
      <c r="AC140" s="716"/>
      <c r="AD140" s="716"/>
      <c r="AE140" s="716"/>
      <c r="AF140" s="265"/>
      <c r="AG140" s="364"/>
      <c r="AH140" s="57"/>
      <c r="AI140" s="57"/>
    </row>
    <row r="141" spans="1:35" s="34" customFormat="1" ht="27.65" customHeight="1">
      <c r="A141" s="393"/>
      <c r="B141" s="714">
        <v>131</v>
      </c>
      <c r="C141" s="715"/>
      <c r="D141" s="543" t="s">
        <v>2217</v>
      </c>
      <c r="E141" s="544"/>
      <c r="F141" s="544"/>
      <c r="G141" s="544"/>
      <c r="H141" s="544"/>
      <c r="I141" s="544"/>
      <c r="J141" s="544"/>
      <c r="K141" s="544"/>
      <c r="L141" s="544"/>
      <c r="M141" s="544"/>
      <c r="N141" s="544"/>
      <c r="O141" s="544"/>
      <c r="P141" s="544"/>
      <c r="Q141" s="544"/>
      <c r="R141" s="544"/>
      <c r="S141" s="544"/>
      <c r="T141" s="545"/>
      <c r="U141" s="391" t="s">
        <v>2218</v>
      </c>
      <c r="V141" s="646" t="s">
        <v>107</v>
      </c>
      <c r="W141" s="647"/>
      <c r="X141" s="410" t="s">
        <v>108</v>
      </c>
      <c r="Y141" s="415">
        <v>8</v>
      </c>
      <c r="Z141" s="415">
        <v>0</v>
      </c>
      <c r="AA141" s="700"/>
      <c r="AB141" s="700"/>
      <c r="AC141" s="716"/>
      <c r="AD141" s="716"/>
      <c r="AE141" s="716"/>
      <c r="AF141" s="265"/>
      <c r="AG141" s="364"/>
      <c r="AH141" s="55"/>
      <c r="AI141" s="55"/>
    </row>
    <row r="142" spans="1:35" s="34" customFormat="1" ht="27.65" customHeight="1">
      <c r="A142" s="393"/>
      <c r="B142" s="714">
        <v>132</v>
      </c>
      <c r="C142" s="715"/>
      <c r="D142" s="543" t="s">
        <v>2219</v>
      </c>
      <c r="E142" s="544"/>
      <c r="F142" s="544"/>
      <c r="G142" s="544"/>
      <c r="H142" s="544"/>
      <c r="I142" s="544"/>
      <c r="J142" s="544"/>
      <c r="K142" s="544"/>
      <c r="L142" s="544"/>
      <c r="M142" s="544"/>
      <c r="N142" s="544"/>
      <c r="O142" s="544"/>
      <c r="P142" s="544"/>
      <c r="Q142" s="544"/>
      <c r="R142" s="544"/>
      <c r="S142" s="544"/>
      <c r="T142" s="545"/>
      <c r="U142" s="391" t="s">
        <v>2220</v>
      </c>
      <c r="V142" s="646" t="s">
        <v>107</v>
      </c>
      <c r="W142" s="647"/>
      <c r="X142" s="410" t="s">
        <v>108</v>
      </c>
      <c r="Y142" s="415">
        <v>8</v>
      </c>
      <c r="Z142" s="415">
        <v>0</v>
      </c>
      <c r="AA142" s="700"/>
      <c r="AB142" s="700"/>
      <c r="AC142" s="716"/>
      <c r="AD142" s="716"/>
      <c r="AE142" s="716"/>
      <c r="AF142" s="265"/>
      <c r="AG142" s="364"/>
      <c r="AH142" s="55"/>
      <c r="AI142" s="55"/>
    </row>
    <row r="143" spans="1:35" s="35" customFormat="1" ht="28.4" customHeight="1">
      <c r="A143" s="393"/>
      <c r="B143" s="714">
        <v>133</v>
      </c>
      <c r="C143" s="715"/>
      <c r="D143" s="543" t="s">
        <v>2221</v>
      </c>
      <c r="E143" s="544"/>
      <c r="F143" s="544"/>
      <c r="G143" s="544"/>
      <c r="H143" s="544"/>
      <c r="I143" s="544"/>
      <c r="J143" s="544"/>
      <c r="K143" s="544"/>
      <c r="L143" s="544"/>
      <c r="M143" s="544"/>
      <c r="N143" s="544"/>
      <c r="O143" s="544"/>
      <c r="P143" s="544"/>
      <c r="Q143" s="544"/>
      <c r="R143" s="544"/>
      <c r="S143" s="544"/>
      <c r="T143" s="545"/>
      <c r="U143" s="391" t="s">
        <v>2222</v>
      </c>
      <c r="V143" s="646" t="s">
        <v>107</v>
      </c>
      <c r="W143" s="647"/>
      <c r="X143" s="410" t="s">
        <v>108</v>
      </c>
      <c r="Y143" s="415">
        <v>8</v>
      </c>
      <c r="Z143" s="415">
        <v>0</v>
      </c>
      <c r="AA143" s="700"/>
      <c r="AB143" s="700"/>
      <c r="AC143" s="716"/>
      <c r="AD143" s="716"/>
      <c r="AE143" s="716"/>
      <c r="AF143" s="265"/>
      <c r="AG143" s="364"/>
      <c r="AH143" s="57"/>
      <c r="AI143" s="57"/>
    </row>
    <row r="144" spans="1:35" s="34" customFormat="1" ht="27.65" customHeight="1">
      <c r="A144" s="393"/>
      <c r="B144" s="714">
        <v>134</v>
      </c>
      <c r="C144" s="715"/>
      <c r="D144" s="543" t="s">
        <v>2223</v>
      </c>
      <c r="E144" s="544"/>
      <c r="F144" s="544"/>
      <c r="G144" s="544"/>
      <c r="H144" s="544"/>
      <c r="I144" s="544"/>
      <c r="J144" s="544"/>
      <c r="K144" s="544"/>
      <c r="L144" s="544"/>
      <c r="M144" s="544"/>
      <c r="N144" s="544"/>
      <c r="O144" s="544"/>
      <c r="P144" s="544"/>
      <c r="Q144" s="544"/>
      <c r="R144" s="544"/>
      <c r="S144" s="544"/>
      <c r="T144" s="545"/>
      <c r="U144" s="391" t="s">
        <v>2224</v>
      </c>
      <c r="V144" s="646" t="s">
        <v>107</v>
      </c>
      <c r="W144" s="647"/>
      <c r="X144" s="410" t="s">
        <v>710</v>
      </c>
      <c r="Y144" s="415">
        <v>8</v>
      </c>
      <c r="Z144" s="415">
        <v>1</v>
      </c>
      <c r="AA144" s="700"/>
      <c r="AB144" s="700"/>
      <c r="AC144" s="716"/>
      <c r="AD144" s="716"/>
      <c r="AE144" s="716"/>
      <c r="AF144" s="265"/>
      <c r="AG144" s="364"/>
      <c r="AH144" s="55"/>
      <c r="AI144" s="55"/>
    </row>
    <row r="145" spans="1:35" s="34" customFormat="1" ht="27" customHeight="1">
      <c r="A145" s="393"/>
      <c r="B145" s="714">
        <v>135</v>
      </c>
      <c r="C145" s="715"/>
      <c r="D145" s="543" t="s">
        <v>2225</v>
      </c>
      <c r="E145" s="544"/>
      <c r="F145" s="544"/>
      <c r="G145" s="544"/>
      <c r="H145" s="544"/>
      <c r="I145" s="544"/>
      <c r="J145" s="544"/>
      <c r="K145" s="544"/>
      <c r="L145" s="544"/>
      <c r="M145" s="544"/>
      <c r="N145" s="544"/>
      <c r="O145" s="544"/>
      <c r="P145" s="544"/>
      <c r="Q145" s="544"/>
      <c r="R145" s="544"/>
      <c r="S145" s="544"/>
      <c r="T145" s="545"/>
      <c r="U145" s="391" t="s">
        <v>2226</v>
      </c>
      <c r="V145" s="646" t="s">
        <v>107</v>
      </c>
      <c r="W145" s="647"/>
      <c r="X145" s="410" t="s">
        <v>710</v>
      </c>
      <c r="Y145" s="415">
        <v>8</v>
      </c>
      <c r="Z145" s="415">
        <v>1</v>
      </c>
      <c r="AA145" s="700"/>
      <c r="AB145" s="700"/>
      <c r="AC145" s="716"/>
      <c r="AD145" s="716"/>
      <c r="AE145" s="716"/>
      <c r="AF145" s="265"/>
      <c r="AG145" s="364"/>
      <c r="AH145" s="55"/>
      <c r="AI145" s="55"/>
    </row>
    <row r="146" spans="1:35" s="34" customFormat="1" ht="28.4" customHeight="1">
      <c r="A146" s="393"/>
      <c r="B146" s="714">
        <v>136</v>
      </c>
      <c r="C146" s="715"/>
      <c r="D146" s="543" t="s">
        <v>2227</v>
      </c>
      <c r="E146" s="544"/>
      <c r="F146" s="544"/>
      <c r="G146" s="544"/>
      <c r="H146" s="544"/>
      <c r="I146" s="544"/>
      <c r="J146" s="544"/>
      <c r="K146" s="544"/>
      <c r="L146" s="544"/>
      <c r="M146" s="544"/>
      <c r="N146" s="544"/>
      <c r="O146" s="544"/>
      <c r="P146" s="544"/>
      <c r="Q146" s="544"/>
      <c r="R146" s="544"/>
      <c r="S146" s="544"/>
      <c r="T146" s="545"/>
      <c r="U146" s="391" t="s">
        <v>2228</v>
      </c>
      <c r="V146" s="646" t="s">
        <v>107</v>
      </c>
      <c r="W146" s="647"/>
      <c r="X146" s="410" t="s">
        <v>710</v>
      </c>
      <c r="Y146" s="415">
        <v>8</v>
      </c>
      <c r="Z146" s="415">
        <v>1</v>
      </c>
      <c r="AA146" s="700"/>
      <c r="AB146" s="700"/>
      <c r="AC146" s="716"/>
      <c r="AD146" s="716"/>
      <c r="AE146" s="716"/>
      <c r="AF146" s="267"/>
      <c r="AG146" s="365"/>
      <c r="AH146" s="55"/>
      <c r="AI146" s="55"/>
    </row>
    <row r="147" spans="1:35" s="1" customFormat="1" ht="12.75" customHeight="1">
      <c r="A147" s="392"/>
      <c r="B147" s="541">
        <v>137</v>
      </c>
      <c r="C147" s="542"/>
      <c r="D147" s="543" t="s">
        <v>2229</v>
      </c>
      <c r="E147" s="544"/>
      <c r="F147" s="544"/>
      <c r="G147" s="544"/>
      <c r="H147" s="544"/>
      <c r="I147" s="544"/>
      <c r="J147" s="544"/>
      <c r="K147" s="544"/>
      <c r="L147" s="544"/>
      <c r="M147" s="544"/>
      <c r="N147" s="544"/>
      <c r="O147" s="544"/>
      <c r="P147" s="544"/>
      <c r="Q147" s="544"/>
      <c r="R147" s="544"/>
      <c r="S147" s="544"/>
      <c r="T147" s="545"/>
      <c r="U147" s="221" t="s">
        <v>2230</v>
      </c>
      <c r="V147" s="546" t="s">
        <v>107</v>
      </c>
      <c r="W147" s="548"/>
      <c r="X147" s="408" t="s">
        <v>108</v>
      </c>
      <c r="Y147" s="415">
        <v>8</v>
      </c>
      <c r="Z147" s="415">
        <v>0</v>
      </c>
      <c r="AA147" s="700"/>
      <c r="AB147" s="700"/>
      <c r="AC147" s="592"/>
      <c r="AD147" s="592"/>
      <c r="AE147" s="592"/>
      <c r="AF147" s="267"/>
      <c r="AG147" s="365"/>
      <c r="AH147" s="26"/>
      <c r="AI147" s="26"/>
    </row>
    <row r="148" spans="1:35" s="1" customFormat="1" ht="13.4" customHeight="1">
      <c r="A148" s="392"/>
      <c r="B148" s="541">
        <v>138</v>
      </c>
      <c r="C148" s="542"/>
      <c r="D148" s="543" t="s">
        <v>2231</v>
      </c>
      <c r="E148" s="544"/>
      <c r="F148" s="544"/>
      <c r="G148" s="544"/>
      <c r="H148" s="544"/>
      <c r="I148" s="544"/>
      <c r="J148" s="544"/>
      <c r="K148" s="544"/>
      <c r="L148" s="544"/>
      <c r="M148" s="544"/>
      <c r="N148" s="544"/>
      <c r="O148" s="544"/>
      <c r="P148" s="544"/>
      <c r="Q148" s="544"/>
      <c r="R148" s="544"/>
      <c r="S148" s="544"/>
      <c r="T148" s="545"/>
      <c r="U148" s="221" t="s">
        <v>2232</v>
      </c>
      <c r="V148" s="546" t="s">
        <v>107</v>
      </c>
      <c r="W148" s="548"/>
      <c r="X148" s="408" t="s">
        <v>108</v>
      </c>
      <c r="Y148" s="415">
        <v>8</v>
      </c>
      <c r="Z148" s="415">
        <v>0</v>
      </c>
      <c r="AA148" s="700"/>
      <c r="AB148" s="700"/>
      <c r="AC148" s="592"/>
      <c r="AD148" s="592"/>
      <c r="AE148" s="592"/>
      <c r="AF148" s="265"/>
      <c r="AG148" s="364"/>
      <c r="AH148" s="26"/>
      <c r="AI148" s="26"/>
    </row>
    <row r="149" spans="1:35" s="1" customFormat="1" ht="13.4" customHeight="1">
      <c r="A149" s="392"/>
      <c r="B149" s="541">
        <v>139</v>
      </c>
      <c r="C149" s="542"/>
      <c r="D149" s="543" t="s">
        <v>2233</v>
      </c>
      <c r="E149" s="544"/>
      <c r="F149" s="544"/>
      <c r="G149" s="544"/>
      <c r="H149" s="544"/>
      <c r="I149" s="544"/>
      <c r="J149" s="544"/>
      <c r="K149" s="544"/>
      <c r="L149" s="544"/>
      <c r="M149" s="544"/>
      <c r="N149" s="544"/>
      <c r="O149" s="544"/>
      <c r="P149" s="544"/>
      <c r="Q149" s="544"/>
      <c r="R149" s="544"/>
      <c r="S149" s="544"/>
      <c r="T149" s="545"/>
      <c r="U149" s="221" t="s">
        <v>2234</v>
      </c>
      <c r="V149" s="546" t="s">
        <v>107</v>
      </c>
      <c r="W149" s="548"/>
      <c r="X149" s="408" t="s">
        <v>108</v>
      </c>
      <c r="Y149" s="415">
        <v>8</v>
      </c>
      <c r="Z149" s="415">
        <v>0</v>
      </c>
      <c r="AA149" s="700"/>
      <c r="AB149" s="700"/>
      <c r="AC149" s="592"/>
      <c r="AD149" s="592"/>
      <c r="AE149" s="592"/>
      <c r="AF149" s="265"/>
      <c r="AG149" s="364"/>
      <c r="AH149" s="26"/>
      <c r="AI149" s="26"/>
    </row>
    <row r="150" spans="1:35" s="1" customFormat="1" ht="13.4" customHeight="1">
      <c r="A150" s="392"/>
      <c r="B150" s="541">
        <v>140</v>
      </c>
      <c r="C150" s="542"/>
      <c r="D150" s="543" t="s">
        <v>2235</v>
      </c>
      <c r="E150" s="544"/>
      <c r="F150" s="544"/>
      <c r="G150" s="544"/>
      <c r="H150" s="544"/>
      <c r="I150" s="544"/>
      <c r="J150" s="544"/>
      <c r="K150" s="544"/>
      <c r="L150" s="544"/>
      <c r="M150" s="544"/>
      <c r="N150" s="544"/>
      <c r="O150" s="544"/>
      <c r="P150" s="544"/>
      <c r="Q150" s="544"/>
      <c r="R150" s="544"/>
      <c r="S150" s="544"/>
      <c r="T150" s="545"/>
      <c r="U150" s="221" t="s">
        <v>2236</v>
      </c>
      <c r="V150" s="546" t="s">
        <v>107</v>
      </c>
      <c r="W150" s="548"/>
      <c r="X150" s="408" t="s">
        <v>108</v>
      </c>
      <c r="Y150" s="415">
        <v>8</v>
      </c>
      <c r="Z150" s="415">
        <v>0</v>
      </c>
      <c r="AA150" s="700"/>
      <c r="AB150" s="700"/>
      <c r="AC150" s="592"/>
      <c r="AD150" s="592"/>
      <c r="AE150" s="592"/>
      <c r="AF150" s="267"/>
      <c r="AG150" s="365"/>
      <c r="AH150" s="26"/>
      <c r="AI150" s="26"/>
    </row>
    <row r="151" spans="1:35" s="13" customFormat="1" ht="13.4" customHeight="1">
      <c r="A151" s="392"/>
      <c r="B151" s="541">
        <v>141</v>
      </c>
      <c r="C151" s="542"/>
      <c r="D151" s="543" t="s">
        <v>2237</v>
      </c>
      <c r="E151" s="544"/>
      <c r="F151" s="544"/>
      <c r="G151" s="544"/>
      <c r="H151" s="544"/>
      <c r="I151" s="544"/>
      <c r="J151" s="544"/>
      <c r="K151" s="544"/>
      <c r="L151" s="544"/>
      <c r="M151" s="544"/>
      <c r="N151" s="544"/>
      <c r="O151" s="544"/>
      <c r="P151" s="544"/>
      <c r="Q151" s="544"/>
      <c r="R151" s="544"/>
      <c r="S151" s="544"/>
      <c r="T151" s="545"/>
      <c r="U151" s="221" t="s">
        <v>2238</v>
      </c>
      <c r="V151" s="546" t="s">
        <v>107</v>
      </c>
      <c r="W151" s="548"/>
      <c r="X151" s="408" t="s">
        <v>108</v>
      </c>
      <c r="Y151" s="415">
        <v>8</v>
      </c>
      <c r="Z151" s="415">
        <v>0</v>
      </c>
      <c r="AA151" s="700"/>
      <c r="AB151" s="700"/>
      <c r="AC151" s="592"/>
      <c r="AD151" s="592"/>
      <c r="AE151" s="592"/>
      <c r="AF151" s="265"/>
      <c r="AG151" s="364"/>
      <c r="AH151" s="54"/>
      <c r="AI151" s="54"/>
    </row>
    <row r="152" spans="1:35" s="13" customFormat="1" ht="13.4" customHeight="1">
      <c r="A152" s="392"/>
      <c r="B152" s="541">
        <v>142</v>
      </c>
      <c r="C152" s="542"/>
      <c r="D152" s="543" t="s">
        <v>2239</v>
      </c>
      <c r="E152" s="544"/>
      <c r="F152" s="544"/>
      <c r="G152" s="544"/>
      <c r="H152" s="544"/>
      <c r="I152" s="544"/>
      <c r="J152" s="544"/>
      <c r="K152" s="544"/>
      <c r="L152" s="544"/>
      <c r="M152" s="544"/>
      <c r="N152" s="544"/>
      <c r="O152" s="544"/>
      <c r="P152" s="544"/>
      <c r="Q152" s="544"/>
      <c r="R152" s="544"/>
      <c r="S152" s="544"/>
      <c r="T152" s="545"/>
      <c r="U152" s="221" t="s">
        <v>2240</v>
      </c>
      <c r="V152" s="546" t="s">
        <v>107</v>
      </c>
      <c r="W152" s="548"/>
      <c r="X152" s="408" t="s">
        <v>108</v>
      </c>
      <c r="Y152" s="415">
        <v>8</v>
      </c>
      <c r="Z152" s="415">
        <v>0</v>
      </c>
      <c r="AA152" s="700"/>
      <c r="AB152" s="700"/>
      <c r="AC152" s="592"/>
      <c r="AD152" s="592"/>
      <c r="AE152" s="592"/>
      <c r="AF152" s="265"/>
      <c r="AG152" s="364"/>
      <c r="AH152" s="54"/>
      <c r="AI152" s="54"/>
    </row>
    <row r="153" spans="1:35" s="1" customFormat="1" ht="13.4" customHeight="1">
      <c r="A153" s="392"/>
      <c r="B153" s="541">
        <v>143</v>
      </c>
      <c r="C153" s="542"/>
      <c r="D153" s="595" t="s">
        <v>2241</v>
      </c>
      <c r="E153" s="596"/>
      <c r="F153" s="596"/>
      <c r="G153" s="596"/>
      <c r="H153" s="596"/>
      <c r="I153" s="596"/>
      <c r="J153" s="596"/>
      <c r="K153" s="596"/>
      <c r="L153" s="596"/>
      <c r="M153" s="596"/>
      <c r="N153" s="596"/>
      <c r="O153" s="596"/>
      <c r="P153" s="596"/>
      <c r="Q153" s="596"/>
      <c r="R153" s="596"/>
      <c r="S153" s="596"/>
      <c r="T153" s="597"/>
      <c r="U153" s="221" t="s">
        <v>2242</v>
      </c>
      <c r="V153" s="546" t="s">
        <v>107</v>
      </c>
      <c r="W153" s="548"/>
      <c r="X153" s="408" t="s">
        <v>710</v>
      </c>
      <c r="Y153" s="415">
        <v>8</v>
      </c>
      <c r="Z153" s="415">
        <v>1</v>
      </c>
      <c r="AA153" s="700"/>
      <c r="AB153" s="700"/>
      <c r="AC153" s="592"/>
      <c r="AD153" s="592"/>
      <c r="AE153" s="592"/>
      <c r="AF153" s="265"/>
      <c r="AG153" s="364"/>
      <c r="AH153" s="26"/>
      <c r="AI153" s="26"/>
    </row>
    <row r="154" spans="1:35" s="1" customFormat="1" ht="13.4" customHeight="1">
      <c r="A154" s="392"/>
      <c r="B154" s="541">
        <v>144</v>
      </c>
      <c r="C154" s="542"/>
      <c r="D154" s="595" t="s">
        <v>2243</v>
      </c>
      <c r="E154" s="596"/>
      <c r="F154" s="596"/>
      <c r="G154" s="596"/>
      <c r="H154" s="596"/>
      <c r="I154" s="596"/>
      <c r="J154" s="596"/>
      <c r="K154" s="596"/>
      <c r="L154" s="596"/>
      <c r="M154" s="596"/>
      <c r="N154" s="596"/>
      <c r="O154" s="596"/>
      <c r="P154" s="596"/>
      <c r="Q154" s="596"/>
      <c r="R154" s="596"/>
      <c r="S154" s="596"/>
      <c r="T154" s="597"/>
      <c r="U154" s="221" t="s">
        <v>2244</v>
      </c>
      <c r="V154" s="546" t="s">
        <v>107</v>
      </c>
      <c r="W154" s="548"/>
      <c r="X154" s="408" t="s">
        <v>710</v>
      </c>
      <c r="Y154" s="415">
        <v>8</v>
      </c>
      <c r="Z154" s="415">
        <v>1</v>
      </c>
      <c r="AA154" s="700"/>
      <c r="AB154" s="700"/>
      <c r="AC154" s="592"/>
      <c r="AD154" s="592"/>
      <c r="AE154" s="592"/>
      <c r="AF154" s="265"/>
      <c r="AG154" s="364"/>
      <c r="AH154" s="26"/>
      <c r="AI154" s="26"/>
    </row>
    <row r="155" spans="1:35" s="13" customFormat="1" ht="13.4" customHeight="1">
      <c r="A155" s="392"/>
      <c r="B155" s="541">
        <v>145</v>
      </c>
      <c r="C155" s="542"/>
      <c r="D155" s="543" t="s">
        <v>2245</v>
      </c>
      <c r="E155" s="544"/>
      <c r="F155" s="544"/>
      <c r="G155" s="544"/>
      <c r="H155" s="544"/>
      <c r="I155" s="544"/>
      <c r="J155" s="544"/>
      <c r="K155" s="544"/>
      <c r="L155" s="544"/>
      <c r="M155" s="544"/>
      <c r="N155" s="544"/>
      <c r="O155" s="544"/>
      <c r="P155" s="544"/>
      <c r="Q155" s="544"/>
      <c r="R155" s="544"/>
      <c r="S155" s="544"/>
      <c r="T155" s="545"/>
      <c r="U155" s="221" t="s">
        <v>2246</v>
      </c>
      <c r="V155" s="546" t="s">
        <v>107</v>
      </c>
      <c r="W155" s="548"/>
      <c r="X155" s="408" t="s">
        <v>710</v>
      </c>
      <c r="Y155" s="210">
        <v>8</v>
      </c>
      <c r="Z155" s="415">
        <v>1</v>
      </c>
      <c r="AA155" s="700"/>
      <c r="AB155" s="700"/>
      <c r="AC155" s="592"/>
      <c r="AD155" s="592"/>
      <c r="AE155" s="592"/>
      <c r="AF155" s="265"/>
      <c r="AG155" s="365"/>
      <c r="AH155" s="54"/>
      <c r="AI155" s="54"/>
    </row>
    <row r="156" spans="1:35" s="1" customFormat="1" ht="13.4" customHeight="1">
      <c r="A156" s="20"/>
      <c r="B156" s="676">
        <v>146</v>
      </c>
      <c r="C156" s="677"/>
      <c r="D156" s="678" t="s">
        <v>545</v>
      </c>
      <c r="E156" s="679"/>
      <c r="F156" s="679"/>
      <c r="G156" s="679"/>
      <c r="H156" s="679"/>
      <c r="I156" s="679"/>
      <c r="J156" s="679"/>
      <c r="K156" s="679"/>
      <c r="L156" s="679"/>
      <c r="M156" s="679"/>
      <c r="N156" s="679"/>
      <c r="O156" s="679"/>
      <c r="P156" s="679"/>
      <c r="Q156" s="679"/>
      <c r="R156" s="679"/>
      <c r="S156" s="679"/>
      <c r="T156" s="680"/>
      <c r="U156" s="259" t="s">
        <v>546</v>
      </c>
      <c r="V156" s="681" t="s">
        <v>107</v>
      </c>
      <c r="W156" s="683"/>
      <c r="X156" s="416" t="s">
        <v>102</v>
      </c>
      <c r="Y156" s="417">
        <v>8</v>
      </c>
      <c r="Z156" s="417" t="s">
        <v>103</v>
      </c>
      <c r="AA156" s="569" t="s">
        <v>109</v>
      </c>
      <c r="AB156" s="570"/>
      <c r="AC156" s="717"/>
      <c r="AD156" s="717"/>
      <c r="AE156" s="717"/>
      <c r="AF156" s="350" t="s">
        <v>391</v>
      </c>
      <c r="AG156" s="364"/>
      <c r="AH156" s="26"/>
      <c r="AI156" s="26"/>
    </row>
    <row r="157" spans="1:35" s="1" customFormat="1" ht="13.4" customHeight="1">
      <c r="A157" s="20"/>
      <c r="B157" s="676">
        <v>147</v>
      </c>
      <c r="C157" s="677"/>
      <c r="D157" s="678" t="s">
        <v>1827</v>
      </c>
      <c r="E157" s="679"/>
      <c r="F157" s="679"/>
      <c r="G157" s="679"/>
      <c r="H157" s="679"/>
      <c r="I157" s="679"/>
      <c r="J157" s="679"/>
      <c r="K157" s="679"/>
      <c r="L157" s="679"/>
      <c r="M157" s="679"/>
      <c r="N157" s="679"/>
      <c r="O157" s="679"/>
      <c r="P157" s="679"/>
      <c r="Q157" s="679"/>
      <c r="R157" s="679"/>
      <c r="S157" s="679"/>
      <c r="T157" s="680"/>
      <c r="U157" s="259" t="s">
        <v>548</v>
      </c>
      <c r="V157" s="681" t="s">
        <v>107</v>
      </c>
      <c r="W157" s="683"/>
      <c r="X157" s="416" t="s">
        <v>102</v>
      </c>
      <c r="Y157" s="417">
        <v>8</v>
      </c>
      <c r="Z157" s="417" t="s">
        <v>103</v>
      </c>
      <c r="AA157" s="569" t="s">
        <v>109</v>
      </c>
      <c r="AB157" s="570"/>
      <c r="AC157" s="717"/>
      <c r="AD157" s="717"/>
      <c r="AE157" s="717"/>
      <c r="AF157" s="350" t="s">
        <v>391</v>
      </c>
      <c r="AG157" s="364"/>
      <c r="AH157" s="26"/>
      <c r="AI157" s="26"/>
    </row>
    <row r="158" spans="1:35" s="1" customFormat="1" ht="13.4" customHeight="1">
      <c r="A158" s="392"/>
      <c r="B158" s="541">
        <v>148</v>
      </c>
      <c r="C158" s="542"/>
      <c r="D158" s="543" t="s">
        <v>549</v>
      </c>
      <c r="E158" s="544"/>
      <c r="F158" s="544"/>
      <c r="G158" s="544"/>
      <c r="H158" s="544"/>
      <c r="I158" s="544"/>
      <c r="J158" s="544"/>
      <c r="K158" s="544"/>
      <c r="L158" s="544"/>
      <c r="M158" s="544"/>
      <c r="N158" s="544"/>
      <c r="O158" s="544"/>
      <c r="P158" s="544"/>
      <c r="Q158" s="544"/>
      <c r="R158" s="544"/>
      <c r="S158" s="544"/>
      <c r="T158" s="545"/>
      <c r="U158" s="221" t="s">
        <v>550</v>
      </c>
      <c r="V158" s="546" t="s">
        <v>107</v>
      </c>
      <c r="W158" s="548"/>
      <c r="X158" s="408" t="s">
        <v>102</v>
      </c>
      <c r="Y158" s="415">
        <v>8</v>
      </c>
      <c r="Z158" s="415" t="s">
        <v>103</v>
      </c>
      <c r="AA158" s="700"/>
      <c r="AB158" s="700"/>
      <c r="AC158" s="592"/>
      <c r="AD158" s="592"/>
      <c r="AE158" s="592"/>
      <c r="AF158" s="265" t="s">
        <v>3020</v>
      </c>
      <c r="AG158" s="365"/>
      <c r="AH158" s="26"/>
      <c r="AI158" s="26"/>
    </row>
    <row r="159" spans="1:35" s="1" customFormat="1" ht="13.4" customHeight="1">
      <c r="A159" s="392"/>
      <c r="B159" s="541">
        <v>149</v>
      </c>
      <c r="C159" s="542"/>
      <c r="D159" s="543" t="s">
        <v>1366</v>
      </c>
      <c r="E159" s="544"/>
      <c r="F159" s="544"/>
      <c r="G159" s="544"/>
      <c r="H159" s="544"/>
      <c r="I159" s="544"/>
      <c r="J159" s="544"/>
      <c r="K159" s="544"/>
      <c r="L159" s="544"/>
      <c r="M159" s="544"/>
      <c r="N159" s="544"/>
      <c r="O159" s="544"/>
      <c r="P159" s="544"/>
      <c r="Q159" s="544"/>
      <c r="R159" s="544"/>
      <c r="S159" s="544"/>
      <c r="T159" s="545"/>
      <c r="U159" s="219" t="s">
        <v>516</v>
      </c>
      <c r="V159" s="546" t="s">
        <v>1856</v>
      </c>
      <c r="W159" s="548"/>
      <c r="X159" s="408" t="s">
        <v>102</v>
      </c>
      <c r="Y159" s="415">
        <v>6</v>
      </c>
      <c r="Z159" s="415" t="s">
        <v>103</v>
      </c>
      <c r="AA159" s="700"/>
      <c r="AB159" s="700"/>
      <c r="AC159" s="592"/>
      <c r="AD159" s="592"/>
      <c r="AE159" s="592"/>
      <c r="AF159" s="267"/>
      <c r="AG159" s="365"/>
      <c r="AH159" s="26"/>
      <c r="AI159" s="26"/>
    </row>
    <row r="160" spans="1:35" s="13" customFormat="1" ht="13.4" customHeight="1">
      <c r="A160" s="392"/>
      <c r="B160" s="541">
        <v>150</v>
      </c>
      <c r="C160" s="542"/>
      <c r="D160" s="543" t="s">
        <v>2247</v>
      </c>
      <c r="E160" s="544"/>
      <c r="F160" s="544"/>
      <c r="G160" s="544"/>
      <c r="H160" s="544"/>
      <c r="I160" s="544"/>
      <c r="J160" s="544"/>
      <c r="K160" s="544"/>
      <c r="L160" s="544"/>
      <c r="M160" s="544"/>
      <c r="N160" s="544"/>
      <c r="O160" s="544"/>
      <c r="P160" s="544"/>
      <c r="Q160" s="544"/>
      <c r="R160" s="544"/>
      <c r="S160" s="544"/>
      <c r="T160" s="545"/>
      <c r="U160" s="221" t="s">
        <v>2248</v>
      </c>
      <c r="V160" s="546" t="s">
        <v>1856</v>
      </c>
      <c r="W160" s="548"/>
      <c r="X160" s="408" t="s">
        <v>102</v>
      </c>
      <c r="Y160" s="415">
        <v>4</v>
      </c>
      <c r="Z160" s="415" t="s">
        <v>103</v>
      </c>
      <c r="AA160" s="700"/>
      <c r="AB160" s="700"/>
      <c r="AC160" s="592"/>
      <c r="AD160" s="592"/>
      <c r="AE160" s="592"/>
      <c r="AF160" s="265"/>
      <c r="AG160" s="364"/>
      <c r="AH160" s="54"/>
      <c r="AI160" s="54"/>
    </row>
    <row r="161" spans="1:35" s="34" customFormat="1" ht="32.15" customHeight="1">
      <c r="A161" s="393"/>
      <c r="B161" s="714">
        <v>151</v>
      </c>
      <c r="C161" s="715"/>
      <c r="D161" s="543" t="s">
        <v>2249</v>
      </c>
      <c r="E161" s="544"/>
      <c r="F161" s="544"/>
      <c r="G161" s="544"/>
      <c r="H161" s="544"/>
      <c r="I161" s="544"/>
      <c r="J161" s="544"/>
      <c r="K161" s="544"/>
      <c r="L161" s="544"/>
      <c r="M161" s="544"/>
      <c r="N161" s="544"/>
      <c r="O161" s="544"/>
      <c r="P161" s="544"/>
      <c r="Q161" s="544"/>
      <c r="R161" s="544"/>
      <c r="S161" s="544"/>
      <c r="T161" s="545"/>
      <c r="U161" s="391" t="s">
        <v>2250</v>
      </c>
      <c r="V161" s="646" t="s">
        <v>107</v>
      </c>
      <c r="W161" s="647"/>
      <c r="X161" s="410" t="s">
        <v>108</v>
      </c>
      <c r="Y161" s="415">
        <v>8</v>
      </c>
      <c r="Z161" s="415">
        <v>0</v>
      </c>
      <c r="AA161" s="700"/>
      <c r="AB161" s="700"/>
      <c r="AC161" s="716"/>
      <c r="AD161" s="716"/>
      <c r="AE161" s="716"/>
      <c r="AF161" s="265"/>
      <c r="AG161" s="364"/>
      <c r="AH161" s="55"/>
      <c r="AI161" s="55"/>
    </row>
    <row r="162" spans="1:35" s="34" customFormat="1" ht="32.15" customHeight="1">
      <c r="A162" s="393"/>
      <c r="B162" s="714">
        <v>152</v>
      </c>
      <c r="C162" s="715"/>
      <c r="D162" s="543" t="s">
        <v>2251</v>
      </c>
      <c r="E162" s="544"/>
      <c r="F162" s="544"/>
      <c r="G162" s="544"/>
      <c r="H162" s="544"/>
      <c r="I162" s="544"/>
      <c r="J162" s="544"/>
      <c r="K162" s="544"/>
      <c r="L162" s="544"/>
      <c r="M162" s="544"/>
      <c r="N162" s="544"/>
      <c r="O162" s="544"/>
      <c r="P162" s="544"/>
      <c r="Q162" s="544"/>
      <c r="R162" s="544"/>
      <c r="S162" s="544"/>
      <c r="T162" s="545"/>
      <c r="U162" s="391" t="s">
        <v>2252</v>
      </c>
      <c r="V162" s="646" t="s">
        <v>107</v>
      </c>
      <c r="W162" s="647"/>
      <c r="X162" s="410" t="s">
        <v>108</v>
      </c>
      <c r="Y162" s="415">
        <v>8</v>
      </c>
      <c r="Z162" s="415">
        <v>0</v>
      </c>
      <c r="AA162" s="700"/>
      <c r="AB162" s="700"/>
      <c r="AC162" s="716"/>
      <c r="AD162" s="716"/>
      <c r="AE162" s="716"/>
      <c r="AF162" s="267"/>
      <c r="AG162" s="365"/>
      <c r="AH162" s="55"/>
      <c r="AI162" s="55"/>
    </row>
    <row r="163" spans="1:35" s="35" customFormat="1" ht="32.15" customHeight="1">
      <c r="A163" s="393"/>
      <c r="B163" s="714">
        <v>153</v>
      </c>
      <c r="C163" s="715"/>
      <c r="D163" s="543" t="s">
        <v>2253</v>
      </c>
      <c r="E163" s="544"/>
      <c r="F163" s="544"/>
      <c r="G163" s="544"/>
      <c r="H163" s="544"/>
      <c r="I163" s="544"/>
      <c r="J163" s="544"/>
      <c r="K163" s="544"/>
      <c r="L163" s="544"/>
      <c r="M163" s="544"/>
      <c r="N163" s="544"/>
      <c r="O163" s="544"/>
      <c r="P163" s="544"/>
      <c r="Q163" s="544"/>
      <c r="R163" s="544"/>
      <c r="S163" s="544"/>
      <c r="T163" s="545"/>
      <c r="U163" s="391" t="s">
        <v>2254</v>
      </c>
      <c r="V163" s="646" t="s">
        <v>107</v>
      </c>
      <c r="W163" s="647"/>
      <c r="X163" s="410" t="s">
        <v>108</v>
      </c>
      <c r="Y163" s="415">
        <v>8</v>
      </c>
      <c r="Z163" s="415">
        <v>0</v>
      </c>
      <c r="AA163" s="700"/>
      <c r="AB163" s="700"/>
      <c r="AC163" s="716"/>
      <c r="AD163" s="716"/>
      <c r="AE163" s="716"/>
      <c r="AF163" s="265"/>
      <c r="AG163" s="364"/>
      <c r="AH163" s="57"/>
      <c r="AI163" s="57"/>
    </row>
    <row r="164" spans="1:35" s="13" customFormat="1" ht="27" customHeight="1">
      <c r="A164" s="392"/>
      <c r="B164" s="541">
        <v>154</v>
      </c>
      <c r="C164" s="542"/>
      <c r="D164" s="543" t="s">
        <v>2255</v>
      </c>
      <c r="E164" s="544"/>
      <c r="F164" s="544"/>
      <c r="G164" s="544"/>
      <c r="H164" s="544"/>
      <c r="I164" s="544"/>
      <c r="J164" s="544"/>
      <c r="K164" s="544"/>
      <c r="L164" s="544"/>
      <c r="M164" s="544"/>
      <c r="N164" s="544"/>
      <c r="O164" s="544"/>
      <c r="P164" s="544"/>
      <c r="Q164" s="544"/>
      <c r="R164" s="544"/>
      <c r="S164" s="544"/>
      <c r="T164" s="545"/>
      <c r="U164" s="221" t="s">
        <v>2256</v>
      </c>
      <c r="V164" s="546" t="s">
        <v>107</v>
      </c>
      <c r="W164" s="548"/>
      <c r="X164" s="408" t="s">
        <v>108</v>
      </c>
      <c r="Y164" s="415">
        <v>8</v>
      </c>
      <c r="Z164" s="415">
        <v>0</v>
      </c>
      <c r="AA164" s="700"/>
      <c r="AB164" s="700"/>
      <c r="AC164" s="592"/>
      <c r="AD164" s="592"/>
      <c r="AE164" s="592"/>
      <c r="AF164" s="265"/>
      <c r="AG164" s="364"/>
      <c r="AH164" s="54"/>
      <c r="AI164" s="54"/>
    </row>
    <row r="165" spans="1:35" s="1" customFormat="1" ht="30.65" customHeight="1">
      <c r="A165" s="392"/>
      <c r="B165" s="541">
        <v>155</v>
      </c>
      <c r="C165" s="542"/>
      <c r="D165" s="543" t="s">
        <v>2257</v>
      </c>
      <c r="E165" s="544"/>
      <c r="F165" s="544"/>
      <c r="G165" s="544"/>
      <c r="H165" s="544"/>
      <c r="I165" s="544"/>
      <c r="J165" s="544"/>
      <c r="K165" s="544"/>
      <c r="L165" s="544"/>
      <c r="M165" s="544"/>
      <c r="N165" s="544"/>
      <c r="O165" s="544"/>
      <c r="P165" s="544"/>
      <c r="Q165" s="544"/>
      <c r="R165" s="544"/>
      <c r="S165" s="544"/>
      <c r="T165" s="545"/>
      <c r="U165" s="221" t="s">
        <v>2258</v>
      </c>
      <c r="V165" s="546" t="s">
        <v>107</v>
      </c>
      <c r="W165" s="548"/>
      <c r="X165" s="408" t="s">
        <v>108</v>
      </c>
      <c r="Y165" s="415">
        <v>8</v>
      </c>
      <c r="Z165" s="415">
        <v>0</v>
      </c>
      <c r="AA165" s="700"/>
      <c r="AB165" s="700"/>
      <c r="AC165" s="592"/>
      <c r="AD165" s="592"/>
      <c r="AE165" s="592"/>
      <c r="AF165" s="265"/>
      <c r="AG165" s="364"/>
      <c r="AH165" s="26"/>
      <c r="AI165" s="26"/>
    </row>
    <row r="166" spans="1:35" s="1" customFormat="1" ht="13.4" customHeight="1">
      <c r="A166" s="392"/>
      <c r="B166" s="541">
        <v>156</v>
      </c>
      <c r="C166" s="542"/>
      <c r="D166" s="543" t="s">
        <v>2259</v>
      </c>
      <c r="E166" s="544"/>
      <c r="F166" s="544"/>
      <c r="G166" s="544"/>
      <c r="H166" s="544"/>
      <c r="I166" s="544"/>
      <c r="J166" s="544"/>
      <c r="K166" s="544"/>
      <c r="L166" s="544"/>
      <c r="M166" s="544"/>
      <c r="N166" s="544"/>
      <c r="O166" s="544"/>
      <c r="P166" s="544"/>
      <c r="Q166" s="544"/>
      <c r="R166" s="544"/>
      <c r="S166" s="544"/>
      <c r="T166" s="545"/>
      <c r="U166" s="221" t="s">
        <v>2260</v>
      </c>
      <c r="V166" s="546" t="s">
        <v>107</v>
      </c>
      <c r="W166" s="548"/>
      <c r="X166" s="408" t="s">
        <v>108</v>
      </c>
      <c r="Y166" s="415">
        <v>8</v>
      </c>
      <c r="Z166" s="415">
        <v>0</v>
      </c>
      <c r="AA166" s="700"/>
      <c r="AB166" s="700"/>
      <c r="AC166" s="592"/>
      <c r="AD166" s="592"/>
      <c r="AE166" s="592"/>
      <c r="AF166" s="265"/>
      <c r="AG166" s="364"/>
      <c r="AH166" s="26"/>
      <c r="AI166" s="26"/>
    </row>
    <row r="167" spans="1:35" s="35" customFormat="1" ht="32.15" customHeight="1">
      <c r="A167" s="393"/>
      <c r="B167" s="714">
        <v>157</v>
      </c>
      <c r="C167" s="715"/>
      <c r="D167" s="543" t="s">
        <v>2261</v>
      </c>
      <c r="E167" s="544"/>
      <c r="F167" s="544"/>
      <c r="G167" s="544"/>
      <c r="H167" s="544"/>
      <c r="I167" s="544"/>
      <c r="J167" s="544"/>
      <c r="K167" s="544"/>
      <c r="L167" s="544"/>
      <c r="M167" s="544"/>
      <c r="N167" s="544"/>
      <c r="O167" s="544"/>
      <c r="P167" s="544"/>
      <c r="Q167" s="544"/>
      <c r="R167" s="544"/>
      <c r="S167" s="544"/>
      <c r="T167" s="545"/>
      <c r="U167" s="391" t="s">
        <v>2262</v>
      </c>
      <c r="V167" s="646" t="s">
        <v>107</v>
      </c>
      <c r="W167" s="647"/>
      <c r="X167" s="410" t="s">
        <v>108</v>
      </c>
      <c r="Y167" s="415">
        <v>8</v>
      </c>
      <c r="Z167" s="415">
        <v>0</v>
      </c>
      <c r="AA167" s="700"/>
      <c r="AB167" s="700"/>
      <c r="AC167" s="716"/>
      <c r="AD167" s="716"/>
      <c r="AE167" s="716"/>
      <c r="AF167" s="267"/>
      <c r="AG167" s="365"/>
      <c r="AH167" s="57"/>
      <c r="AI167" s="57"/>
    </row>
    <row r="168" spans="1:35" s="34" customFormat="1" ht="32.15" customHeight="1">
      <c r="A168" s="393"/>
      <c r="B168" s="714">
        <v>158</v>
      </c>
      <c r="C168" s="715"/>
      <c r="D168" s="543" t="s">
        <v>2263</v>
      </c>
      <c r="E168" s="544"/>
      <c r="F168" s="544"/>
      <c r="G168" s="544"/>
      <c r="H168" s="544"/>
      <c r="I168" s="544"/>
      <c r="J168" s="544"/>
      <c r="K168" s="544"/>
      <c r="L168" s="544"/>
      <c r="M168" s="544"/>
      <c r="N168" s="544"/>
      <c r="O168" s="544"/>
      <c r="P168" s="544"/>
      <c r="Q168" s="544"/>
      <c r="R168" s="544"/>
      <c r="S168" s="544"/>
      <c r="T168" s="545"/>
      <c r="U168" s="391" t="s">
        <v>2264</v>
      </c>
      <c r="V168" s="646" t="s">
        <v>107</v>
      </c>
      <c r="W168" s="647"/>
      <c r="X168" s="410" t="s">
        <v>108</v>
      </c>
      <c r="Y168" s="415">
        <v>8</v>
      </c>
      <c r="Z168" s="415">
        <v>0</v>
      </c>
      <c r="AA168" s="700"/>
      <c r="AB168" s="700"/>
      <c r="AC168" s="716"/>
      <c r="AD168" s="716"/>
      <c r="AE168" s="716"/>
      <c r="AF168" s="267"/>
      <c r="AG168" s="365"/>
      <c r="AH168" s="55"/>
      <c r="AI168" s="55"/>
    </row>
    <row r="169" spans="1:35" s="34" customFormat="1" ht="32.15" customHeight="1">
      <c r="A169" s="393"/>
      <c r="B169" s="714">
        <v>159</v>
      </c>
      <c r="C169" s="715"/>
      <c r="D169" s="543" t="s">
        <v>2265</v>
      </c>
      <c r="E169" s="544"/>
      <c r="F169" s="544"/>
      <c r="G169" s="544"/>
      <c r="H169" s="544"/>
      <c r="I169" s="544"/>
      <c r="J169" s="544"/>
      <c r="K169" s="544"/>
      <c r="L169" s="544"/>
      <c r="M169" s="544"/>
      <c r="N169" s="544"/>
      <c r="O169" s="544"/>
      <c r="P169" s="544"/>
      <c r="Q169" s="544"/>
      <c r="R169" s="544"/>
      <c r="S169" s="544"/>
      <c r="T169" s="545"/>
      <c r="U169" s="391" t="s">
        <v>2266</v>
      </c>
      <c r="V169" s="646" t="s">
        <v>107</v>
      </c>
      <c r="W169" s="647"/>
      <c r="X169" s="410" t="s">
        <v>108</v>
      </c>
      <c r="Y169" s="415">
        <v>8</v>
      </c>
      <c r="Z169" s="415">
        <v>0</v>
      </c>
      <c r="AA169" s="700"/>
      <c r="AB169" s="700"/>
      <c r="AC169" s="716"/>
      <c r="AD169" s="716"/>
      <c r="AE169" s="716"/>
      <c r="AF169" s="265"/>
      <c r="AG169" s="364"/>
      <c r="AH169" s="55"/>
      <c r="AI169" s="55"/>
    </row>
    <row r="170" spans="1:35" s="1" customFormat="1" ht="28.4" customHeight="1">
      <c r="A170" s="392"/>
      <c r="B170" s="541">
        <v>160</v>
      </c>
      <c r="C170" s="542"/>
      <c r="D170" s="543" t="s">
        <v>2267</v>
      </c>
      <c r="E170" s="544"/>
      <c r="F170" s="544"/>
      <c r="G170" s="544"/>
      <c r="H170" s="544"/>
      <c r="I170" s="544"/>
      <c r="J170" s="544"/>
      <c r="K170" s="544"/>
      <c r="L170" s="544"/>
      <c r="M170" s="544"/>
      <c r="N170" s="544"/>
      <c r="O170" s="544"/>
      <c r="P170" s="544"/>
      <c r="Q170" s="544"/>
      <c r="R170" s="544"/>
      <c r="S170" s="544"/>
      <c r="T170" s="545"/>
      <c r="U170" s="221" t="s">
        <v>2268</v>
      </c>
      <c r="V170" s="546" t="s">
        <v>107</v>
      </c>
      <c r="W170" s="548"/>
      <c r="X170" s="408" t="s">
        <v>108</v>
      </c>
      <c r="Y170" s="415">
        <v>8</v>
      </c>
      <c r="Z170" s="415">
        <v>0</v>
      </c>
      <c r="AA170" s="700"/>
      <c r="AB170" s="700"/>
      <c r="AC170" s="592"/>
      <c r="AD170" s="592"/>
      <c r="AE170" s="592"/>
      <c r="AF170" s="265"/>
      <c r="AG170" s="363"/>
      <c r="AH170" s="26"/>
      <c r="AI170" s="26"/>
    </row>
    <row r="171" spans="1:35" s="1" customFormat="1" ht="28.4" customHeight="1">
      <c r="A171" s="392"/>
      <c r="B171" s="541">
        <v>161</v>
      </c>
      <c r="C171" s="542"/>
      <c r="D171" s="543" t="s">
        <v>2269</v>
      </c>
      <c r="E171" s="544"/>
      <c r="F171" s="544"/>
      <c r="G171" s="544"/>
      <c r="H171" s="544"/>
      <c r="I171" s="544"/>
      <c r="J171" s="544"/>
      <c r="K171" s="544"/>
      <c r="L171" s="544"/>
      <c r="M171" s="544"/>
      <c r="N171" s="544"/>
      <c r="O171" s="544"/>
      <c r="P171" s="544"/>
      <c r="Q171" s="544"/>
      <c r="R171" s="544"/>
      <c r="S171" s="544"/>
      <c r="T171" s="545"/>
      <c r="U171" s="221" t="s">
        <v>2270</v>
      </c>
      <c r="V171" s="546" t="s">
        <v>107</v>
      </c>
      <c r="W171" s="548"/>
      <c r="X171" s="408" t="s">
        <v>108</v>
      </c>
      <c r="Y171" s="415">
        <v>8</v>
      </c>
      <c r="Z171" s="415">
        <v>0</v>
      </c>
      <c r="AA171" s="700"/>
      <c r="AB171" s="700"/>
      <c r="AC171" s="592"/>
      <c r="AD171" s="592"/>
      <c r="AE171" s="592"/>
      <c r="AF171" s="265"/>
      <c r="AG171" s="363"/>
      <c r="AH171" s="26"/>
      <c r="AI171" s="26"/>
    </row>
    <row r="172" spans="1:35" s="1" customFormat="1" ht="13.4" customHeight="1">
      <c r="A172" s="392"/>
      <c r="B172" s="541">
        <v>162</v>
      </c>
      <c r="C172" s="542"/>
      <c r="D172" s="543" t="s">
        <v>2271</v>
      </c>
      <c r="E172" s="544"/>
      <c r="F172" s="544"/>
      <c r="G172" s="544"/>
      <c r="H172" s="544"/>
      <c r="I172" s="544"/>
      <c r="J172" s="544"/>
      <c r="K172" s="544"/>
      <c r="L172" s="544"/>
      <c r="M172" s="544"/>
      <c r="N172" s="544"/>
      <c r="O172" s="544"/>
      <c r="P172" s="544"/>
      <c r="Q172" s="544"/>
      <c r="R172" s="544"/>
      <c r="S172" s="544"/>
      <c r="T172" s="545"/>
      <c r="U172" s="219" t="s">
        <v>2272</v>
      </c>
      <c r="V172" s="546" t="s">
        <v>107</v>
      </c>
      <c r="W172" s="548"/>
      <c r="X172" s="408" t="s">
        <v>108</v>
      </c>
      <c r="Y172" s="415">
        <v>8</v>
      </c>
      <c r="Z172" s="415">
        <v>0</v>
      </c>
      <c r="AA172" s="700"/>
      <c r="AB172" s="700"/>
      <c r="AC172" s="592"/>
      <c r="AD172" s="592"/>
      <c r="AE172" s="592"/>
      <c r="AF172" s="265"/>
      <c r="AG172" s="363"/>
      <c r="AH172" s="26"/>
      <c r="AI172" s="26"/>
    </row>
    <row r="173" spans="1:35" s="13" customFormat="1" ht="32.25" customHeight="1">
      <c r="A173" s="5"/>
      <c r="B173" s="17"/>
      <c r="C173" s="17"/>
      <c r="D173" s="36"/>
      <c r="E173" s="36"/>
      <c r="F173" s="36"/>
      <c r="G173" s="36"/>
      <c r="H173" s="36"/>
      <c r="I173" s="36"/>
      <c r="J173" s="36"/>
      <c r="K173" s="36"/>
      <c r="L173" s="36"/>
      <c r="M173" s="36"/>
      <c r="N173" s="36"/>
      <c r="O173" s="36"/>
      <c r="P173" s="36"/>
      <c r="Q173" s="36"/>
      <c r="R173" s="36"/>
      <c r="S173" s="36"/>
      <c r="T173" s="36"/>
      <c r="U173" s="242"/>
      <c r="V173" s="212"/>
      <c r="W173" s="212"/>
      <c r="X173" s="212"/>
      <c r="Y173" s="17"/>
      <c r="Z173" s="17"/>
      <c r="AA173" s="24"/>
      <c r="AB173" s="24"/>
      <c r="AC173" s="24"/>
      <c r="AD173" s="24"/>
      <c r="AE173" s="24"/>
      <c r="AF173" s="55"/>
      <c r="AG173" s="363"/>
      <c r="AH173" s="54"/>
      <c r="AI173" s="54"/>
    </row>
    <row r="174" spans="1:35" s="1" customFormat="1" ht="32.25" customHeight="1">
      <c r="A174" s="5"/>
      <c r="B174" s="18" t="s">
        <v>908</v>
      </c>
      <c r="C174" s="3"/>
      <c r="D174" s="32"/>
      <c r="E174" s="32"/>
      <c r="F174" s="32"/>
      <c r="G174" s="32"/>
      <c r="H174" s="32"/>
      <c r="I174" s="32"/>
      <c r="J174" s="32"/>
      <c r="K174" s="32"/>
      <c r="L174" s="32"/>
      <c r="M174" s="32"/>
      <c r="N174" s="32"/>
      <c r="O174" s="32"/>
      <c r="P174" s="32"/>
      <c r="Q174" s="32"/>
      <c r="R174" s="32"/>
      <c r="S174" s="32"/>
      <c r="T174" s="32"/>
      <c r="V174" s="212"/>
      <c r="W174" s="212"/>
      <c r="X174" s="212"/>
      <c r="Y174" s="3"/>
      <c r="Z174" s="3"/>
      <c r="AA174" s="16"/>
      <c r="AB174" s="16"/>
      <c r="AC174" s="16"/>
      <c r="AD174" s="16"/>
      <c r="AE174" s="16"/>
      <c r="AF174" s="55"/>
      <c r="AG174" s="363"/>
      <c r="AH174" s="26"/>
      <c r="AI174" s="26"/>
    </row>
    <row r="175" spans="1:35">
      <c r="A175" s="5"/>
      <c r="AG175" s="363"/>
    </row>
    <row r="176" spans="1:35">
      <c r="A176" s="5"/>
      <c r="AG176" s="363"/>
    </row>
    <row r="184" spans="1:6">
      <c r="A184" t="s">
        <v>909</v>
      </c>
      <c r="B184" t="s">
        <v>910</v>
      </c>
      <c r="C184" t="s">
        <v>911</v>
      </c>
      <c r="D184" t="s">
        <v>912</v>
      </c>
      <c r="E184" t="s">
        <v>913</v>
      </c>
      <c r="F184" t="s">
        <v>914</v>
      </c>
    </row>
    <row r="185" spans="1:6">
      <c r="A185" t="s">
        <v>340</v>
      </c>
      <c r="B185" t="s">
        <v>915</v>
      </c>
      <c r="C185" s="3" t="s">
        <v>82</v>
      </c>
      <c r="D185" t="s">
        <v>916</v>
      </c>
      <c r="E185" t="s">
        <v>917</v>
      </c>
      <c r="F185" t="s">
        <v>918</v>
      </c>
    </row>
    <row r="186" spans="1:6">
      <c r="A186" t="s">
        <v>920</v>
      </c>
      <c r="B186" t="s">
        <v>921</v>
      </c>
      <c r="C186" s="3" t="s">
        <v>922</v>
      </c>
      <c r="D186" t="s">
        <v>923</v>
      </c>
      <c r="E186" t="s">
        <v>924</v>
      </c>
      <c r="F186" t="s">
        <v>925</v>
      </c>
    </row>
    <row r="187" spans="1:6">
      <c r="A187" t="s">
        <v>927</v>
      </c>
      <c r="B187"/>
      <c r="C187" s="3" t="s">
        <v>928</v>
      </c>
      <c r="D187"/>
      <c r="E187" t="s">
        <v>929</v>
      </c>
      <c r="F187" t="s">
        <v>930</v>
      </c>
    </row>
    <row r="188" spans="1:6">
      <c r="A188"/>
      <c r="B188"/>
      <c r="C188" s="3" t="s">
        <v>931</v>
      </c>
      <c r="D188"/>
      <c r="E188" t="s">
        <v>932</v>
      </c>
      <c r="F188" t="s">
        <v>933</v>
      </c>
    </row>
    <row r="189" spans="1:6">
      <c r="A189"/>
      <c r="B189"/>
      <c r="C189" s="3" t="s">
        <v>230</v>
      </c>
      <c r="D189"/>
      <c r="E189"/>
      <c r="F189" t="s">
        <v>934</v>
      </c>
    </row>
    <row r="190" spans="1:6">
      <c r="A190"/>
      <c r="B190"/>
      <c r="C190" s="3" t="s">
        <v>177</v>
      </c>
      <c r="D190"/>
      <c r="E190"/>
      <c r="F190" t="s">
        <v>935</v>
      </c>
    </row>
    <row r="191" spans="1:6">
      <c r="A191"/>
      <c r="B191"/>
      <c r="C191"/>
      <c r="D191"/>
      <c r="E191"/>
      <c r="F191" t="s">
        <v>936</v>
      </c>
    </row>
    <row r="192" spans="1:6">
      <c r="A192"/>
      <c r="B192"/>
      <c r="C192"/>
      <c r="D192"/>
      <c r="E192"/>
      <c r="F192" t="s">
        <v>937</v>
      </c>
    </row>
    <row r="193" spans="1:20">
      <c r="A193"/>
      <c r="B193"/>
      <c r="C193"/>
      <c r="D193"/>
      <c r="E193"/>
      <c r="F193" t="s">
        <v>938</v>
      </c>
    </row>
    <row r="194" spans="1:20">
      <c r="A194"/>
      <c r="B194"/>
      <c r="C194"/>
      <c r="D194"/>
      <c r="E194"/>
      <c r="F194" t="s">
        <v>939</v>
      </c>
    </row>
    <row r="195" spans="1:20">
      <c r="A195"/>
      <c r="B195"/>
      <c r="C195"/>
      <c r="D195"/>
      <c r="E195"/>
      <c r="F195" t="s">
        <v>940</v>
      </c>
    </row>
    <row r="196" spans="1:20">
      <c r="A196"/>
      <c r="B196"/>
      <c r="C196"/>
      <c r="D196"/>
      <c r="E196"/>
      <c r="F196" t="s">
        <v>941</v>
      </c>
      <c r="G196" s="3"/>
      <c r="H196" s="3"/>
      <c r="I196" s="3"/>
      <c r="J196" s="3"/>
      <c r="K196" s="3"/>
      <c r="L196" s="3"/>
      <c r="M196" s="3"/>
      <c r="N196" s="3"/>
      <c r="O196" s="3"/>
      <c r="P196" s="3"/>
      <c r="Q196" s="3"/>
      <c r="R196" s="3"/>
      <c r="S196" s="3"/>
      <c r="T196" s="3"/>
    </row>
    <row r="197" spans="1:20">
      <c r="A197"/>
      <c r="B197"/>
      <c r="C197"/>
      <c r="D197"/>
      <c r="E197"/>
      <c r="F197" t="s">
        <v>942</v>
      </c>
      <c r="G197" s="3"/>
      <c r="H197" s="3"/>
      <c r="I197" s="3"/>
      <c r="J197" s="3"/>
      <c r="K197" s="3"/>
      <c r="L197" s="3"/>
      <c r="M197" s="3"/>
      <c r="N197" s="3"/>
      <c r="O197" s="3"/>
      <c r="P197" s="3"/>
      <c r="Q197" s="3"/>
      <c r="R197" s="3"/>
      <c r="S197" s="3"/>
      <c r="T197" s="3"/>
    </row>
    <row r="198" spans="1:20">
      <c r="A198"/>
      <c r="B198"/>
      <c r="C198"/>
      <c r="D198"/>
      <c r="E198"/>
      <c r="F198" t="s">
        <v>943</v>
      </c>
      <c r="G198" s="3"/>
      <c r="H198" s="3"/>
      <c r="I198" s="3"/>
      <c r="J198" s="3"/>
      <c r="K198" s="3"/>
      <c r="L198" s="3"/>
      <c r="M198" s="3"/>
      <c r="N198" s="3"/>
      <c r="O198" s="3"/>
      <c r="P198" s="3"/>
      <c r="Q198" s="3"/>
      <c r="R198" s="3"/>
      <c r="S198" s="3"/>
      <c r="T198" s="3"/>
    </row>
    <row r="199" spans="1:20">
      <c r="A199"/>
      <c r="B199"/>
      <c r="C199"/>
      <c r="D199"/>
      <c r="E199"/>
      <c r="F199" t="s">
        <v>944</v>
      </c>
      <c r="G199" s="3"/>
      <c r="H199" s="3"/>
      <c r="I199" s="3"/>
      <c r="J199" s="3"/>
      <c r="K199" s="3"/>
      <c r="L199" s="3"/>
      <c r="M199" s="3"/>
      <c r="N199" s="3"/>
      <c r="O199" s="3"/>
      <c r="P199" s="3"/>
      <c r="Q199" s="3"/>
      <c r="R199" s="3"/>
      <c r="S199" s="3"/>
      <c r="T199" s="3"/>
    </row>
    <row r="200" spans="1:20">
      <c r="A200"/>
      <c r="B200"/>
      <c r="C200"/>
      <c r="D200"/>
      <c r="E200"/>
      <c r="F200" t="s">
        <v>945</v>
      </c>
      <c r="G200" s="3"/>
      <c r="H200" s="3"/>
      <c r="I200" s="3"/>
      <c r="J200" s="3"/>
      <c r="K200" s="3"/>
      <c r="L200" s="3"/>
      <c r="M200" s="3"/>
      <c r="N200" s="3"/>
      <c r="O200" s="3"/>
      <c r="P200" s="3"/>
      <c r="Q200" s="3"/>
      <c r="R200" s="3"/>
      <c r="S200" s="3"/>
      <c r="T200" s="3"/>
    </row>
    <row r="201" spans="1:20">
      <c r="D201" s="3"/>
      <c r="E201" s="3"/>
      <c r="F201" s="3"/>
      <c r="G201" s="3"/>
      <c r="H201" s="3"/>
      <c r="I201" s="3"/>
      <c r="J201" s="3"/>
      <c r="K201" s="3"/>
      <c r="L201" s="3"/>
      <c r="M201" s="3"/>
      <c r="N201" s="3"/>
      <c r="O201" s="3"/>
      <c r="P201" s="3"/>
      <c r="Q201" s="3"/>
      <c r="R201" s="3"/>
      <c r="S201" s="3"/>
      <c r="T201" s="3"/>
    </row>
    <row r="202" spans="1:20">
      <c r="D202" s="3"/>
      <c r="E202" s="3"/>
      <c r="F202" s="3"/>
      <c r="G202" s="3"/>
      <c r="H202" s="3"/>
      <c r="I202" s="3"/>
      <c r="J202" s="3"/>
      <c r="K202" s="3"/>
      <c r="L202" s="3"/>
      <c r="M202" s="3"/>
      <c r="N202" s="3"/>
      <c r="O202" s="3"/>
      <c r="P202" s="3"/>
      <c r="Q202" s="3"/>
      <c r="R202" s="3"/>
      <c r="S202" s="3"/>
      <c r="T202" s="3"/>
    </row>
    <row r="203" spans="1:20">
      <c r="D203" s="3"/>
      <c r="E203" s="3"/>
      <c r="F203" s="3"/>
      <c r="G203" s="3"/>
      <c r="H203" s="3"/>
      <c r="I203" s="3"/>
      <c r="J203" s="3"/>
      <c r="K203" s="3"/>
      <c r="L203" s="3"/>
      <c r="M203" s="3"/>
      <c r="N203" s="3"/>
      <c r="O203" s="3"/>
      <c r="P203" s="3"/>
      <c r="Q203" s="3"/>
      <c r="R203" s="3"/>
      <c r="S203" s="3"/>
      <c r="T203" s="3"/>
    </row>
    <row r="204" spans="1:20">
      <c r="D204" s="3"/>
      <c r="E204" s="3"/>
      <c r="F204" s="3"/>
      <c r="G204" s="3"/>
      <c r="H204" s="3"/>
      <c r="I204" s="3"/>
      <c r="J204" s="3"/>
      <c r="K204" s="3"/>
      <c r="L204" s="3"/>
      <c r="M204" s="3"/>
      <c r="N204" s="3"/>
      <c r="O204" s="3"/>
      <c r="P204" s="3"/>
      <c r="Q204" s="3"/>
      <c r="R204" s="3"/>
      <c r="S204" s="3"/>
      <c r="T204" s="3"/>
    </row>
    <row r="205" spans="1:20">
      <c r="D205" s="3"/>
      <c r="E205" s="3"/>
      <c r="F205" s="3"/>
      <c r="G205" s="3"/>
      <c r="H205" s="3"/>
      <c r="I205" s="3"/>
      <c r="J205" s="3"/>
      <c r="K205" s="3"/>
      <c r="L205" s="3"/>
      <c r="M205" s="3"/>
      <c r="N205" s="3"/>
      <c r="O205" s="3"/>
      <c r="P205" s="3"/>
      <c r="Q205" s="3"/>
      <c r="R205" s="3"/>
      <c r="S205" s="3"/>
      <c r="T205" s="3"/>
    </row>
    <row r="206" spans="1:20">
      <c r="C206" s="14"/>
      <c r="D206" s="3"/>
      <c r="E206" s="3"/>
      <c r="F206" s="3"/>
      <c r="G206" s="3"/>
      <c r="H206" s="3"/>
      <c r="I206" s="3"/>
      <c r="J206" s="3"/>
      <c r="K206" s="3"/>
      <c r="L206" s="3"/>
      <c r="M206" s="3"/>
      <c r="N206" s="3"/>
      <c r="O206" s="3"/>
      <c r="P206" s="3"/>
      <c r="Q206" s="3"/>
      <c r="R206" s="3"/>
      <c r="S206" s="3"/>
      <c r="T206" s="3"/>
    </row>
    <row r="207" spans="1:20">
      <c r="C207" s="14"/>
      <c r="D207" s="3"/>
      <c r="E207" s="3"/>
      <c r="F207" s="3"/>
      <c r="G207" s="3"/>
      <c r="H207" s="3"/>
      <c r="I207" s="3"/>
      <c r="J207" s="3"/>
      <c r="K207" s="3"/>
      <c r="L207" s="3"/>
      <c r="M207" s="3"/>
      <c r="N207" s="3"/>
      <c r="O207" s="3"/>
      <c r="P207" s="3"/>
      <c r="Q207" s="3"/>
      <c r="R207" s="3"/>
      <c r="S207" s="3"/>
      <c r="T207" s="3"/>
    </row>
    <row r="208" spans="1:20">
      <c r="C208" s="14"/>
      <c r="D208" s="3"/>
      <c r="E208" s="3"/>
      <c r="F208" s="3"/>
      <c r="G208" s="3"/>
      <c r="H208" s="3"/>
      <c r="I208" s="3"/>
      <c r="J208" s="3"/>
      <c r="K208" s="3"/>
      <c r="L208" s="3"/>
      <c r="M208" s="3"/>
      <c r="N208" s="3"/>
      <c r="O208" s="3"/>
      <c r="P208" s="3"/>
      <c r="Q208" s="3"/>
      <c r="R208" s="3"/>
      <c r="S208" s="3"/>
      <c r="T208" s="3"/>
    </row>
    <row r="209" spans="3:20">
      <c r="D209" s="3"/>
      <c r="E209" s="3"/>
      <c r="F209" s="3"/>
      <c r="G209" s="3"/>
      <c r="H209" s="3"/>
      <c r="I209" s="3"/>
      <c r="J209" s="3"/>
      <c r="K209" s="3"/>
      <c r="L209" s="3"/>
      <c r="M209" s="3"/>
      <c r="N209" s="3"/>
      <c r="O209" s="3"/>
      <c r="P209" s="3"/>
      <c r="Q209" s="3"/>
      <c r="R209" s="3"/>
      <c r="S209" s="3"/>
      <c r="T209" s="3"/>
    </row>
    <row r="210" spans="3:20">
      <c r="D210" s="3"/>
      <c r="E210" s="3"/>
      <c r="F210" s="3"/>
      <c r="G210" s="3"/>
      <c r="H210" s="3"/>
      <c r="I210" s="3"/>
      <c r="J210" s="3"/>
      <c r="K210" s="3"/>
      <c r="L210" s="3"/>
      <c r="M210" s="3"/>
      <c r="N210" s="3"/>
      <c r="O210" s="3"/>
      <c r="P210" s="3"/>
      <c r="Q210" s="3"/>
      <c r="R210" s="3"/>
      <c r="S210" s="3"/>
      <c r="T210" s="3"/>
    </row>
    <row r="211" spans="3:20">
      <c r="D211" s="3"/>
      <c r="E211" s="3"/>
      <c r="F211" s="3"/>
      <c r="G211" s="3"/>
      <c r="H211" s="3"/>
      <c r="I211" s="3"/>
      <c r="J211" s="3"/>
      <c r="K211" s="3"/>
      <c r="L211" s="3"/>
      <c r="M211" s="3"/>
      <c r="N211" s="3"/>
      <c r="O211" s="3"/>
      <c r="P211" s="3"/>
      <c r="Q211" s="3"/>
      <c r="R211" s="3"/>
      <c r="S211" s="3"/>
      <c r="T211" s="3"/>
    </row>
    <row r="212" spans="3:20">
      <c r="D212" s="3"/>
      <c r="E212" s="3"/>
      <c r="F212" s="3"/>
      <c r="G212" s="3"/>
      <c r="H212" s="3"/>
      <c r="I212" s="3"/>
      <c r="J212" s="3"/>
      <c r="K212" s="3"/>
      <c r="L212" s="3"/>
      <c r="M212" s="3"/>
      <c r="N212" s="3"/>
      <c r="O212" s="3"/>
      <c r="P212" s="3"/>
      <c r="Q212" s="3"/>
      <c r="R212" s="3"/>
      <c r="S212" s="3"/>
      <c r="T212" s="3"/>
    </row>
    <row r="213" spans="3:20">
      <c r="D213" s="3"/>
      <c r="E213" s="3"/>
      <c r="F213" s="3"/>
      <c r="G213" s="3"/>
      <c r="H213" s="3"/>
      <c r="I213" s="3"/>
      <c r="J213" s="3"/>
      <c r="K213" s="3"/>
      <c r="L213" s="3"/>
      <c r="M213" s="3"/>
      <c r="N213" s="3"/>
      <c r="O213" s="3"/>
      <c r="P213" s="3"/>
      <c r="Q213" s="3"/>
      <c r="R213" s="3"/>
      <c r="S213" s="3"/>
      <c r="T213" s="3"/>
    </row>
    <row r="214" spans="3:20">
      <c r="D214" s="3"/>
      <c r="E214" s="3"/>
      <c r="F214" s="3"/>
      <c r="G214" s="3"/>
      <c r="H214" s="3"/>
      <c r="I214" s="3"/>
      <c r="J214" s="3"/>
      <c r="K214" s="3"/>
      <c r="L214" s="14"/>
      <c r="M214" s="3"/>
      <c r="N214" s="3"/>
      <c r="O214" s="3"/>
      <c r="P214" s="3"/>
      <c r="Q214" s="3"/>
      <c r="R214" s="3"/>
      <c r="S214" s="3"/>
      <c r="T214" s="3"/>
    </row>
    <row r="215" spans="3:20">
      <c r="C215" s="14"/>
      <c r="D215" s="3"/>
      <c r="E215" s="3"/>
      <c r="F215" s="3"/>
      <c r="G215" s="3"/>
      <c r="H215" s="3"/>
      <c r="I215" s="3"/>
      <c r="J215" s="3"/>
      <c r="K215" s="3"/>
      <c r="L215" s="14"/>
      <c r="M215" s="3"/>
      <c r="N215" s="3"/>
      <c r="O215" s="3"/>
      <c r="P215" s="3"/>
      <c r="Q215" s="3"/>
      <c r="R215" s="3"/>
      <c r="S215" s="3"/>
      <c r="T215" s="3"/>
    </row>
    <row r="216" spans="3:20">
      <c r="C216" s="14"/>
      <c r="D216" s="3"/>
      <c r="E216" s="3"/>
      <c r="F216" s="3"/>
      <c r="G216" s="3"/>
      <c r="H216" s="3"/>
      <c r="I216" s="3"/>
      <c r="J216" s="3"/>
      <c r="K216" s="3"/>
      <c r="L216" s="14"/>
      <c r="M216" s="3"/>
      <c r="N216" s="3"/>
      <c r="O216" s="3"/>
      <c r="P216" s="3"/>
      <c r="Q216" s="3"/>
      <c r="R216" s="3"/>
      <c r="S216" s="3"/>
      <c r="T216" s="3"/>
    </row>
    <row r="217" spans="3:20">
      <c r="C217" s="14"/>
      <c r="D217" s="3"/>
      <c r="E217" s="3"/>
      <c r="F217" s="3"/>
      <c r="G217" s="3"/>
      <c r="H217" s="3"/>
      <c r="I217" s="3"/>
      <c r="J217" s="3"/>
      <c r="K217" s="3"/>
      <c r="L217" s="14"/>
      <c r="M217" s="3"/>
      <c r="N217" s="3"/>
      <c r="O217" s="3"/>
      <c r="P217" s="3"/>
      <c r="Q217" s="3"/>
      <c r="R217" s="3"/>
      <c r="S217" s="3"/>
      <c r="T217" s="3"/>
    </row>
    <row r="218" spans="3:20">
      <c r="C218" s="14"/>
      <c r="D218" s="3"/>
      <c r="E218" s="3"/>
      <c r="F218" s="3"/>
      <c r="G218" s="3"/>
      <c r="H218" s="3"/>
      <c r="I218" s="3"/>
      <c r="J218" s="3"/>
      <c r="K218" s="3"/>
      <c r="L218" s="14"/>
      <c r="M218" s="3"/>
      <c r="N218" s="3"/>
      <c r="O218" s="3"/>
      <c r="P218" s="3"/>
      <c r="Q218" s="3"/>
      <c r="R218" s="3"/>
      <c r="S218" s="3"/>
      <c r="T218" s="3"/>
    </row>
    <row r="219" spans="3:20">
      <c r="C219" s="14"/>
      <c r="D219" s="3"/>
      <c r="E219" s="3"/>
      <c r="F219" s="3"/>
      <c r="G219" s="3"/>
      <c r="H219" s="3"/>
      <c r="I219" s="3"/>
      <c r="J219" s="3"/>
      <c r="K219" s="3"/>
      <c r="L219" s="14"/>
      <c r="M219" s="3"/>
      <c r="N219" s="3"/>
      <c r="O219" s="3"/>
      <c r="P219" s="3"/>
      <c r="Q219" s="3"/>
      <c r="R219" s="3"/>
      <c r="S219" s="3"/>
      <c r="T219" s="3"/>
    </row>
    <row r="220" spans="3:20">
      <c r="C220" s="14"/>
      <c r="D220" s="3"/>
      <c r="E220" s="3"/>
      <c r="F220" s="3"/>
      <c r="G220" s="3"/>
      <c r="H220" s="3"/>
      <c r="I220" s="3"/>
      <c r="J220" s="3"/>
      <c r="K220" s="3"/>
      <c r="L220" s="14"/>
      <c r="M220" s="3"/>
      <c r="N220" s="3"/>
      <c r="O220" s="3"/>
      <c r="P220" s="3"/>
      <c r="Q220" s="3"/>
      <c r="R220" s="3"/>
      <c r="S220" s="3"/>
      <c r="T220" s="3"/>
    </row>
    <row r="221" spans="3:20">
      <c r="C221" s="14"/>
      <c r="D221" s="3"/>
      <c r="E221" s="3"/>
      <c r="F221" s="3"/>
      <c r="G221" s="3"/>
      <c r="H221" s="3"/>
      <c r="I221" s="3"/>
      <c r="J221" s="3"/>
      <c r="K221" s="3"/>
      <c r="L221" s="14"/>
      <c r="M221" s="3"/>
      <c r="N221" s="3"/>
      <c r="O221" s="3"/>
      <c r="P221" s="3"/>
      <c r="Q221" s="3"/>
      <c r="R221" s="3"/>
      <c r="S221" s="3"/>
      <c r="T221" s="3"/>
    </row>
    <row r="222" spans="3:20">
      <c r="C222" s="14"/>
      <c r="D222" s="3"/>
      <c r="E222" s="3"/>
      <c r="F222" s="3"/>
      <c r="G222" s="3"/>
      <c r="H222" s="3"/>
      <c r="I222" s="3"/>
      <c r="J222" s="3"/>
      <c r="K222" s="3"/>
      <c r="L222" s="14"/>
      <c r="M222" s="3"/>
      <c r="N222" s="3"/>
      <c r="O222" s="3"/>
      <c r="P222" s="3"/>
      <c r="Q222" s="3"/>
      <c r="R222" s="3"/>
      <c r="S222" s="3"/>
      <c r="T222" s="3"/>
    </row>
    <row r="223" spans="3:20">
      <c r="C223" s="14"/>
      <c r="D223" s="3"/>
      <c r="E223" s="3"/>
      <c r="F223" s="3"/>
      <c r="G223" s="3"/>
      <c r="H223" s="3"/>
      <c r="I223" s="3"/>
      <c r="J223" s="3"/>
      <c r="K223" s="3"/>
      <c r="L223" s="14"/>
      <c r="M223" s="3"/>
      <c r="N223" s="3"/>
      <c r="O223" s="3"/>
      <c r="P223" s="3"/>
      <c r="Q223" s="3"/>
      <c r="R223" s="3"/>
      <c r="S223" s="3"/>
      <c r="T223" s="3"/>
    </row>
    <row r="224" spans="3:20">
      <c r="C224" s="14"/>
      <c r="D224" s="3"/>
      <c r="E224" s="3"/>
      <c r="F224" s="3"/>
      <c r="G224" s="3"/>
      <c r="H224" s="3"/>
      <c r="I224" s="3"/>
      <c r="J224" s="3"/>
      <c r="K224" s="3"/>
      <c r="L224" s="14"/>
      <c r="M224" s="3"/>
      <c r="N224" s="3"/>
      <c r="O224" s="3"/>
      <c r="P224" s="3"/>
      <c r="Q224" s="3"/>
      <c r="R224" s="3"/>
      <c r="S224" s="3"/>
      <c r="T224" s="3"/>
    </row>
    <row r="225" spans="3:20">
      <c r="C225" s="14"/>
      <c r="D225" s="3"/>
      <c r="E225" s="3"/>
      <c r="F225" s="3"/>
      <c r="G225" s="3"/>
      <c r="H225" s="3"/>
      <c r="I225" s="3"/>
      <c r="J225" s="3"/>
      <c r="K225" s="3"/>
      <c r="L225" s="14"/>
      <c r="M225" s="3"/>
      <c r="N225" s="3"/>
      <c r="O225" s="3"/>
      <c r="P225" s="3"/>
      <c r="Q225" s="3"/>
      <c r="R225" s="3"/>
      <c r="S225" s="3"/>
      <c r="T225" s="3"/>
    </row>
    <row r="226" spans="3:20">
      <c r="C226" s="14"/>
      <c r="D226" s="3"/>
      <c r="E226" s="3"/>
      <c r="F226" s="3"/>
      <c r="G226" s="3"/>
      <c r="H226" s="3"/>
      <c r="I226" s="3"/>
      <c r="J226" s="3"/>
      <c r="K226" s="3"/>
      <c r="L226" s="14"/>
      <c r="M226" s="3"/>
      <c r="N226" s="3"/>
      <c r="O226" s="3"/>
      <c r="P226" s="3"/>
      <c r="Q226" s="3"/>
      <c r="R226" s="3"/>
      <c r="S226" s="3"/>
      <c r="T226" s="3"/>
    </row>
    <row r="227" spans="3:20">
      <c r="C227" s="14"/>
      <c r="D227" s="3"/>
      <c r="E227" s="3"/>
      <c r="F227" s="3"/>
      <c r="G227" s="3"/>
      <c r="H227" s="3"/>
      <c r="I227" s="3"/>
      <c r="J227" s="3"/>
      <c r="K227" s="3"/>
      <c r="L227" s="14"/>
      <c r="M227" s="3"/>
      <c r="N227" s="3"/>
      <c r="O227" s="3"/>
      <c r="P227" s="3"/>
      <c r="Q227" s="3"/>
      <c r="R227" s="3"/>
      <c r="S227" s="3"/>
      <c r="T227" s="3"/>
    </row>
    <row r="228" spans="3:20">
      <c r="C228" s="14"/>
      <c r="D228" s="3"/>
      <c r="E228" s="3"/>
      <c r="F228" s="3"/>
      <c r="G228" s="3"/>
      <c r="H228" s="3"/>
      <c r="I228" s="3"/>
      <c r="J228" s="3"/>
      <c r="K228" s="3"/>
      <c r="L228" s="14"/>
      <c r="M228" s="3"/>
      <c r="N228" s="3"/>
      <c r="O228" s="3"/>
      <c r="P228" s="3"/>
      <c r="Q228" s="3"/>
      <c r="R228" s="3"/>
      <c r="S228" s="3"/>
      <c r="T228" s="3"/>
    </row>
    <row r="229" spans="3:20">
      <c r="C229" s="14"/>
      <c r="D229" s="3"/>
      <c r="E229" s="3"/>
      <c r="F229" s="3"/>
      <c r="G229" s="3"/>
      <c r="H229" s="3"/>
      <c r="I229" s="3"/>
      <c r="J229" s="3"/>
      <c r="K229" s="3"/>
      <c r="L229" s="3"/>
      <c r="M229" s="3"/>
      <c r="N229" s="3"/>
      <c r="O229" s="3"/>
      <c r="P229" s="3"/>
      <c r="Q229" s="3"/>
      <c r="R229" s="3"/>
      <c r="S229" s="3"/>
      <c r="T229" s="3"/>
    </row>
    <row r="230" spans="3:20">
      <c r="C230" s="14"/>
      <c r="D230" s="3"/>
      <c r="E230" s="3"/>
      <c r="F230" s="3"/>
      <c r="G230" s="3"/>
      <c r="H230" s="3"/>
      <c r="I230" s="3"/>
      <c r="J230" s="3"/>
      <c r="K230" s="3"/>
      <c r="L230" s="3"/>
      <c r="M230" s="3"/>
      <c r="N230" s="3"/>
      <c r="O230" s="3"/>
      <c r="P230" s="3"/>
      <c r="Q230" s="3"/>
      <c r="R230" s="3"/>
      <c r="S230" s="3"/>
      <c r="T230" s="3"/>
    </row>
    <row r="231" spans="3:20">
      <c r="C231" s="14"/>
      <c r="D231" s="3"/>
      <c r="E231" s="3"/>
      <c r="F231" s="3"/>
      <c r="G231" s="3"/>
      <c r="H231" s="3"/>
      <c r="I231" s="3"/>
      <c r="J231" s="3"/>
      <c r="K231" s="3"/>
      <c r="L231" s="3"/>
      <c r="M231" s="3"/>
      <c r="N231" s="3"/>
      <c r="O231" s="3"/>
      <c r="P231" s="3"/>
      <c r="Q231" s="3"/>
      <c r="R231" s="3"/>
      <c r="S231" s="3"/>
      <c r="T231" s="3"/>
    </row>
    <row r="232" spans="3:20">
      <c r="C232" s="14"/>
      <c r="D232" s="3"/>
      <c r="E232" s="3"/>
      <c r="F232" s="3"/>
      <c r="G232" s="3"/>
      <c r="H232" s="3"/>
      <c r="I232" s="3"/>
      <c r="J232" s="3"/>
      <c r="K232" s="3"/>
      <c r="L232" s="3"/>
      <c r="M232" s="3"/>
      <c r="N232" s="3"/>
      <c r="O232" s="3"/>
      <c r="P232" s="3"/>
      <c r="Q232" s="3"/>
      <c r="R232" s="3"/>
      <c r="S232" s="3"/>
      <c r="T232" s="3"/>
    </row>
    <row r="233" spans="3:20">
      <c r="C233" s="14"/>
      <c r="D233" s="3"/>
      <c r="E233" s="3"/>
      <c r="F233" s="3"/>
      <c r="G233" s="3"/>
      <c r="H233" s="3"/>
      <c r="I233" s="3"/>
      <c r="J233" s="3"/>
      <c r="K233" s="3"/>
      <c r="L233" s="3"/>
      <c r="M233" s="3"/>
      <c r="N233" s="3"/>
      <c r="O233" s="3"/>
      <c r="P233" s="3"/>
      <c r="Q233" s="3"/>
      <c r="R233" s="3"/>
      <c r="S233" s="3"/>
      <c r="T233" s="3"/>
    </row>
    <row r="234" spans="3:20">
      <c r="D234" s="3"/>
      <c r="E234" s="3"/>
      <c r="F234" s="3"/>
      <c r="G234" s="3"/>
      <c r="H234" s="3"/>
      <c r="I234" s="3"/>
      <c r="J234" s="3"/>
      <c r="K234" s="3"/>
      <c r="L234" s="3"/>
      <c r="M234" s="3"/>
      <c r="N234" s="3"/>
      <c r="O234" s="3"/>
      <c r="P234" s="3"/>
      <c r="Q234" s="3"/>
      <c r="R234" s="3"/>
      <c r="S234" s="3"/>
      <c r="T234" s="3"/>
    </row>
    <row r="235" spans="3:20">
      <c r="D235" s="3"/>
      <c r="E235" s="3"/>
      <c r="F235" s="3"/>
      <c r="G235" s="3"/>
      <c r="H235" s="3"/>
      <c r="I235" s="3"/>
      <c r="J235" s="3"/>
      <c r="K235" s="3"/>
      <c r="L235" s="3"/>
      <c r="M235" s="3"/>
      <c r="N235" s="3"/>
      <c r="O235" s="3"/>
      <c r="P235" s="3"/>
      <c r="Q235" s="3"/>
      <c r="R235" s="3"/>
      <c r="S235" s="3"/>
      <c r="T235" s="3"/>
    </row>
    <row r="236" spans="3:20">
      <c r="D236" s="3"/>
      <c r="E236" s="3"/>
      <c r="F236" s="3"/>
      <c r="G236" s="3"/>
      <c r="H236" s="3"/>
      <c r="I236" s="3"/>
      <c r="J236" s="3"/>
      <c r="K236" s="3"/>
      <c r="L236" s="3"/>
      <c r="M236" s="3"/>
      <c r="N236" s="3"/>
      <c r="O236" s="3"/>
      <c r="P236" s="3"/>
      <c r="Q236" s="3"/>
      <c r="R236" s="3"/>
      <c r="S236" s="3"/>
      <c r="T236" s="3"/>
    </row>
    <row r="237" spans="3:20">
      <c r="D237" s="3"/>
      <c r="E237" s="3"/>
      <c r="F237" s="3"/>
      <c r="G237" s="3"/>
      <c r="H237" s="3"/>
      <c r="I237" s="3"/>
      <c r="J237" s="3"/>
      <c r="K237" s="3"/>
      <c r="L237" s="3"/>
      <c r="M237" s="3"/>
      <c r="N237" s="3"/>
      <c r="O237" s="3"/>
      <c r="P237" s="3"/>
      <c r="Q237" s="3"/>
      <c r="R237" s="3"/>
      <c r="S237" s="3"/>
      <c r="T237" s="3"/>
    </row>
    <row r="238" spans="3:20">
      <c r="D238" s="3"/>
      <c r="E238" s="3"/>
      <c r="F238" s="3"/>
      <c r="G238" s="3"/>
      <c r="H238" s="3"/>
      <c r="I238" s="3"/>
      <c r="J238" s="3"/>
      <c r="K238" s="3"/>
      <c r="L238" s="3"/>
      <c r="M238" s="3"/>
      <c r="N238" s="3"/>
      <c r="O238" s="3"/>
      <c r="P238" s="3"/>
      <c r="Q238" s="3"/>
      <c r="R238" s="3"/>
      <c r="S238" s="3"/>
      <c r="T238" s="3"/>
    </row>
    <row r="239" spans="3:20">
      <c r="D239" s="3"/>
      <c r="E239" s="3"/>
      <c r="F239" s="3"/>
      <c r="G239" s="3"/>
      <c r="H239" s="3"/>
      <c r="I239" s="3"/>
      <c r="J239" s="3"/>
      <c r="K239" s="3"/>
      <c r="L239" s="3"/>
      <c r="M239" s="3"/>
      <c r="N239" s="3"/>
      <c r="O239" s="3"/>
      <c r="P239" s="3"/>
      <c r="Q239" s="3"/>
      <c r="R239" s="3"/>
      <c r="S239" s="3"/>
      <c r="T239" s="3"/>
    </row>
  </sheetData>
  <mergeCells count="825">
    <mergeCell ref="G4:N4"/>
    <mergeCell ref="G6:H6"/>
    <mergeCell ref="I6:J6"/>
    <mergeCell ref="K6:M6"/>
    <mergeCell ref="O6:P6"/>
    <mergeCell ref="S6:T6"/>
    <mergeCell ref="AA9:AB10"/>
    <mergeCell ref="AC9:AE10"/>
    <mergeCell ref="AF9:AF10"/>
    <mergeCell ref="B11:C11"/>
    <mergeCell ref="D11:T11"/>
    <mergeCell ref="V11:W11"/>
    <mergeCell ref="AA11:AB11"/>
    <mergeCell ref="AC11:AE11"/>
    <mergeCell ref="V6:Y6"/>
    <mergeCell ref="B9:C10"/>
    <mergeCell ref="D9:T10"/>
    <mergeCell ref="V9:W10"/>
    <mergeCell ref="X9:X10"/>
    <mergeCell ref="Y9:Z10"/>
    <mergeCell ref="B12:C12"/>
    <mergeCell ref="D12:T12"/>
    <mergeCell ref="V12:W12"/>
    <mergeCell ref="AA12:AB12"/>
    <mergeCell ref="AC12:AE12"/>
    <mergeCell ref="B13:C13"/>
    <mergeCell ref="D13:T13"/>
    <mergeCell ref="V13:W13"/>
    <mergeCell ref="AA13:AB13"/>
    <mergeCell ref="AC13:AE13"/>
    <mergeCell ref="B14:C14"/>
    <mergeCell ref="D14:T14"/>
    <mergeCell ref="V14:W14"/>
    <mergeCell ref="AA14:AB14"/>
    <mergeCell ref="AC14:AE14"/>
    <mergeCell ref="B15:C15"/>
    <mergeCell ref="D15:T15"/>
    <mergeCell ref="V15:W15"/>
    <mergeCell ref="AA15:AB15"/>
    <mergeCell ref="AC15:AE15"/>
    <mergeCell ref="B16:C16"/>
    <mergeCell ref="D16:T16"/>
    <mergeCell ref="V16:W16"/>
    <mergeCell ref="AA16:AB16"/>
    <mergeCell ref="AC16:AE16"/>
    <mergeCell ref="B17:C17"/>
    <mergeCell ref="D17:T17"/>
    <mergeCell ref="V17:W17"/>
    <mergeCell ref="AA17:AB17"/>
    <mergeCell ref="AC17:AE17"/>
    <mergeCell ref="B18:C18"/>
    <mergeCell ref="D18:T18"/>
    <mergeCell ref="V18:W18"/>
    <mergeCell ref="AA18:AB18"/>
    <mergeCell ref="AC18:AE18"/>
    <mergeCell ref="B19:C19"/>
    <mergeCell ref="D19:T19"/>
    <mergeCell ref="V19:W19"/>
    <mergeCell ref="AA19:AB19"/>
    <mergeCell ref="AC19:AE19"/>
    <mergeCell ref="B20:C20"/>
    <mergeCell ref="D20:T20"/>
    <mergeCell ref="V20:W20"/>
    <mergeCell ref="AA20:AB20"/>
    <mergeCell ref="AC20:AE20"/>
    <mergeCell ref="B21:C21"/>
    <mergeCell ref="D21:T21"/>
    <mergeCell ref="V21:W21"/>
    <mergeCell ref="AA21:AB21"/>
    <mergeCell ref="AC21:AE21"/>
    <mergeCell ref="B22:C22"/>
    <mergeCell ref="D22:T22"/>
    <mergeCell ref="V22:W22"/>
    <mergeCell ref="AA22:AB22"/>
    <mergeCell ref="AC22:AE22"/>
    <mergeCell ref="B23:C23"/>
    <mergeCell ref="D23:T23"/>
    <mergeCell ref="V23:W23"/>
    <mergeCell ref="AA23:AB23"/>
    <mergeCell ref="AC23:AE23"/>
    <mergeCell ref="B24:C24"/>
    <mergeCell ref="D24:T24"/>
    <mergeCell ref="V24:W24"/>
    <mergeCell ref="AA24:AB24"/>
    <mergeCell ref="AC24:AE24"/>
    <mergeCell ref="B25:C25"/>
    <mergeCell ref="D25:T25"/>
    <mergeCell ref="V25:W25"/>
    <mergeCell ref="AA25:AB25"/>
    <mergeCell ref="AC25:AE25"/>
    <mergeCell ref="B26:C26"/>
    <mergeCell ref="D26:T26"/>
    <mergeCell ref="V26:W26"/>
    <mergeCell ref="AA26:AB26"/>
    <mergeCell ref="AC26:AE26"/>
    <mergeCell ref="B27:C27"/>
    <mergeCell ref="D27:T27"/>
    <mergeCell ref="V27:W27"/>
    <mergeCell ref="AA27:AB27"/>
    <mergeCell ref="AC27:AE27"/>
    <mergeCell ref="B28:C28"/>
    <mergeCell ref="D28:T28"/>
    <mergeCell ref="V28:W28"/>
    <mergeCell ref="AA28:AB28"/>
    <mergeCell ref="AC28:AE28"/>
    <mergeCell ref="B29:C29"/>
    <mergeCell ref="D29:T29"/>
    <mergeCell ref="V29:W29"/>
    <mergeCell ref="AA29:AB29"/>
    <mergeCell ref="AC29:AE29"/>
    <mergeCell ref="B30:C30"/>
    <mergeCell ref="D30:T30"/>
    <mergeCell ref="V30:W30"/>
    <mergeCell ref="AA30:AB30"/>
    <mergeCell ref="AC30:AE30"/>
    <mergeCell ref="B31:C31"/>
    <mergeCell ref="D31:T31"/>
    <mergeCell ref="V31:W31"/>
    <mergeCell ref="AA31:AB31"/>
    <mergeCell ref="AC31:AE31"/>
    <mergeCell ref="B32:C32"/>
    <mergeCell ref="D32:T32"/>
    <mergeCell ref="V32:W32"/>
    <mergeCell ref="AA32:AB32"/>
    <mergeCell ref="AC32:AE32"/>
    <mergeCell ref="B33:C33"/>
    <mergeCell ref="D33:T33"/>
    <mergeCell ref="V33:W33"/>
    <mergeCell ref="AA33:AB33"/>
    <mergeCell ref="AC33:AE33"/>
    <mergeCell ref="B34:C34"/>
    <mergeCell ref="D34:T34"/>
    <mergeCell ref="V34:W34"/>
    <mergeCell ref="AA34:AB34"/>
    <mergeCell ref="AC34:AE34"/>
    <mergeCell ref="B35:C35"/>
    <mergeCell ref="D35:T35"/>
    <mergeCell ref="V35:W35"/>
    <mergeCell ref="AA35:AB35"/>
    <mergeCell ref="AC35:AE35"/>
    <mergeCell ref="B36:C36"/>
    <mergeCell ref="D36:T36"/>
    <mergeCell ref="V36:W36"/>
    <mergeCell ref="AA36:AB36"/>
    <mergeCell ref="AC36:AE36"/>
    <mergeCell ref="B37:C37"/>
    <mergeCell ref="D37:T37"/>
    <mergeCell ref="V37:W37"/>
    <mergeCell ref="AA37:AB37"/>
    <mergeCell ref="AC37:AE37"/>
    <mergeCell ref="B38:C38"/>
    <mergeCell ref="D38:T38"/>
    <mergeCell ref="V38:W38"/>
    <mergeCell ref="AA38:AB38"/>
    <mergeCell ref="AC38:AE38"/>
    <mergeCell ref="B39:C39"/>
    <mergeCell ref="D39:T39"/>
    <mergeCell ref="V39:W39"/>
    <mergeCell ref="AA39:AB39"/>
    <mergeCell ref="AC39:AE39"/>
    <mergeCell ref="B40:C40"/>
    <mergeCell ref="D40:T40"/>
    <mergeCell ref="V40:W40"/>
    <mergeCell ref="AA40:AB40"/>
    <mergeCell ref="AC40:AE40"/>
    <mergeCell ref="B41:C41"/>
    <mergeCell ref="D41:T41"/>
    <mergeCell ref="V41:W41"/>
    <mergeCell ref="AA41:AB41"/>
    <mergeCell ref="AC41:AE41"/>
    <mergeCell ref="B42:C42"/>
    <mergeCell ref="D42:T42"/>
    <mergeCell ref="V42:W42"/>
    <mergeCell ref="AA42:AB42"/>
    <mergeCell ref="AC42:AE42"/>
    <mergeCell ref="B43:C43"/>
    <mergeCell ref="D43:T43"/>
    <mergeCell ref="V43:W43"/>
    <mergeCell ref="AA43:AB43"/>
    <mergeCell ref="AC43:AE43"/>
    <mergeCell ref="B44:C44"/>
    <mergeCell ref="D44:T44"/>
    <mergeCell ref="V44:W44"/>
    <mergeCell ref="AA44:AB44"/>
    <mergeCell ref="AC44:AE44"/>
    <mergeCell ref="B45:C45"/>
    <mergeCell ref="D45:T45"/>
    <mergeCell ref="V45:W45"/>
    <mergeCell ref="AA45:AB45"/>
    <mergeCell ref="AC45:AE45"/>
    <mergeCell ref="B46:C46"/>
    <mergeCell ref="D46:T46"/>
    <mergeCell ref="V46:W46"/>
    <mergeCell ref="AA46:AB46"/>
    <mergeCell ref="AC46:AE46"/>
    <mergeCell ref="B47:C47"/>
    <mergeCell ref="D47:T47"/>
    <mergeCell ref="V47:W47"/>
    <mergeCell ref="AA47:AB47"/>
    <mergeCell ref="AC47:AE47"/>
    <mergeCell ref="B48:C48"/>
    <mergeCell ref="D48:T48"/>
    <mergeCell ref="V48:W48"/>
    <mergeCell ref="AA48:AB48"/>
    <mergeCell ref="AC48:AE48"/>
    <mergeCell ref="B49:C49"/>
    <mergeCell ref="D49:T49"/>
    <mergeCell ref="V49:W49"/>
    <mergeCell ref="AA49:AB49"/>
    <mergeCell ref="AC49:AE49"/>
    <mergeCell ref="B50:C50"/>
    <mergeCell ref="D50:T50"/>
    <mergeCell ref="V50:W50"/>
    <mergeCell ref="AA50:AB50"/>
    <mergeCell ref="AC50:AE50"/>
    <mergeCell ref="B51:C51"/>
    <mergeCell ref="D51:T51"/>
    <mergeCell ref="V51:W51"/>
    <mergeCell ref="AA51:AB51"/>
    <mergeCell ref="AC51:AE51"/>
    <mergeCell ref="B52:C52"/>
    <mergeCell ref="D52:T52"/>
    <mergeCell ref="V52:W52"/>
    <mergeCell ref="AA52:AB52"/>
    <mergeCell ref="AC52:AE52"/>
    <mergeCell ref="B53:C53"/>
    <mergeCell ref="D53:T53"/>
    <mergeCell ref="V53:W53"/>
    <mergeCell ref="AA53:AB53"/>
    <mergeCell ref="AC53:AE53"/>
    <mergeCell ref="B54:C54"/>
    <mergeCell ref="D54:T54"/>
    <mergeCell ref="V54:W54"/>
    <mergeCell ref="AA54:AB54"/>
    <mergeCell ref="AC54:AE54"/>
    <mergeCell ref="B55:C55"/>
    <mergeCell ref="D55:T55"/>
    <mergeCell ref="V55:W55"/>
    <mergeCell ref="AA55:AB55"/>
    <mergeCell ref="AC55:AE55"/>
    <mergeCell ref="B56:C56"/>
    <mergeCell ref="D56:T56"/>
    <mergeCell ref="V56:W56"/>
    <mergeCell ref="AA56:AB56"/>
    <mergeCell ref="AC56:AE56"/>
    <mergeCell ref="B57:C57"/>
    <mergeCell ref="D57:T57"/>
    <mergeCell ref="V57:W57"/>
    <mergeCell ref="AA57:AB57"/>
    <mergeCell ref="AC57:AE57"/>
    <mergeCell ref="B58:C58"/>
    <mergeCell ref="D58:T58"/>
    <mergeCell ref="V58:W58"/>
    <mergeCell ref="AA58:AB58"/>
    <mergeCell ref="AC58:AE58"/>
    <mergeCell ref="B59:C59"/>
    <mergeCell ref="D59:T59"/>
    <mergeCell ref="V59:W59"/>
    <mergeCell ref="AA59:AB59"/>
    <mergeCell ref="AC59:AE59"/>
    <mergeCell ref="B60:C60"/>
    <mergeCell ref="D60:T60"/>
    <mergeCell ref="V60:W60"/>
    <mergeCell ref="AA60:AB60"/>
    <mergeCell ref="AC60:AE60"/>
    <mergeCell ref="B61:C61"/>
    <mergeCell ref="D61:T61"/>
    <mergeCell ref="V61:W61"/>
    <mergeCell ref="AA61:AB61"/>
    <mergeCell ref="AC61:AE61"/>
    <mergeCell ref="B62:C62"/>
    <mergeCell ref="D62:T62"/>
    <mergeCell ref="V62:W62"/>
    <mergeCell ref="AA62:AB62"/>
    <mergeCell ref="AC62:AE62"/>
    <mergeCell ref="B63:C63"/>
    <mergeCell ref="D63:T63"/>
    <mergeCell ref="V63:W63"/>
    <mergeCell ref="AA63:AB63"/>
    <mergeCell ref="AC63:AE63"/>
    <mergeCell ref="B64:C64"/>
    <mergeCell ref="D64:T64"/>
    <mergeCell ref="V64:W64"/>
    <mergeCell ref="AA64:AB64"/>
    <mergeCell ref="AC64:AE64"/>
    <mergeCell ref="B65:C65"/>
    <mergeCell ref="D65:T65"/>
    <mergeCell ref="V65:W65"/>
    <mergeCell ref="AA65:AB65"/>
    <mergeCell ref="AC65:AE65"/>
    <mergeCell ref="B66:C66"/>
    <mergeCell ref="D66:T66"/>
    <mergeCell ref="V66:W66"/>
    <mergeCell ref="AA66:AB66"/>
    <mergeCell ref="AC66:AE66"/>
    <mergeCell ref="B67:C67"/>
    <mergeCell ref="D67:T67"/>
    <mergeCell ref="V67:W67"/>
    <mergeCell ref="AA67:AB67"/>
    <mergeCell ref="AC67:AE67"/>
    <mergeCell ref="B68:C68"/>
    <mergeCell ref="D68:T68"/>
    <mergeCell ref="V68:W68"/>
    <mergeCell ref="AA68:AB68"/>
    <mergeCell ref="AC68:AE68"/>
    <mergeCell ref="B69:C69"/>
    <mergeCell ref="D69:T69"/>
    <mergeCell ref="V69:W69"/>
    <mergeCell ref="AA69:AB69"/>
    <mergeCell ref="AC69:AE69"/>
    <mergeCell ref="B70:C70"/>
    <mergeCell ref="D70:T70"/>
    <mergeCell ref="V70:W70"/>
    <mergeCell ref="AA70:AB70"/>
    <mergeCell ref="AC70:AE70"/>
    <mergeCell ref="B71:C71"/>
    <mergeCell ref="D71:T71"/>
    <mergeCell ref="V71:W71"/>
    <mergeCell ref="AA71:AB71"/>
    <mergeCell ref="AC71:AE71"/>
    <mergeCell ref="B72:C72"/>
    <mergeCell ref="D72:T72"/>
    <mergeCell ref="V72:W72"/>
    <mergeCell ref="AA72:AB72"/>
    <mergeCell ref="AC72:AE72"/>
    <mergeCell ref="B73:C73"/>
    <mergeCell ref="D73:T73"/>
    <mergeCell ref="V73:W73"/>
    <mergeCell ref="AA73:AB73"/>
    <mergeCell ref="AC73:AE73"/>
    <mergeCell ref="B74:C74"/>
    <mergeCell ref="D74:T74"/>
    <mergeCell ref="V74:W74"/>
    <mergeCell ref="AA74:AB74"/>
    <mergeCell ref="AC74:AE74"/>
    <mergeCell ref="B75:C75"/>
    <mergeCell ref="D75:T75"/>
    <mergeCell ref="V75:W75"/>
    <mergeCell ref="AA75:AB75"/>
    <mergeCell ref="AC75:AE75"/>
    <mergeCell ref="B76:C76"/>
    <mergeCell ref="D76:T76"/>
    <mergeCell ref="V76:W76"/>
    <mergeCell ref="AA76:AB76"/>
    <mergeCell ref="AC76:AE76"/>
    <mergeCell ref="B77:C77"/>
    <mergeCell ref="D77:T77"/>
    <mergeCell ref="V77:W77"/>
    <mergeCell ref="AA77:AB77"/>
    <mergeCell ref="AC77:AE77"/>
    <mergeCell ref="B78:C78"/>
    <mergeCell ref="D78:T78"/>
    <mergeCell ref="V78:W78"/>
    <mergeCell ref="AA78:AB78"/>
    <mergeCell ref="AC78:AE78"/>
    <mergeCell ref="B79:C79"/>
    <mergeCell ref="D79:T79"/>
    <mergeCell ref="V79:W79"/>
    <mergeCell ref="AA79:AB79"/>
    <mergeCell ref="AC79:AE79"/>
    <mergeCell ref="B80:C80"/>
    <mergeCell ref="D80:T80"/>
    <mergeCell ref="V80:W80"/>
    <mergeCell ref="AA80:AB80"/>
    <mergeCell ref="AC80:AE80"/>
    <mergeCell ref="B81:C81"/>
    <mergeCell ref="D81:T81"/>
    <mergeCell ref="V81:W81"/>
    <mergeCell ref="AA81:AB81"/>
    <mergeCell ref="AC81:AE81"/>
    <mergeCell ref="B82:C82"/>
    <mergeCell ref="D82:T82"/>
    <mergeCell ref="V82:W82"/>
    <mergeCell ref="AA82:AB82"/>
    <mergeCell ref="AC82:AE82"/>
    <mergeCell ref="B83:C83"/>
    <mergeCell ref="D83:T83"/>
    <mergeCell ref="V83:W83"/>
    <mergeCell ref="AA83:AB83"/>
    <mergeCell ref="AC83:AE83"/>
    <mergeCell ref="B84:C84"/>
    <mergeCell ref="D84:T84"/>
    <mergeCell ref="V84:W84"/>
    <mergeCell ref="AA84:AB84"/>
    <mergeCell ref="AC84:AE84"/>
    <mergeCell ref="B85:C85"/>
    <mergeCell ref="D85:T85"/>
    <mergeCell ref="V85:W85"/>
    <mergeCell ref="AA85:AB85"/>
    <mergeCell ref="AC85:AE85"/>
    <mergeCell ref="B86:C86"/>
    <mergeCell ref="D86:T86"/>
    <mergeCell ref="V86:W86"/>
    <mergeCell ref="AA86:AB86"/>
    <mergeCell ref="AC86:AE86"/>
    <mergeCell ref="B87:C87"/>
    <mergeCell ref="D87:T87"/>
    <mergeCell ref="V87:W87"/>
    <mergeCell ref="AA87:AB87"/>
    <mergeCell ref="AC87:AE87"/>
    <mergeCell ref="B88:C88"/>
    <mergeCell ref="D88:T88"/>
    <mergeCell ref="V88:W88"/>
    <mergeCell ref="AA88:AB88"/>
    <mergeCell ref="AC88:AE88"/>
    <mergeCell ref="B89:C89"/>
    <mergeCell ref="D89:T89"/>
    <mergeCell ref="V89:W89"/>
    <mergeCell ref="AA89:AB89"/>
    <mergeCell ref="AC89:AE89"/>
    <mergeCell ref="B90:C90"/>
    <mergeCell ref="D90:T90"/>
    <mergeCell ref="V90:W90"/>
    <mergeCell ref="AA90:AB90"/>
    <mergeCell ref="AC90:AE90"/>
    <mergeCell ref="B91:C91"/>
    <mergeCell ref="D91:T91"/>
    <mergeCell ref="V91:W91"/>
    <mergeCell ref="AA91:AB91"/>
    <mergeCell ref="AC91:AE91"/>
    <mergeCell ref="B92:C92"/>
    <mergeCell ref="D92:T92"/>
    <mergeCell ref="V92:W92"/>
    <mergeCell ref="AA92:AB92"/>
    <mergeCell ref="AC92:AE92"/>
    <mergeCell ref="B93:C93"/>
    <mergeCell ref="D93:T93"/>
    <mergeCell ref="V93:W93"/>
    <mergeCell ref="AA93:AB93"/>
    <mergeCell ref="AC93:AE93"/>
    <mergeCell ref="B94:C94"/>
    <mergeCell ref="D94:T94"/>
    <mergeCell ref="V94:W94"/>
    <mergeCell ref="AA94:AB94"/>
    <mergeCell ref="AC94:AE94"/>
    <mergeCell ref="B95:C95"/>
    <mergeCell ref="D95:T95"/>
    <mergeCell ref="V95:W95"/>
    <mergeCell ref="AA95:AB95"/>
    <mergeCell ref="AC95:AE95"/>
    <mergeCell ref="B96:C96"/>
    <mergeCell ref="D96:T96"/>
    <mergeCell ref="V96:W96"/>
    <mergeCell ref="AA96:AB96"/>
    <mergeCell ref="AC96:AE96"/>
    <mergeCell ref="B97:C97"/>
    <mergeCell ref="D97:T97"/>
    <mergeCell ref="V97:W97"/>
    <mergeCell ref="AA97:AB97"/>
    <mergeCell ref="AC97:AE97"/>
    <mergeCell ref="B98:C98"/>
    <mergeCell ref="D98:T98"/>
    <mergeCell ref="V98:W98"/>
    <mergeCell ref="AA98:AB98"/>
    <mergeCell ref="AC98:AE98"/>
    <mergeCell ref="B99:C99"/>
    <mergeCell ref="D99:T99"/>
    <mergeCell ref="V99:W99"/>
    <mergeCell ref="AA99:AB99"/>
    <mergeCell ref="AC99:AE99"/>
    <mergeCell ref="B100:C100"/>
    <mergeCell ref="D100:T100"/>
    <mergeCell ref="V100:W100"/>
    <mergeCell ref="AA100:AB100"/>
    <mergeCell ref="AC100:AE100"/>
    <mergeCell ref="B101:C101"/>
    <mergeCell ref="D101:T101"/>
    <mergeCell ref="V101:W101"/>
    <mergeCell ref="AA101:AB101"/>
    <mergeCell ref="AC101:AE101"/>
    <mergeCell ref="B102:C102"/>
    <mergeCell ref="D102:T102"/>
    <mergeCell ref="V102:W102"/>
    <mergeCell ref="AA102:AB102"/>
    <mergeCell ref="AC102:AE102"/>
    <mergeCell ref="B103:C103"/>
    <mergeCell ref="D103:T103"/>
    <mergeCell ref="V103:W103"/>
    <mergeCell ref="AA103:AB103"/>
    <mergeCell ref="AC103:AE103"/>
    <mergeCell ref="B104:C104"/>
    <mergeCell ref="D104:T104"/>
    <mergeCell ref="V104:W104"/>
    <mergeCell ref="AA104:AB104"/>
    <mergeCell ref="AC104:AE104"/>
    <mergeCell ref="B105:C105"/>
    <mergeCell ref="D105:T105"/>
    <mergeCell ref="V105:W105"/>
    <mergeCell ref="AA105:AB105"/>
    <mergeCell ref="AC105:AE105"/>
    <mergeCell ref="B106:C106"/>
    <mergeCell ref="D106:T106"/>
    <mergeCell ref="V106:W106"/>
    <mergeCell ref="AA106:AB106"/>
    <mergeCell ref="AC106:AE106"/>
    <mergeCell ref="B107:C107"/>
    <mergeCell ref="D107:T107"/>
    <mergeCell ref="V107:W107"/>
    <mergeCell ref="AA107:AB107"/>
    <mergeCell ref="AC107:AE107"/>
    <mergeCell ref="B108:C108"/>
    <mergeCell ref="D108:T108"/>
    <mergeCell ref="V108:W108"/>
    <mergeCell ref="AA108:AB108"/>
    <mergeCell ref="AC108:AE108"/>
    <mergeCell ref="B109:C109"/>
    <mergeCell ref="D109:T109"/>
    <mergeCell ref="V109:W109"/>
    <mergeCell ref="AA109:AB109"/>
    <mergeCell ref="AC109:AE109"/>
    <mergeCell ref="B110:C110"/>
    <mergeCell ref="D110:T110"/>
    <mergeCell ref="V110:W110"/>
    <mergeCell ref="AA110:AB110"/>
    <mergeCell ref="AC110:AE110"/>
    <mergeCell ref="B111:C111"/>
    <mergeCell ref="D111:T111"/>
    <mergeCell ref="V111:W111"/>
    <mergeCell ref="AA111:AB111"/>
    <mergeCell ref="AC111:AE111"/>
    <mergeCell ref="B112:C112"/>
    <mergeCell ref="D112:T112"/>
    <mergeCell ref="V112:W112"/>
    <mergeCell ref="AA112:AB112"/>
    <mergeCell ref="AC112:AE112"/>
    <mergeCell ref="B113:C113"/>
    <mergeCell ref="D113:T113"/>
    <mergeCell ref="V113:W113"/>
    <mergeCell ref="AA113:AB113"/>
    <mergeCell ref="AC113:AE113"/>
    <mergeCell ref="B114:C114"/>
    <mergeCell ref="D114:T114"/>
    <mergeCell ref="V114:W114"/>
    <mergeCell ref="AA114:AB114"/>
    <mergeCell ref="AC114:AE114"/>
    <mergeCell ref="B115:C115"/>
    <mergeCell ref="D115:T115"/>
    <mergeCell ref="V115:W115"/>
    <mergeCell ref="AA115:AB115"/>
    <mergeCell ref="AC115:AE115"/>
    <mergeCell ref="B116:C116"/>
    <mergeCell ref="D116:T116"/>
    <mergeCell ref="V116:W116"/>
    <mergeCell ref="AA116:AB116"/>
    <mergeCell ref="AC116:AE116"/>
    <mergeCell ref="B117:C117"/>
    <mergeCell ref="D117:T117"/>
    <mergeCell ref="V117:W117"/>
    <mergeCell ref="AA117:AB117"/>
    <mergeCell ref="AC117:AE117"/>
    <mergeCell ref="B118:C118"/>
    <mergeCell ref="D118:T118"/>
    <mergeCell ref="V118:W118"/>
    <mergeCell ref="AA118:AB118"/>
    <mergeCell ref="AC118:AE118"/>
    <mergeCell ref="B119:C119"/>
    <mergeCell ref="D119:T119"/>
    <mergeCell ref="V119:W119"/>
    <mergeCell ref="AA119:AB119"/>
    <mergeCell ref="AC119:AE119"/>
    <mergeCell ref="B120:C120"/>
    <mergeCell ref="D120:T120"/>
    <mergeCell ref="V120:W120"/>
    <mergeCell ref="AA120:AB120"/>
    <mergeCell ref="AC120:AE120"/>
    <mergeCell ref="B121:C121"/>
    <mergeCell ref="D121:T121"/>
    <mergeCell ref="V121:W121"/>
    <mergeCell ref="AA121:AB121"/>
    <mergeCell ref="AC121:AE121"/>
    <mergeCell ref="B122:C122"/>
    <mergeCell ref="D122:T122"/>
    <mergeCell ref="V122:W122"/>
    <mergeCell ref="AA122:AB122"/>
    <mergeCell ref="AC122:AE122"/>
    <mergeCell ref="B123:C123"/>
    <mergeCell ref="D123:T123"/>
    <mergeCell ref="V123:W123"/>
    <mergeCell ref="AA123:AB123"/>
    <mergeCell ref="AC123:AE123"/>
    <mergeCell ref="B124:C124"/>
    <mergeCell ref="D124:T124"/>
    <mergeCell ref="V124:W124"/>
    <mergeCell ref="AA124:AB124"/>
    <mergeCell ref="AC124:AE124"/>
    <mergeCell ref="B125:C125"/>
    <mergeCell ref="D125:T125"/>
    <mergeCell ref="V125:W125"/>
    <mergeCell ref="AA125:AB125"/>
    <mergeCell ref="AC125:AE125"/>
    <mergeCell ref="B126:C126"/>
    <mergeCell ref="D126:T126"/>
    <mergeCell ref="V126:W126"/>
    <mergeCell ref="AA126:AB126"/>
    <mergeCell ref="AC126:AE126"/>
    <mergeCell ref="B127:C127"/>
    <mergeCell ref="D127:T127"/>
    <mergeCell ref="V127:W127"/>
    <mergeCell ref="AA127:AB127"/>
    <mergeCell ref="AC127:AE127"/>
    <mergeCell ref="B128:C128"/>
    <mergeCell ref="D128:T128"/>
    <mergeCell ref="V128:W128"/>
    <mergeCell ref="AA128:AB128"/>
    <mergeCell ref="AC128:AE128"/>
    <mergeCell ref="B129:C129"/>
    <mergeCell ref="D129:T129"/>
    <mergeCell ref="V129:W129"/>
    <mergeCell ref="AA129:AB129"/>
    <mergeCell ref="AC129:AE129"/>
    <mergeCell ref="B130:C130"/>
    <mergeCell ref="D130:T130"/>
    <mergeCell ref="V130:W130"/>
    <mergeCell ref="AA130:AB130"/>
    <mergeCell ref="AC130:AE130"/>
    <mergeCell ref="B131:C131"/>
    <mergeCell ref="D131:T131"/>
    <mergeCell ref="V131:W131"/>
    <mergeCell ref="AA131:AB131"/>
    <mergeCell ref="AC131:AE131"/>
    <mergeCell ref="B132:C132"/>
    <mergeCell ref="D132:T132"/>
    <mergeCell ref="V132:W132"/>
    <mergeCell ref="AA132:AB132"/>
    <mergeCell ref="AC132:AE132"/>
    <mergeCell ref="B133:C133"/>
    <mergeCell ref="D133:T133"/>
    <mergeCell ref="V133:W133"/>
    <mergeCell ref="AA133:AB133"/>
    <mergeCell ref="AC133:AE133"/>
    <mergeCell ref="B134:C134"/>
    <mergeCell ref="D134:T134"/>
    <mergeCell ref="V134:W134"/>
    <mergeCell ref="AA134:AB134"/>
    <mergeCell ref="AC134:AE134"/>
    <mergeCell ref="B135:C135"/>
    <mergeCell ref="D135:T135"/>
    <mergeCell ref="V135:W135"/>
    <mergeCell ref="AA135:AB135"/>
    <mergeCell ref="AC135:AE135"/>
    <mergeCell ref="B136:C136"/>
    <mergeCell ref="D136:T136"/>
    <mergeCell ref="V136:W136"/>
    <mergeCell ref="AA136:AB136"/>
    <mergeCell ref="AC136:AE136"/>
    <mergeCell ref="B137:C137"/>
    <mergeCell ref="D137:T137"/>
    <mergeCell ref="V137:W137"/>
    <mergeCell ref="AA137:AB137"/>
    <mergeCell ref="AC137:AE137"/>
    <mergeCell ref="B138:C138"/>
    <mergeCell ref="D138:T138"/>
    <mergeCell ref="V138:W138"/>
    <mergeCell ref="AA138:AB138"/>
    <mergeCell ref="AC138:AE138"/>
    <mergeCell ref="B139:C139"/>
    <mergeCell ref="D139:T139"/>
    <mergeCell ref="V139:W139"/>
    <mergeCell ref="AA139:AB139"/>
    <mergeCell ref="AC139:AE139"/>
    <mergeCell ref="B140:C140"/>
    <mergeCell ref="D140:T140"/>
    <mergeCell ref="V140:W140"/>
    <mergeCell ref="AA140:AB140"/>
    <mergeCell ref="AC140:AE140"/>
    <mergeCell ref="B141:C141"/>
    <mergeCell ref="D141:T141"/>
    <mergeCell ref="V141:W141"/>
    <mergeCell ref="AA141:AB141"/>
    <mergeCell ref="AC141:AE141"/>
    <mergeCell ref="B142:C142"/>
    <mergeCell ref="D142:T142"/>
    <mergeCell ref="V142:W142"/>
    <mergeCell ref="AA142:AB142"/>
    <mergeCell ref="AC142:AE142"/>
    <mergeCell ref="B143:C143"/>
    <mergeCell ref="D143:T143"/>
    <mergeCell ref="V143:W143"/>
    <mergeCell ref="AA143:AB143"/>
    <mergeCell ref="AC143:AE143"/>
    <mergeCell ref="B144:C144"/>
    <mergeCell ref="D144:T144"/>
    <mergeCell ref="V144:W144"/>
    <mergeCell ref="AA144:AB144"/>
    <mergeCell ref="AC144:AE144"/>
    <mergeCell ref="B145:C145"/>
    <mergeCell ref="D145:T145"/>
    <mergeCell ref="V145:W145"/>
    <mergeCell ref="AA145:AB145"/>
    <mergeCell ref="AC145:AE145"/>
    <mergeCell ref="B146:C146"/>
    <mergeCell ref="D146:T146"/>
    <mergeCell ref="V146:W146"/>
    <mergeCell ref="AA146:AB146"/>
    <mergeCell ref="AC146:AE146"/>
    <mergeCell ref="B147:C147"/>
    <mergeCell ref="D147:T147"/>
    <mergeCell ref="V147:W147"/>
    <mergeCell ref="AA147:AB147"/>
    <mergeCell ref="AC147:AE147"/>
    <mergeCell ref="B148:C148"/>
    <mergeCell ref="D148:T148"/>
    <mergeCell ref="V148:W148"/>
    <mergeCell ref="AA148:AB148"/>
    <mergeCell ref="AC148:AE148"/>
    <mergeCell ref="B149:C149"/>
    <mergeCell ref="D149:T149"/>
    <mergeCell ref="V149:W149"/>
    <mergeCell ref="AA149:AB149"/>
    <mergeCell ref="AC149:AE149"/>
    <mergeCell ref="B150:C150"/>
    <mergeCell ref="D150:T150"/>
    <mergeCell ref="V150:W150"/>
    <mergeCell ref="AA150:AB150"/>
    <mergeCell ref="AC150:AE150"/>
    <mergeCell ref="B151:C151"/>
    <mergeCell ref="D151:T151"/>
    <mergeCell ref="V151:W151"/>
    <mergeCell ref="AA151:AB151"/>
    <mergeCell ref="AC151:AE151"/>
    <mergeCell ref="B152:C152"/>
    <mergeCell ref="D152:T152"/>
    <mergeCell ref="V152:W152"/>
    <mergeCell ref="AA152:AB152"/>
    <mergeCell ref="AC152:AE152"/>
    <mergeCell ref="B153:C153"/>
    <mergeCell ref="D153:T153"/>
    <mergeCell ref="V153:W153"/>
    <mergeCell ref="AA153:AB153"/>
    <mergeCell ref="AC153:AE153"/>
    <mergeCell ref="B154:C154"/>
    <mergeCell ref="D154:T154"/>
    <mergeCell ref="V154:W154"/>
    <mergeCell ref="AA154:AB154"/>
    <mergeCell ref="AC154:AE154"/>
    <mergeCell ref="B155:C155"/>
    <mergeCell ref="D155:T155"/>
    <mergeCell ref="V155:W155"/>
    <mergeCell ref="AA155:AB155"/>
    <mergeCell ref="AC155:AE155"/>
    <mergeCell ref="B156:C156"/>
    <mergeCell ref="D156:T156"/>
    <mergeCell ref="V156:W156"/>
    <mergeCell ref="AA156:AB156"/>
    <mergeCell ref="AC156:AE156"/>
    <mergeCell ref="B157:C157"/>
    <mergeCell ref="D157:T157"/>
    <mergeCell ref="V157:W157"/>
    <mergeCell ref="AA157:AB157"/>
    <mergeCell ref="AC157:AE157"/>
    <mergeCell ref="B158:C158"/>
    <mergeCell ref="D158:T158"/>
    <mergeCell ref="V158:W158"/>
    <mergeCell ref="AA158:AB158"/>
    <mergeCell ref="AC158:AE158"/>
    <mergeCell ref="B159:C159"/>
    <mergeCell ref="D159:T159"/>
    <mergeCell ref="V159:W159"/>
    <mergeCell ref="AA159:AB159"/>
    <mergeCell ref="AC159:AE159"/>
    <mergeCell ref="B160:C160"/>
    <mergeCell ref="D160:T160"/>
    <mergeCell ref="V160:W160"/>
    <mergeCell ref="AA160:AB160"/>
    <mergeCell ref="AC160:AE160"/>
    <mergeCell ref="B161:C161"/>
    <mergeCell ref="D161:T161"/>
    <mergeCell ref="V161:W161"/>
    <mergeCell ref="AA161:AB161"/>
    <mergeCell ref="AC161:AE161"/>
    <mergeCell ref="B162:C162"/>
    <mergeCell ref="D162:T162"/>
    <mergeCell ref="V162:W162"/>
    <mergeCell ref="AA162:AB162"/>
    <mergeCell ref="AC162:AE162"/>
    <mergeCell ref="B163:C163"/>
    <mergeCell ref="D163:T163"/>
    <mergeCell ref="V163:W163"/>
    <mergeCell ref="AA163:AB163"/>
    <mergeCell ref="AC163:AE163"/>
    <mergeCell ref="B164:C164"/>
    <mergeCell ref="D164:T164"/>
    <mergeCell ref="V164:W164"/>
    <mergeCell ref="AA164:AB164"/>
    <mergeCell ref="AC164:AE164"/>
    <mergeCell ref="B165:C165"/>
    <mergeCell ref="D165:T165"/>
    <mergeCell ref="V165:W165"/>
    <mergeCell ref="AA165:AB165"/>
    <mergeCell ref="AC165:AE165"/>
    <mergeCell ref="B166:C166"/>
    <mergeCell ref="D166:T166"/>
    <mergeCell ref="V166:W166"/>
    <mergeCell ref="AA166:AB166"/>
    <mergeCell ref="AC166:AE166"/>
    <mergeCell ref="B167:C167"/>
    <mergeCell ref="D167:T167"/>
    <mergeCell ref="V167:W167"/>
    <mergeCell ref="AA167:AB167"/>
    <mergeCell ref="AC167:AE167"/>
    <mergeCell ref="B168:C168"/>
    <mergeCell ref="D168:T168"/>
    <mergeCell ref="V168:W168"/>
    <mergeCell ref="AA168:AB168"/>
    <mergeCell ref="AC168:AE168"/>
    <mergeCell ref="B169:C169"/>
    <mergeCell ref="D169:T169"/>
    <mergeCell ref="V169:W169"/>
    <mergeCell ref="AA169:AB169"/>
    <mergeCell ref="AC169:AE169"/>
    <mergeCell ref="B172:C172"/>
    <mergeCell ref="D172:T172"/>
    <mergeCell ref="V172:W172"/>
    <mergeCell ref="AA172:AB172"/>
    <mergeCell ref="AC172:AE172"/>
    <mergeCell ref="B170:C170"/>
    <mergeCell ref="D170:T170"/>
    <mergeCell ref="V170:W170"/>
    <mergeCell ref="AA170:AB170"/>
    <mergeCell ref="AC170:AE170"/>
    <mergeCell ref="B171:C171"/>
    <mergeCell ref="D171:T171"/>
    <mergeCell ref="V171:W171"/>
    <mergeCell ref="AA171:AB171"/>
    <mergeCell ref="AC171:AE171"/>
  </mergeCells>
  <phoneticPr fontId="24"/>
  <conditionalFormatting sqref="AA156:AB156">
    <cfRule type="expression" dxfId="21" priority="3">
      <formula>$AI156="□"</formula>
    </cfRule>
  </conditionalFormatting>
  <conditionalFormatting sqref="AA157:AB157">
    <cfRule type="expression" dxfId="20" priority="2">
      <formula>$AI157="□"</formula>
    </cfRule>
  </conditionalFormatting>
  <conditionalFormatting sqref="AF158">
    <cfRule type="expression" dxfId="19" priority="1">
      <formula>$AN158="□"</formula>
    </cfRule>
  </conditionalFormatting>
  <dataValidations count="4">
    <dataValidation type="list" allowBlank="1" showInputMessage="1" showErrorMessage="1" sqref="I6:J6 S6:T6" xr:uid="{6A48420C-61FC-4B9D-BAC5-54933660A303}">
      <formula1>"08,09,10,11,12,13,14,15,16,17,18,19,20,21,22,23,24,25,26,27,28,29,30"</formula1>
    </dataValidation>
    <dataValidation type="list" allowBlank="1" showInputMessage="1" showErrorMessage="1" sqref="G4:N4" xr:uid="{5D83E4EC-8A07-4180-B945-E30323D36CDB}">
      <formula1>$A$185:$A$187</formula1>
    </dataValidation>
    <dataValidation type="list" allowBlank="1" showInputMessage="1" showErrorMessage="1" sqref="AC11:AE172" xr:uid="{A710C233-3DBC-4381-B744-EB0FF0F6B141}">
      <formula1>$C$185:$C$190</formula1>
    </dataValidation>
    <dataValidation type="list" allowBlank="1" showInputMessage="1" showErrorMessage="1" sqref="AA11:AB155 AA156:AA157 AA158:AB172" xr:uid="{C35F7C71-31E9-4443-8D6A-A4507CCF9B15}">
      <formula1>"○,×"</formula1>
    </dataValidation>
  </dataValidations>
  <pageMargins left="0.19685039370078741" right="0.19685039370078741" top="0.39370078740157483" bottom="0.39370078740157483" header="0.19685039370078741" footer="0.19685039370078741"/>
  <pageSetup paperSize="9" scale="83" fitToHeight="0" orientation="landscape" r:id="rId1"/>
  <headerFooter alignWithMargins="0">
    <oddFooter>&amp;C&amp;P</oddFooter>
  </headerFooter>
  <rowBreaks count="6" manualBreakCount="6">
    <brk id="43" max="32" man="1"/>
    <brk id="64" max="32" man="1"/>
    <brk id="83" max="32" man="1"/>
    <brk id="104" max="32" man="1"/>
    <brk id="125" max="32" man="1"/>
    <brk id="146" max="32"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F2E6AE-2D81-465B-96EA-658FDF6DBBA5}">
  <sheetPr codeName="Sheet9">
    <pageSetUpPr fitToPage="1"/>
  </sheetPr>
  <dimension ref="A1:AG159"/>
  <sheetViews>
    <sheetView showGridLines="0" view="pageBreakPreview" zoomScaleNormal="100" zoomScaleSheetLayoutView="100" workbookViewId="0"/>
  </sheetViews>
  <sheetFormatPr defaultColWidth="9" defaultRowHeight="13"/>
  <cols>
    <col min="1" max="1" width="2.6328125" style="16" customWidth="1"/>
    <col min="2" max="2" width="2.90625" style="16" customWidth="1"/>
    <col min="3" max="3" width="2.6328125" style="16" customWidth="1"/>
    <col min="4" max="4" width="3.453125" style="49" customWidth="1"/>
    <col min="5" max="17" width="2.6328125" style="49" customWidth="1"/>
    <col min="18" max="18" width="7" style="55" hidden="1" customWidth="1"/>
    <col min="19" max="19" width="2.90625" style="16" customWidth="1"/>
    <col min="20" max="23" width="2.6328125" style="16" customWidth="1"/>
    <col min="24" max="24" width="5" style="16" bestFit="1" customWidth="1"/>
    <col min="25" max="25" width="4.453125" style="16" customWidth="1"/>
    <col min="26" max="28" width="2.6328125" style="16" customWidth="1"/>
    <col min="29" max="29" width="4.08984375" style="16" customWidth="1"/>
    <col min="30" max="30" width="2.6328125" style="16" customWidth="1"/>
    <col min="31" max="31" width="87" style="55" bestFit="1" customWidth="1"/>
    <col min="32" max="32" width="5.36328125" style="16" customWidth="1"/>
    <col min="33" max="16384" width="9" style="16"/>
  </cols>
  <sheetData>
    <row r="1" spans="1:33" customFormat="1" ht="27.75" customHeight="1">
      <c r="A1" s="79"/>
      <c r="B1" s="80" t="s">
        <v>337</v>
      </c>
      <c r="C1" s="80"/>
      <c r="D1" s="107"/>
      <c r="E1" s="80"/>
      <c r="F1" s="80"/>
      <c r="G1" s="80"/>
      <c r="H1" s="80"/>
      <c r="I1" s="80"/>
      <c r="J1" s="80"/>
      <c r="K1" s="80"/>
      <c r="L1" s="80"/>
      <c r="M1" s="80"/>
      <c r="N1" s="80"/>
      <c r="O1" s="80"/>
      <c r="P1" s="80"/>
      <c r="Q1" s="80"/>
      <c r="R1" s="217"/>
      <c r="S1" s="80"/>
      <c r="T1" s="81"/>
      <c r="U1" s="81"/>
      <c r="V1" s="81"/>
      <c r="W1" s="81"/>
      <c r="X1" s="80"/>
      <c r="Y1" s="80"/>
      <c r="Z1" s="323"/>
      <c r="AA1" s="323"/>
      <c r="AB1" s="323"/>
      <c r="AC1" s="323"/>
      <c r="AD1" s="323"/>
      <c r="AE1" s="355"/>
      <c r="AF1" s="356"/>
      <c r="AG1" s="71"/>
    </row>
    <row r="2" spans="1:33" s="1" customFormat="1" ht="24.75" customHeight="1">
      <c r="A2" s="83"/>
      <c r="B2" s="84"/>
      <c r="C2" s="85" t="s">
        <v>2273</v>
      </c>
      <c r="D2" s="108"/>
      <c r="E2" s="86"/>
      <c r="F2" s="86"/>
      <c r="G2" s="86"/>
      <c r="H2" s="86"/>
      <c r="I2" s="86"/>
      <c r="J2" s="86"/>
      <c r="K2" s="86"/>
      <c r="L2" s="86"/>
      <c r="M2" s="86"/>
      <c r="N2" s="86"/>
      <c r="O2" s="86"/>
      <c r="P2" s="86"/>
      <c r="Q2" s="86"/>
      <c r="R2" s="86"/>
      <c r="S2" s="86"/>
      <c r="T2" s="86"/>
      <c r="U2" s="86"/>
      <c r="V2" s="86"/>
      <c r="W2" s="86"/>
      <c r="X2" s="86"/>
      <c r="Y2" s="86"/>
      <c r="Z2" s="324"/>
      <c r="AA2" s="324"/>
      <c r="AB2" s="324"/>
      <c r="AC2" s="324"/>
      <c r="AD2" s="324"/>
      <c r="AE2" s="357"/>
      <c r="AF2" s="358"/>
      <c r="AG2" s="26"/>
    </row>
    <row r="3" spans="1:33" ht="6" customHeight="1">
      <c r="A3" s="42"/>
      <c r="B3" s="43"/>
      <c r="C3" s="111"/>
      <c r="D3" s="112"/>
      <c r="E3" s="44"/>
      <c r="F3" s="44"/>
      <c r="G3" s="44"/>
      <c r="H3" s="44"/>
      <c r="I3" s="44"/>
      <c r="J3" s="44"/>
      <c r="K3" s="44"/>
      <c r="L3" s="44"/>
      <c r="M3" s="44"/>
      <c r="N3" s="44"/>
      <c r="O3" s="44"/>
      <c r="P3" s="44"/>
      <c r="Q3" s="44"/>
      <c r="R3" s="243"/>
      <c r="S3" s="45"/>
      <c r="T3" s="45"/>
      <c r="U3" s="45"/>
      <c r="V3" s="45"/>
      <c r="W3" s="45"/>
      <c r="X3" s="45"/>
      <c r="Y3" s="45"/>
      <c r="Z3" s="45"/>
      <c r="AA3" s="45"/>
      <c r="AB3" s="45"/>
      <c r="AC3" s="45"/>
      <c r="AD3" s="43"/>
      <c r="AE3" s="273"/>
      <c r="AF3" s="29"/>
    </row>
    <row r="4" spans="1:33">
      <c r="A4" s="42"/>
      <c r="B4" s="7" t="s">
        <v>339</v>
      </c>
      <c r="C4" s="8"/>
      <c r="D4" s="9"/>
      <c r="E4" s="9"/>
      <c r="F4" s="612" t="s">
        <v>340</v>
      </c>
      <c r="G4" s="613"/>
      <c r="H4" s="613"/>
      <c r="I4" s="613"/>
      <c r="J4" s="613"/>
      <c r="K4" s="613"/>
      <c r="L4" s="613"/>
      <c r="M4" s="614"/>
      <c r="N4" s="110"/>
      <c r="O4" s="9"/>
      <c r="P4" s="9"/>
      <c r="Q4" s="9"/>
      <c r="R4" s="9"/>
      <c r="S4" s="9"/>
      <c r="T4" s="9"/>
      <c r="U4" s="9"/>
      <c r="V4" s="9"/>
      <c r="W4" s="9"/>
      <c r="X4" s="9"/>
      <c r="Y4" s="9"/>
      <c r="Z4" s="250"/>
      <c r="AA4" s="250"/>
      <c r="AB4" s="250"/>
      <c r="AC4" s="250"/>
      <c r="AD4" s="250"/>
      <c r="AE4" s="243"/>
      <c r="AF4" s="29"/>
    </row>
    <row r="5" spans="1:33" s="26" customFormat="1" ht="13.5" customHeight="1">
      <c r="A5" s="46"/>
      <c r="B5" s="8"/>
      <c r="C5" s="8"/>
      <c r="D5" s="9"/>
      <c r="E5" s="9"/>
      <c r="F5" s="9"/>
      <c r="G5" s="9"/>
      <c r="H5" s="9"/>
      <c r="I5" s="9"/>
      <c r="J5" s="9"/>
      <c r="K5" s="9"/>
      <c r="L5" s="9"/>
      <c r="M5" s="9"/>
      <c r="N5" s="9"/>
      <c r="O5" s="9"/>
      <c r="P5" s="9"/>
      <c r="Q5" s="9"/>
      <c r="R5" s="9"/>
      <c r="S5" s="9"/>
      <c r="T5" s="9"/>
      <c r="U5" s="9"/>
      <c r="V5" s="9"/>
      <c r="W5" s="9"/>
      <c r="X5" s="9"/>
      <c r="Y5" s="9"/>
      <c r="Z5" s="250"/>
      <c r="AA5" s="250"/>
      <c r="AB5" s="250"/>
      <c r="AC5" s="250"/>
      <c r="AD5" s="250"/>
      <c r="AE5" s="243"/>
      <c r="AF5" s="48"/>
    </row>
    <row r="6" spans="1:33" s="26" customFormat="1" ht="13.5" customHeight="1">
      <c r="A6" s="46"/>
      <c r="B6" s="91" t="s">
        <v>341</v>
      </c>
      <c r="C6" s="91"/>
      <c r="D6" s="91"/>
      <c r="E6" s="91"/>
      <c r="F6" s="742" t="s">
        <v>2274</v>
      </c>
      <c r="G6" s="742"/>
      <c r="H6" s="743"/>
      <c r="I6" s="612"/>
      <c r="J6" s="613"/>
      <c r="K6" s="613"/>
      <c r="L6" s="613"/>
      <c r="M6" s="613"/>
      <c r="N6" s="613"/>
      <c r="O6" s="614"/>
      <c r="P6" s="744" t="s">
        <v>2275</v>
      </c>
      <c r="Q6" s="745"/>
      <c r="R6" s="745"/>
      <c r="S6" s="745"/>
      <c r="U6" s="113"/>
      <c r="V6" s="256" t="s">
        <v>2276</v>
      </c>
      <c r="W6" s="113"/>
      <c r="X6" s="113"/>
      <c r="Y6" s="113"/>
      <c r="Z6" s="243"/>
      <c r="AA6" s="243"/>
      <c r="AD6" s="47"/>
      <c r="AF6" s="29"/>
    </row>
    <row r="7" spans="1:33">
      <c r="A7" s="25"/>
      <c r="B7" s="7"/>
      <c r="C7" s="7"/>
      <c r="D7" s="7"/>
      <c r="E7" s="7"/>
      <c r="F7" s="78"/>
      <c r="G7" s="78"/>
      <c r="H7" s="78"/>
      <c r="I7" s="110"/>
      <c r="J7" s="110"/>
      <c r="K7" s="7"/>
      <c r="L7" s="110"/>
      <c r="M7" s="110"/>
      <c r="N7" s="110"/>
      <c r="O7" s="7"/>
      <c r="P7" s="1"/>
      <c r="Q7" s="110"/>
      <c r="R7" s="110"/>
      <c r="S7" s="110"/>
      <c r="T7" s="78"/>
      <c r="U7" s="78"/>
      <c r="V7" s="78"/>
      <c r="W7" s="78"/>
      <c r="X7" s="78"/>
      <c r="Y7" s="110"/>
      <c r="Z7" s="97"/>
      <c r="AA7" s="47"/>
      <c r="AB7" s="97"/>
      <c r="AC7" s="97"/>
      <c r="AD7" s="97"/>
      <c r="AE7" s="367"/>
      <c r="AF7" s="29"/>
    </row>
    <row r="8" spans="1:33">
      <c r="A8" s="25"/>
      <c r="B8" s="7" t="s">
        <v>346</v>
      </c>
      <c r="C8" s="1"/>
      <c r="D8" s="1"/>
      <c r="E8" s="1"/>
      <c r="F8" s="606"/>
      <c r="G8" s="607"/>
      <c r="H8" s="607"/>
      <c r="I8" s="607"/>
      <c r="J8" s="607"/>
      <c r="K8" s="607"/>
      <c r="L8" s="608"/>
      <c r="M8" s="110"/>
      <c r="N8" s="110"/>
      <c r="O8" s="7"/>
      <c r="P8" s="1"/>
      <c r="Q8" s="110"/>
      <c r="R8" s="110"/>
      <c r="S8" s="110"/>
      <c r="T8" s="78"/>
      <c r="U8" s="78"/>
      <c r="V8" s="78"/>
      <c r="W8" s="78"/>
      <c r="X8" s="78"/>
      <c r="Y8" s="110"/>
      <c r="Z8" s="97"/>
      <c r="AA8" s="47"/>
      <c r="AB8" s="97"/>
      <c r="AC8" s="97"/>
      <c r="AD8" s="97"/>
      <c r="AE8" s="367"/>
      <c r="AF8" s="29"/>
    </row>
    <row r="9" spans="1:33" ht="13.5" customHeight="1">
      <c r="A9" s="25"/>
      <c r="B9" s="7"/>
      <c r="C9" s="7"/>
      <c r="D9" s="7"/>
      <c r="E9" s="7"/>
      <c r="F9" s="78"/>
      <c r="G9" s="375"/>
      <c r="H9" s="375"/>
      <c r="I9" s="110"/>
      <c r="J9" s="110"/>
      <c r="K9" s="7"/>
      <c r="L9" s="110"/>
      <c r="M9" s="375"/>
      <c r="N9" s="375"/>
      <c r="O9" s="7"/>
      <c r="P9" s="1"/>
      <c r="Q9" s="110"/>
      <c r="R9" s="110"/>
      <c r="S9" s="110"/>
      <c r="T9" s="375"/>
      <c r="U9" s="375"/>
      <c r="V9" s="375"/>
      <c r="W9" s="375"/>
      <c r="X9" s="78"/>
      <c r="Y9" s="375"/>
      <c r="Z9" s="97"/>
      <c r="AA9" s="47"/>
      <c r="AB9" s="97"/>
      <c r="AC9" s="26"/>
      <c r="AD9" s="97"/>
      <c r="AE9" s="55" t="s">
        <v>348</v>
      </c>
      <c r="AF9" s="29"/>
    </row>
    <row r="10" spans="1:33">
      <c r="A10" s="25"/>
      <c r="B10" s="7" t="s">
        <v>41</v>
      </c>
      <c r="C10" s="94"/>
      <c r="D10" s="94"/>
      <c r="E10" s="94"/>
      <c r="F10" s="609"/>
      <c r="G10" s="610"/>
      <c r="H10" s="610"/>
      <c r="I10" s="610"/>
      <c r="J10" s="610"/>
      <c r="K10" s="610"/>
      <c r="L10" s="611"/>
      <c r="M10" s="1"/>
      <c r="N10" s="7" t="s">
        <v>947</v>
      </c>
      <c r="O10" s="1"/>
      <c r="P10" s="1"/>
      <c r="Q10" s="609"/>
      <c r="R10" s="610"/>
      <c r="S10" s="610"/>
      <c r="T10" s="610"/>
      <c r="U10" s="610"/>
      <c r="V10" s="610"/>
      <c r="W10" s="610"/>
      <c r="X10" s="610"/>
      <c r="Y10" s="611"/>
      <c r="Z10" s="26"/>
      <c r="AA10" s="47"/>
      <c r="AB10" s="97"/>
      <c r="AC10" s="26"/>
      <c r="AD10" s="97"/>
      <c r="AE10" s="55" t="s">
        <v>350</v>
      </c>
      <c r="AF10" s="29"/>
    </row>
    <row r="11" spans="1:33">
      <c r="A11" s="25"/>
      <c r="B11" s="7"/>
      <c r="C11" s="94"/>
      <c r="D11" s="94"/>
      <c r="E11" s="94"/>
      <c r="F11" s="97"/>
      <c r="G11" s="97"/>
      <c r="H11" s="97"/>
      <c r="I11" s="97"/>
      <c r="J11" s="97"/>
      <c r="K11" s="97"/>
      <c r="L11" s="97"/>
      <c r="M11" s="1"/>
      <c r="N11" s="7"/>
      <c r="O11" s="1"/>
      <c r="P11" s="1"/>
      <c r="Q11" s="97"/>
      <c r="R11" s="97"/>
      <c r="S11" s="97"/>
      <c r="T11" s="97"/>
      <c r="U11" s="97"/>
      <c r="V11" s="97"/>
      <c r="W11" s="97"/>
      <c r="X11" s="97"/>
      <c r="Y11" s="97"/>
      <c r="Z11" s="26"/>
      <c r="AA11" s="47"/>
      <c r="AB11" s="97"/>
      <c r="AC11" s="26"/>
      <c r="AD11" s="97"/>
      <c r="AE11" s="55" t="s">
        <v>351</v>
      </c>
      <c r="AF11" s="29"/>
    </row>
    <row r="12" spans="1:33" ht="13.5" customHeight="1">
      <c r="A12" s="25"/>
      <c r="B12" s="7" t="s">
        <v>349</v>
      </c>
      <c r="C12" s="1"/>
      <c r="D12" s="1"/>
      <c r="E12" s="1"/>
      <c r="F12" s="606"/>
      <c r="G12" s="607"/>
      <c r="H12" s="607"/>
      <c r="I12" s="607"/>
      <c r="J12" s="607"/>
      <c r="K12" s="607"/>
      <c r="L12" s="607"/>
      <c r="M12" s="607"/>
      <c r="N12" s="607"/>
      <c r="O12" s="607"/>
      <c r="P12" s="607"/>
      <c r="Q12" s="607"/>
      <c r="R12" s="607"/>
      <c r="S12" s="608"/>
      <c r="T12" s="1"/>
      <c r="U12" s="1"/>
      <c r="V12" s="1"/>
      <c r="W12" s="1"/>
      <c r="X12" s="1"/>
      <c r="Y12" s="97"/>
      <c r="Z12" s="26"/>
      <c r="AA12" s="47"/>
      <c r="AB12" s="97"/>
      <c r="AC12" s="26"/>
      <c r="AD12" s="97"/>
      <c r="AE12" s="55" t="s">
        <v>352</v>
      </c>
      <c r="AF12" s="29"/>
    </row>
    <row r="13" spans="1:33" s="26" customFormat="1">
      <c r="A13" s="20"/>
      <c r="B13" s="7"/>
      <c r="C13" s="1"/>
      <c r="D13" s="1"/>
      <c r="E13" s="1"/>
      <c r="F13" s="1"/>
      <c r="G13" s="1"/>
      <c r="H13" s="1"/>
      <c r="I13" s="1"/>
      <c r="J13" s="1"/>
      <c r="K13" s="1"/>
      <c r="L13" s="1"/>
      <c r="M13" s="1"/>
      <c r="N13" s="1"/>
      <c r="O13" s="1"/>
      <c r="P13" s="1"/>
      <c r="Q13" s="1"/>
      <c r="R13" s="1"/>
      <c r="S13" s="1"/>
      <c r="T13" s="1"/>
      <c r="U13" s="1"/>
      <c r="V13" s="1"/>
      <c r="W13" s="1"/>
      <c r="X13" s="1"/>
      <c r="Y13" s="97"/>
      <c r="AA13" s="47"/>
      <c r="AB13" s="97"/>
      <c r="AC13" s="97"/>
      <c r="AD13" s="97"/>
      <c r="AF13" s="48"/>
    </row>
    <row r="14" spans="1:33">
      <c r="A14" s="25"/>
      <c r="B14" s="1"/>
      <c r="C14" s="1"/>
      <c r="D14" s="1"/>
      <c r="E14" s="1"/>
      <c r="F14" s="606"/>
      <c r="G14" s="607"/>
      <c r="H14" s="607"/>
      <c r="I14" s="607"/>
      <c r="J14" s="607"/>
      <c r="K14" s="607"/>
      <c r="L14" s="607"/>
      <c r="M14" s="607"/>
      <c r="N14" s="607"/>
      <c r="O14" s="607"/>
      <c r="P14" s="607"/>
      <c r="Q14" s="607"/>
      <c r="R14" s="607"/>
      <c r="S14" s="608"/>
      <c r="T14" s="1"/>
      <c r="U14" s="1"/>
      <c r="V14" s="1"/>
      <c r="W14" s="1"/>
      <c r="X14" s="1"/>
      <c r="Y14" s="97"/>
      <c r="Z14" s="26"/>
      <c r="AA14" s="47"/>
      <c r="AB14" s="97"/>
      <c r="AC14" s="97"/>
      <c r="AD14" s="97"/>
      <c r="AE14" s="367"/>
      <c r="AF14" s="29"/>
    </row>
    <row r="15" spans="1:33" ht="13.5" customHeight="1">
      <c r="A15" s="25"/>
      <c r="B15" s="7"/>
      <c r="C15" s="94"/>
      <c r="D15" s="94"/>
      <c r="E15" s="94"/>
      <c r="F15" s="97"/>
      <c r="G15" s="97"/>
      <c r="H15" s="97"/>
      <c r="I15" s="97"/>
      <c r="J15" s="97"/>
      <c r="K15" s="97"/>
      <c r="L15" s="97"/>
      <c r="M15" s="1"/>
      <c r="N15" s="7"/>
      <c r="O15" s="1"/>
      <c r="P15" s="1"/>
      <c r="Q15" s="97"/>
      <c r="R15" s="97"/>
      <c r="S15" s="97"/>
      <c r="T15" s="97"/>
      <c r="U15" s="97"/>
      <c r="V15" s="97"/>
      <c r="W15" s="97"/>
      <c r="X15" s="97"/>
      <c r="Y15" s="97"/>
      <c r="Z15" s="26"/>
      <c r="AA15" s="47"/>
      <c r="AB15" s="97"/>
      <c r="AC15" s="97"/>
      <c r="AD15" s="97"/>
      <c r="AE15" s="26" t="s">
        <v>375</v>
      </c>
      <c r="AF15" s="29"/>
    </row>
    <row r="16" spans="1:33" ht="13.5" customHeight="1">
      <c r="A16" s="25"/>
      <c r="B16" s="7"/>
      <c r="C16" s="94"/>
      <c r="D16" s="94"/>
      <c r="E16" s="94"/>
      <c r="F16" s="606"/>
      <c r="G16" s="607"/>
      <c r="H16" s="607"/>
      <c r="I16" s="607"/>
      <c r="J16" s="607"/>
      <c r="K16" s="607"/>
      <c r="L16" s="607"/>
      <c r="M16" s="607"/>
      <c r="N16" s="607"/>
      <c r="O16" s="607"/>
      <c r="P16" s="607"/>
      <c r="Q16" s="607"/>
      <c r="R16" s="607"/>
      <c r="S16" s="608"/>
      <c r="T16" s="97"/>
      <c r="U16" s="97"/>
      <c r="V16" s="97"/>
      <c r="W16" s="97"/>
      <c r="X16" s="97"/>
      <c r="Y16" s="97"/>
      <c r="Z16" s="26"/>
      <c r="AA16" s="47"/>
      <c r="AB16" s="97"/>
      <c r="AC16" s="97"/>
      <c r="AD16" s="97"/>
      <c r="AE16" s="367"/>
      <c r="AF16" s="29"/>
    </row>
    <row r="17" spans="1:32">
      <c r="A17" s="51"/>
      <c r="B17" s="43"/>
      <c r="C17" s="43"/>
      <c r="D17" s="44"/>
      <c r="E17" s="44"/>
      <c r="F17" s="44"/>
      <c r="G17" s="44"/>
      <c r="H17" s="44"/>
      <c r="I17" s="44"/>
      <c r="J17" s="44"/>
      <c r="K17" s="44"/>
      <c r="L17" s="44"/>
      <c r="M17" s="44"/>
      <c r="N17" s="44"/>
      <c r="O17" s="44"/>
      <c r="P17" s="44"/>
      <c r="Q17" s="44"/>
      <c r="R17" s="243"/>
      <c r="S17" s="45"/>
      <c r="T17" s="45"/>
      <c r="U17" s="45"/>
      <c r="V17" s="45"/>
      <c r="W17" s="45"/>
      <c r="X17" s="45"/>
      <c r="Y17" s="45"/>
      <c r="Z17" s="45"/>
      <c r="AA17" s="45"/>
      <c r="AB17" s="45"/>
      <c r="AC17" s="45"/>
      <c r="AD17" s="43"/>
      <c r="AE17" s="273"/>
      <c r="AF17" s="29"/>
    </row>
    <row r="18" spans="1:32" ht="13.5" customHeight="1">
      <c r="A18" s="51"/>
      <c r="B18" s="583" t="s">
        <v>73</v>
      </c>
      <c r="C18" s="573"/>
      <c r="D18" s="572" t="s">
        <v>94</v>
      </c>
      <c r="E18" s="572"/>
      <c r="F18" s="572"/>
      <c r="G18" s="572"/>
      <c r="H18" s="572"/>
      <c r="I18" s="572"/>
      <c r="J18" s="572"/>
      <c r="K18" s="572"/>
      <c r="L18" s="572"/>
      <c r="M18" s="572"/>
      <c r="N18" s="572"/>
      <c r="O18" s="572"/>
      <c r="P18" s="572"/>
      <c r="Q18" s="572"/>
      <c r="R18" s="226" t="s">
        <v>383</v>
      </c>
      <c r="S18" s="572" t="s">
        <v>138</v>
      </c>
      <c r="T18" s="572"/>
      <c r="U18" s="736" t="s">
        <v>959</v>
      </c>
      <c r="V18" s="737"/>
      <c r="W18" s="738"/>
      <c r="X18" s="572" t="s">
        <v>97</v>
      </c>
      <c r="Y18" s="572"/>
      <c r="Z18" s="572" t="s">
        <v>98</v>
      </c>
      <c r="AA18" s="572"/>
      <c r="AB18" s="583" t="s">
        <v>75</v>
      </c>
      <c r="AC18" s="583"/>
      <c r="AD18" s="583"/>
      <c r="AE18" s="746" t="s">
        <v>159</v>
      </c>
      <c r="AF18" s="37"/>
    </row>
    <row r="19" spans="1:32" ht="12.75" customHeight="1">
      <c r="A19" s="51"/>
      <c r="B19" s="573"/>
      <c r="C19" s="573"/>
      <c r="D19" s="572"/>
      <c r="E19" s="572"/>
      <c r="F19" s="572"/>
      <c r="G19" s="572"/>
      <c r="H19" s="572"/>
      <c r="I19" s="572"/>
      <c r="J19" s="572"/>
      <c r="K19" s="572"/>
      <c r="L19" s="572"/>
      <c r="M19" s="572"/>
      <c r="N19" s="572"/>
      <c r="O19" s="572"/>
      <c r="P19" s="572"/>
      <c r="Q19" s="572"/>
      <c r="R19" s="227"/>
      <c r="S19" s="572"/>
      <c r="T19" s="572"/>
      <c r="U19" s="739"/>
      <c r="V19" s="740"/>
      <c r="W19" s="741"/>
      <c r="X19" s="572"/>
      <c r="Y19" s="572"/>
      <c r="Z19" s="572"/>
      <c r="AA19" s="572"/>
      <c r="AB19" s="583"/>
      <c r="AC19" s="583"/>
      <c r="AD19" s="583"/>
      <c r="AE19" s="746"/>
      <c r="AF19" s="37"/>
    </row>
    <row r="20" spans="1:32" s="26" customFormat="1" ht="13.4" customHeight="1">
      <c r="A20" s="20"/>
      <c r="B20" s="541">
        <v>1</v>
      </c>
      <c r="C20" s="542"/>
      <c r="D20" s="563" t="s">
        <v>2277</v>
      </c>
      <c r="E20" s="564"/>
      <c r="F20" s="564"/>
      <c r="G20" s="564"/>
      <c r="H20" s="564"/>
      <c r="I20" s="564"/>
      <c r="J20" s="564"/>
      <c r="K20" s="564"/>
      <c r="L20" s="564"/>
      <c r="M20" s="564"/>
      <c r="N20" s="564"/>
      <c r="O20" s="564"/>
      <c r="P20" s="564"/>
      <c r="Q20" s="565"/>
      <c r="R20" s="219" t="s">
        <v>443</v>
      </c>
      <c r="S20" s="546" t="s">
        <v>101</v>
      </c>
      <c r="T20" s="548"/>
      <c r="U20" s="623" t="s">
        <v>102</v>
      </c>
      <c r="V20" s="624"/>
      <c r="W20" s="625"/>
      <c r="X20" s="415">
        <v>51</v>
      </c>
      <c r="Y20" s="415" t="s">
        <v>103</v>
      </c>
      <c r="Z20" s="700"/>
      <c r="AA20" s="700"/>
      <c r="AB20" s="592"/>
      <c r="AC20" s="592"/>
      <c r="AD20" s="592"/>
      <c r="AE20" s="265"/>
      <c r="AF20" s="38"/>
    </row>
    <row r="21" spans="1:32" s="26" customFormat="1" ht="13.4" customHeight="1">
      <c r="A21" s="20"/>
      <c r="B21" s="541">
        <v>2</v>
      </c>
      <c r="C21" s="542"/>
      <c r="D21" s="563" t="s">
        <v>2278</v>
      </c>
      <c r="E21" s="564"/>
      <c r="F21" s="564"/>
      <c r="G21" s="564"/>
      <c r="H21" s="564"/>
      <c r="I21" s="564"/>
      <c r="J21" s="564"/>
      <c r="K21" s="564"/>
      <c r="L21" s="564"/>
      <c r="M21" s="564"/>
      <c r="N21" s="564"/>
      <c r="O21" s="564"/>
      <c r="P21" s="564"/>
      <c r="Q21" s="565"/>
      <c r="R21" s="221" t="s">
        <v>960</v>
      </c>
      <c r="S21" s="546" t="s">
        <v>107</v>
      </c>
      <c r="T21" s="548"/>
      <c r="U21" s="623" t="s">
        <v>102</v>
      </c>
      <c r="V21" s="624"/>
      <c r="W21" s="625"/>
      <c r="X21" s="210">
        <v>16</v>
      </c>
      <c r="Y21" s="210" t="s">
        <v>103</v>
      </c>
      <c r="Z21" s="700"/>
      <c r="AA21" s="700"/>
      <c r="AB21" s="592"/>
      <c r="AC21" s="592"/>
      <c r="AD21" s="592"/>
      <c r="AE21" s="265"/>
      <c r="AF21" s="38"/>
    </row>
    <row r="22" spans="1:32" s="54" customFormat="1" ht="13.4" customHeight="1">
      <c r="A22" s="20"/>
      <c r="B22" s="676">
        <v>3</v>
      </c>
      <c r="C22" s="677"/>
      <c r="D22" s="694" t="s">
        <v>2279</v>
      </c>
      <c r="E22" s="695"/>
      <c r="F22" s="695"/>
      <c r="G22" s="695"/>
      <c r="H22" s="695"/>
      <c r="I22" s="695"/>
      <c r="J22" s="695"/>
      <c r="K22" s="695"/>
      <c r="L22" s="695"/>
      <c r="M22" s="695"/>
      <c r="N22" s="695"/>
      <c r="O22" s="695"/>
      <c r="P22" s="695"/>
      <c r="Q22" s="696"/>
      <c r="R22" s="262" t="s">
        <v>961</v>
      </c>
      <c r="S22" s="681" t="s">
        <v>398</v>
      </c>
      <c r="T22" s="683"/>
      <c r="U22" s="724" t="s">
        <v>102</v>
      </c>
      <c r="V22" s="725"/>
      <c r="W22" s="726"/>
      <c r="X22" s="417">
        <v>40</v>
      </c>
      <c r="Y22" s="417" t="s">
        <v>103</v>
      </c>
      <c r="Z22" s="569" t="s">
        <v>109</v>
      </c>
      <c r="AA22" s="570"/>
      <c r="AB22" s="717"/>
      <c r="AC22" s="717"/>
      <c r="AD22" s="717"/>
      <c r="AE22" s="321" t="s">
        <v>399</v>
      </c>
      <c r="AF22" s="38"/>
    </row>
    <row r="23" spans="1:32" s="54" customFormat="1" ht="13.4" customHeight="1">
      <c r="A23" s="20"/>
      <c r="B23" s="676">
        <v>4</v>
      </c>
      <c r="C23" s="677"/>
      <c r="D23" s="694" t="s">
        <v>2280</v>
      </c>
      <c r="E23" s="695"/>
      <c r="F23" s="695"/>
      <c r="G23" s="695"/>
      <c r="H23" s="695"/>
      <c r="I23" s="695"/>
      <c r="J23" s="695"/>
      <c r="K23" s="695"/>
      <c r="L23" s="695"/>
      <c r="M23" s="695"/>
      <c r="N23" s="695"/>
      <c r="O23" s="695"/>
      <c r="P23" s="695"/>
      <c r="Q23" s="696"/>
      <c r="R23" s="262" t="s">
        <v>447</v>
      </c>
      <c r="S23" s="681" t="s">
        <v>107</v>
      </c>
      <c r="T23" s="683"/>
      <c r="U23" s="724" t="s">
        <v>108</v>
      </c>
      <c r="V23" s="725"/>
      <c r="W23" s="726"/>
      <c r="X23" s="417">
        <v>3</v>
      </c>
      <c r="Y23" s="417">
        <v>0</v>
      </c>
      <c r="Z23" s="730" t="s">
        <v>109</v>
      </c>
      <c r="AA23" s="730"/>
      <c r="AB23" s="717"/>
      <c r="AC23" s="717"/>
      <c r="AD23" s="717"/>
      <c r="AE23" s="321" t="s">
        <v>391</v>
      </c>
      <c r="AF23" s="38"/>
    </row>
    <row r="24" spans="1:32" s="55" customFormat="1" ht="13.5" customHeight="1">
      <c r="A24" s="394"/>
      <c r="B24" s="714">
        <v>5</v>
      </c>
      <c r="C24" s="715"/>
      <c r="D24" s="543" t="s">
        <v>2281</v>
      </c>
      <c r="E24" s="544"/>
      <c r="F24" s="544"/>
      <c r="G24" s="544"/>
      <c r="H24" s="544"/>
      <c r="I24" s="544"/>
      <c r="J24" s="544"/>
      <c r="K24" s="544"/>
      <c r="L24" s="544"/>
      <c r="M24" s="544"/>
      <c r="N24" s="544"/>
      <c r="O24" s="544"/>
      <c r="P24" s="544"/>
      <c r="Q24" s="545"/>
      <c r="R24" s="244" t="s">
        <v>518</v>
      </c>
      <c r="S24" s="646" t="s">
        <v>101</v>
      </c>
      <c r="T24" s="647"/>
      <c r="U24" s="638" t="s">
        <v>102</v>
      </c>
      <c r="V24" s="639"/>
      <c r="W24" s="640"/>
      <c r="X24" s="210">
        <v>3</v>
      </c>
      <c r="Y24" s="210" t="s">
        <v>103</v>
      </c>
      <c r="Z24" s="700"/>
      <c r="AA24" s="700"/>
      <c r="AB24" s="592"/>
      <c r="AC24" s="592"/>
      <c r="AD24" s="592"/>
      <c r="AE24" s="265"/>
      <c r="AF24" s="39"/>
    </row>
    <row r="25" spans="1:32" s="55" customFormat="1" ht="13.5" customHeight="1">
      <c r="A25" s="394"/>
      <c r="B25" s="714">
        <v>6</v>
      </c>
      <c r="C25" s="715"/>
      <c r="D25" s="563" t="s">
        <v>2282</v>
      </c>
      <c r="E25" s="564"/>
      <c r="F25" s="564"/>
      <c r="G25" s="564"/>
      <c r="H25" s="564"/>
      <c r="I25" s="564"/>
      <c r="J25" s="564"/>
      <c r="K25" s="564"/>
      <c r="L25" s="564"/>
      <c r="M25" s="564"/>
      <c r="N25" s="564"/>
      <c r="O25" s="564"/>
      <c r="P25" s="564"/>
      <c r="Q25" s="565"/>
      <c r="R25" s="244" t="s">
        <v>2283</v>
      </c>
      <c r="S25" s="646" t="s">
        <v>1844</v>
      </c>
      <c r="T25" s="647"/>
      <c r="U25" s="638" t="s">
        <v>102</v>
      </c>
      <c r="V25" s="639"/>
      <c r="W25" s="640"/>
      <c r="X25" s="210">
        <v>10</v>
      </c>
      <c r="Y25" s="210" t="s">
        <v>103</v>
      </c>
      <c r="Z25" s="700"/>
      <c r="AA25" s="700"/>
      <c r="AB25" s="592"/>
      <c r="AC25" s="592"/>
      <c r="AD25" s="592"/>
      <c r="AE25" s="265"/>
      <c r="AF25" s="39"/>
    </row>
    <row r="26" spans="1:32" s="57" customFormat="1" ht="13.5" customHeight="1">
      <c r="A26" s="394"/>
      <c r="B26" s="714">
        <v>7</v>
      </c>
      <c r="C26" s="715"/>
      <c r="D26" s="543" t="s">
        <v>2284</v>
      </c>
      <c r="E26" s="544"/>
      <c r="F26" s="544"/>
      <c r="G26" s="544"/>
      <c r="H26" s="544"/>
      <c r="I26" s="544"/>
      <c r="J26" s="544"/>
      <c r="K26" s="544"/>
      <c r="L26" s="544"/>
      <c r="M26" s="544"/>
      <c r="N26" s="544"/>
      <c r="O26" s="544"/>
      <c r="P26" s="544"/>
      <c r="Q26" s="545"/>
      <c r="R26" s="244" t="s">
        <v>520</v>
      </c>
      <c r="S26" s="646" t="s">
        <v>101</v>
      </c>
      <c r="T26" s="647"/>
      <c r="U26" s="638" t="s">
        <v>102</v>
      </c>
      <c r="V26" s="639"/>
      <c r="W26" s="640"/>
      <c r="X26" s="210">
        <v>3</v>
      </c>
      <c r="Y26" s="210" t="s">
        <v>103</v>
      </c>
      <c r="Z26" s="700"/>
      <c r="AA26" s="700"/>
      <c r="AB26" s="592"/>
      <c r="AC26" s="592"/>
      <c r="AD26" s="592"/>
      <c r="AE26" s="267"/>
      <c r="AF26" s="39"/>
    </row>
    <row r="27" spans="1:32" s="55" customFormat="1" ht="13.5" customHeight="1">
      <c r="A27" s="394"/>
      <c r="B27" s="714">
        <v>8</v>
      </c>
      <c r="C27" s="715"/>
      <c r="D27" s="563" t="s">
        <v>2285</v>
      </c>
      <c r="E27" s="564"/>
      <c r="F27" s="564"/>
      <c r="G27" s="564"/>
      <c r="H27" s="564"/>
      <c r="I27" s="564"/>
      <c r="J27" s="564"/>
      <c r="K27" s="564"/>
      <c r="L27" s="564"/>
      <c r="M27" s="564"/>
      <c r="N27" s="564"/>
      <c r="O27" s="564"/>
      <c r="P27" s="564"/>
      <c r="Q27" s="565"/>
      <c r="R27" s="221" t="s">
        <v>2286</v>
      </c>
      <c r="S27" s="646" t="s">
        <v>1844</v>
      </c>
      <c r="T27" s="647"/>
      <c r="U27" s="638" t="s">
        <v>102</v>
      </c>
      <c r="V27" s="639"/>
      <c r="W27" s="640"/>
      <c r="X27" s="210">
        <v>10</v>
      </c>
      <c r="Y27" s="210" t="s">
        <v>103</v>
      </c>
      <c r="Z27" s="700"/>
      <c r="AA27" s="700"/>
      <c r="AB27" s="592"/>
      <c r="AC27" s="592"/>
      <c r="AD27" s="592"/>
      <c r="AE27" s="265"/>
      <c r="AF27" s="39"/>
    </row>
    <row r="28" spans="1:32" s="55" customFormat="1" ht="13.5" customHeight="1">
      <c r="A28" s="394"/>
      <c r="B28" s="731">
        <v>9</v>
      </c>
      <c r="C28" s="732"/>
      <c r="D28" s="694" t="s">
        <v>1835</v>
      </c>
      <c r="E28" s="695"/>
      <c r="F28" s="695"/>
      <c r="G28" s="695"/>
      <c r="H28" s="695"/>
      <c r="I28" s="695"/>
      <c r="J28" s="695"/>
      <c r="K28" s="695"/>
      <c r="L28" s="695"/>
      <c r="M28" s="695"/>
      <c r="N28" s="695"/>
      <c r="O28" s="695"/>
      <c r="P28" s="695"/>
      <c r="Q28" s="696"/>
      <c r="R28" s="260" t="s">
        <v>522</v>
      </c>
      <c r="S28" s="648" t="s">
        <v>107</v>
      </c>
      <c r="T28" s="649"/>
      <c r="U28" s="733" t="s">
        <v>108</v>
      </c>
      <c r="V28" s="734"/>
      <c r="W28" s="735"/>
      <c r="X28" s="268">
        <v>3</v>
      </c>
      <c r="Y28" s="268">
        <v>0</v>
      </c>
      <c r="Z28" s="730" t="s">
        <v>109</v>
      </c>
      <c r="AA28" s="730"/>
      <c r="AB28" s="717"/>
      <c r="AC28" s="717"/>
      <c r="AD28" s="717"/>
      <c r="AE28" s="321" t="s">
        <v>391</v>
      </c>
      <c r="AF28" s="39"/>
    </row>
    <row r="29" spans="1:32" s="55" customFormat="1" ht="13.5" customHeight="1">
      <c r="A29" s="394"/>
      <c r="B29" s="714">
        <v>10</v>
      </c>
      <c r="C29" s="715"/>
      <c r="D29" s="543" t="s">
        <v>2287</v>
      </c>
      <c r="E29" s="544"/>
      <c r="F29" s="544"/>
      <c r="G29" s="544"/>
      <c r="H29" s="544"/>
      <c r="I29" s="544"/>
      <c r="J29" s="544"/>
      <c r="K29" s="544"/>
      <c r="L29" s="544"/>
      <c r="M29" s="544"/>
      <c r="N29" s="544"/>
      <c r="O29" s="544"/>
      <c r="P29" s="544"/>
      <c r="Q29" s="545"/>
      <c r="R29" s="221" t="s">
        <v>524</v>
      </c>
      <c r="S29" s="646" t="s">
        <v>101</v>
      </c>
      <c r="T29" s="647"/>
      <c r="U29" s="638" t="s">
        <v>102</v>
      </c>
      <c r="V29" s="639"/>
      <c r="W29" s="640"/>
      <c r="X29" s="210">
        <v>3</v>
      </c>
      <c r="Y29" s="210" t="s">
        <v>103</v>
      </c>
      <c r="Z29" s="700"/>
      <c r="AA29" s="700"/>
      <c r="AB29" s="592"/>
      <c r="AC29" s="592"/>
      <c r="AD29" s="592"/>
      <c r="AE29" s="265"/>
      <c r="AF29" s="39"/>
    </row>
    <row r="30" spans="1:32" s="26" customFormat="1" ht="13.4" customHeight="1">
      <c r="A30" s="20"/>
      <c r="B30" s="541">
        <v>11</v>
      </c>
      <c r="C30" s="542"/>
      <c r="D30" s="563" t="s">
        <v>2288</v>
      </c>
      <c r="E30" s="564"/>
      <c r="F30" s="564"/>
      <c r="G30" s="564"/>
      <c r="H30" s="564"/>
      <c r="I30" s="564"/>
      <c r="J30" s="564"/>
      <c r="K30" s="564"/>
      <c r="L30" s="564"/>
      <c r="M30" s="564"/>
      <c r="N30" s="564"/>
      <c r="O30" s="564"/>
      <c r="P30" s="564"/>
      <c r="Q30" s="565"/>
      <c r="R30" s="222" t="s">
        <v>2289</v>
      </c>
      <c r="S30" s="546" t="s">
        <v>1844</v>
      </c>
      <c r="T30" s="548"/>
      <c r="U30" s="623" t="s">
        <v>102</v>
      </c>
      <c r="V30" s="624"/>
      <c r="W30" s="625"/>
      <c r="X30" s="210">
        <v>10</v>
      </c>
      <c r="Y30" s="210" t="s">
        <v>103</v>
      </c>
      <c r="Z30" s="700"/>
      <c r="AA30" s="700"/>
      <c r="AB30" s="592"/>
      <c r="AC30" s="592"/>
      <c r="AD30" s="592"/>
      <c r="AE30" s="265"/>
      <c r="AF30" s="38"/>
    </row>
    <row r="31" spans="1:32" s="26" customFormat="1">
      <c r="A31" s="20"/>
      <c r="B31" s="541">
        <v>12</v>
      </c>
      <c r="C31" s="542"/>
      <c r="D31" s="543" t="s">
        <v>2290</v>
      </c>
      <c r="E31" s="544"/>
      <c r="F31" s="544"/>
      <c r="G31" s="544"/>
      <c r="H31" s="544"/>
      <c r="I31" s="544"/>
      <c r="J31" s="544"/>
      <c r="K31" s="544"/>
      <c r="L31" s="544"/>
      <c r="M31" s="544"/>
      <c r="N31" s="544"/>
      <c r="O31" s="544"/>
      <c r="P31" s="544"/>
      <c r="Q31" s="545"/>
      <c r="R31" s="221" t="s">
        <v>526</v>
      </c>
      <c r="S31" s="546" t="s">
        <v>101</v>
      </c>
      <c r="T31" s="548"/>
      <c r="U31" s="623" t="s">
        <v>102</v>
      </c>
      <c r="V31" s="624"/>
      <c r="W31" s="625"/>
      <c r="X31" s="210">
        <v>3</v>
      </c>
      <c r="Y31" s="210" t="s">
        <v>103</v>
      </c>
      <c r="Z31" s="700"/>
      <c r="AA31" s="700"/>
      <c r="AB31" s="592"/>
      <c r="AC31" s="592"/>
      <c r="AD31" s="592"/>
      <c r="AE31" s="265"/>
      <c r="AF31" s="38"/>
    </row>
    <row r="32" spans="1:32" s="26" customFormat="1">
      <c r="A32" s="20"/>
      <c r="B32" s="714">
        <v>13</v>
      </c>
      <c r="C32" s="715"/>
      <c r="D32" s="563" t="s">
        <v>2291</v>
      </c>
      <c r="E32" s="564"/>
      <c r="F32" s="564"/>
      <c r="G32" s="564"/>
      <c r="H32" s="564"/>
      <c r="I32" s="564"/>
      <c r="J32" s="564"/>
      <c r="K32" s="564"/>
      <c r="L32" s="564"/>
      <c r="M32" s="564"/>
      <c r="N32" s="564"/>
      <c r="O32" s="564"/>
      <c r="P32" s="564"/>
      <c r="Q32" s="565"/>
      <c r="R32" s="221" t="s">
        <v>2292</v>
      </c>
      <c r="S32" s="546" t="s">
        <v>1844</v>
      </c>
      <c r="T32" s="548"/>
      <c r="U32" s="623" t="s">
        <v>102</v>
      </c>
      <c r="V32" s="624"/>
      <c r="W32" s="625"/>
      <c r="X32" s="210">
        <v>10</v>
      </c>
      <c r="Y32" s="210" t="s">
        <v>103</v>
      </c>
      <c r="Z32" s="700"/>
      <c r="AA32" s="700"/>
      <c r="AB32" s="592"/>
      <c r="AC32" s="592"/>
      <c r="AD32" s="592"/>
      <c r="AE32" s="265"/>
      <c r="AF32" s="38"/>
    </row>
    <row r="33" spans="1:32" s="26" customFormat="1">
      <c r="A33" s="20"/>
      <c r="B33" s="541">
        <v>14</v>
      </c>
      <c r="C33" s="542"/>
      <c r="D33" s="543" t="s">
        <v>112</v>
      </c>
      <c r="E33" s="544"/>
      <c r="F33" s="544"/>
      <c r="G33" s="544"/>
      <c r="H33" s="544"/>
      <c r="I33" s="544"/>
      <c r="J33" s="544"/>
      <c r="K33" s="544"/>
      <c r="L33" s="544"/>
      <c r="M33" s="544"/>
      <c r="N33" s="544"/>
      <c r="O33" s="544"/>
      <c r="P33" s="544"/>
      <c r="Q33" s="545"/>
      <c r="R33" s="222" t="s">
        <v>448</v>
      </c>
      <c r="S33" s="546" t="s">
        <v>101</v>
      </c>
      <c r="T33" s="548"/>
      <c r="U33" s="623" t="s">
        <v>102</v>
      </c>
      <c r="V33" s="624"/>
      <c r="W33" s="625"/>
      <c r="X33" s="210">
        <v>64</v>
      </c>
      <c r="Y33" s="210" t="s">
        <v>103</v>
      </c>
      <c r="Z33" s="700"/>
      <c r="AA33" s="700"/>
      <c r="AB33" s="592"/>
      <c r="AC33" s="592"/>
      <c r="AD33" s="592"/>
      <c r="AE33" s="265"/>
      <c r="AF33" s="38"/>
    </row>
    <row r="34" spans="1:32" s="26" customFormat="1">
      <c r="A34" s="20"/>
      <c r="B34" s="541">
        <v>15</v>
      </c>
      <c r="C34" s="542"/>
      <c r="D34" s="543" t="s">
        <v>113</v>
      </c>
      <c r="E34" s="544"/>
      <c r="F34" s="544"/>
      <c r="G34" s="544"/>
      <c r="H34" s="544"/>
      <c r="I34" s="544"/>
      <c r="J34" s="544"/>
      <c r="K34" s="544"/>
      <c r="L34" s="544"/>
      <c r="M34" s="544"/>
      <c r="N34" s="544"/>
      <c r="O34" s="544"/>
      <c r="P34" s="544"/>
      <c r="Q34" s="545"/>
      <c r="R34" s="221" t="s">
        <v>449</v>
      </c>
      <c r="S34" s="546" t="s">
        <v>101</v>
      </c>
      <c r="T34" s="548"/>
      <c r="U34" s="623" t="s">
        <v>102</v>
      </c>
      <c r="V34" s="624"/>
      <c r="W34" s="625"/>
      <c r="X34" s="210">
        <v>64</v>
      </c>
      <c r="Y34" s="210" t="s">
        <v>103</v>
      </c>
      <c r="Z34" s="700"/>
      <c r="AA34" s="700"/>
      <c r="AB34" s="592"/>
      <c r="AC34" s="592"/>
      <c r="AD34" s="592"/>
      <c r="AE34" s="265"/>
      <c r="AF34" s="38"/>
    </row>
    <row r="35" spans="1:32" s="54" customFormat="1">
      <c r="A35" s="20"/>
      <c r="B35" s="714">
        <v>16</v>
      </c>
      <c r="C35" s="715"/>
      <c r="D35" s="543" t="s">
        <v>114</v>
      </c>
      <c r="E35" s="544"/>
      <c r="F35" s="544"/>
      <c r="G35" s="544"/>
      <c r="H35" s="544"/>
      <c r="I35" s="544"/>
      <c r="J35" s="544"/>
      <c r="K35" s="544"/>
      <c r="L35" s="544"/>
      <c r="M35" s="544"/>
      <c r="N35" s="544"/>
      <c r="O35" s="544"/>
      <c r="P35" s="544"/>
      <c r="Q35" s="545"/>
      <c r="R35" s="222" t="s">
        <v>450</v>
      </c>
      <c r="S35" s="546" t="s">
        <v>101</v>
      </c>
      <c r="T35" s="548"/>
      <c r="U35" s="623" t="s">
        <v>102</v>
      </c>
      <c r="V35" s="624"/>
      <c r="W35" s="625"/>
      <c r="X35" s="210">
        <v>64</v>
      </c>
      <c r="Y35" s="210" t="s">
        <v>103</v>
      </c>
      <c r="Z35" s="700"/>
      <c r="AA35" s="700"/>
      <c r="AB35" s="592"/>
      <c r="AC35" s="592"/>
      <c r="AD35" s="592"/>
      <c r="AE35" s="265"/>
      <c r="AF35" s="38"/>
    </row>
    <row r="36" spans="1:32" s="26" customFormat="1" ht="13.4" customHeight="1">
      <c r="A36" s="20"/>
      <c r="B36" s="541">
        <v>17</v>
      </c>
      <c r="C36" s="542"/>
      <c r="D36" s="563" t="s">
        <v>115</v>
      </c>
      <c r="E36" s="564"/>
      <c r="F36" s="564"/>
      <c r="G36" s="564"/>
      <c r="H36" s="564"/>
      <c r="I36" s="564"/>
      <c r="J36" s="564"/>
      <c r="K36" s="564"/>
      <c r="L36" s="564"/>
      <c r="M36" s="564"/>
      <c r="N36" s="564"/>
      <c r="O36" s="564"/>
      <c r="P36" s="564"/>
      <c r="Q36" s="565"/>
      <c r="R36" s="221" t="s">
        <v>451</v>
      </c>
      <c r="S36" s="546" t="s">
        <v>107</v>
      </c>
      <c r="T36" s="548"/>
      <c r="U36" s="623" t="s">
        <v>108</v>
      </c>
      <c r="V36" s="624"/>
      <c r="W36" s="625"/>
      <c r="X36" s="210">
        <v>6</v>
      </c>
      <c r="Y36" s="210">
        <v>0</v>
      </c>
      <c r="Z36" s="700"/>
      <c r="AA36" s="700"/>
      <c r="AB36" s="592"/>
      <c r="AC36" s="592"/>
      <c r="AD36" s="592"/>
      <c r="AE36" s="265"/>
      <c r="AF36" s="38"/>
    </row>
    <row r="37" spans="1:32" s="26" customFormat="1" ht="13.4" customHeight="1">
      <c r="A37" s="20"/>
      <c r="B37" s="541">
        <v>18</v>
      </c>
      <c r="C37" s="542"/>
      <c r="D37" s="563" t="s">
        <v>116</v>
      </c>
      <c r="E37" s="564"/>
      <c r="F37" s="564"/>
      <c r="G37" s="564"/>
      <c r="H37" s="564"/>
      <c r="I37" s="564"/>
      <c r="J37" s="564"/>
      <c r="K37" s="564"/>
      <c r="L37" s="564"/>
      <c r="M37" s="564"/>
      <c r="N37" s="564"/>
      <c r="O37" s="564"/>
      <c r="P37" s="564"/>
      <c r="Q37" s="565"/>
      <c r="R37" s="221" t="s">
        <v>452</v>
      </c>
      <c r="S37" s="546" t="s">
        <v>107</v>
      </c>
      <c r="T37" s="548"/>
      <c r="U37" s="623" t="s">
        <v>102</v>
      </c>
      <c r="V37" s="624"/>
      <c r="W37" s="625"/>
      <c r="X37" s="210">
        <v>4</v>
      </c>
      <c r="Y37" s="210" t="s">
        <v>103</v>
      </c>
      <c r="Z37" s="700"/>
      <c r="AA37" s="700"/>
      <c r="AB37" s="592"/>
      <c r="AC37" s="592"/>
      <c r="AD37" s="592"/>
      <c r="AE37" s="265"/>
      <c r="AF37" s="38"/>
    </row>
    <row r="38" spans="1:32" s="54" customFormat="1" ht="13.4" customHeight="1">
      <c r="A38" s="20"/>
      <c r="B38" s="714">
        <v>19</v>
      </c>
      <c r="C38" s="715"/>
      <c r="D38" s="563" t="s">
        <v>409</v>
      </c>
      <c r="E38" s="564"/>
      <c r="F38" s="564"/>
      <c r="G38" s="564"/>
      <c r="H38" s="564"/>
      <c r="I38" s="564"/>
      <c r="J38" s="564"/>
      <c r="K38" s="564"/>
      <c r="L38" s="564"/>
      <c r="M38" s="564"/>
      <c r="N38" s="564"/>
      <c r="O38" s="564"/>
      <c r="P38" s="564"/>
      <c r="Q38" s="565"/>
      <c r="R38" s="221" t="s">
        <v>453</v>
      </c>
      <c r="S38" s="546" t="s">
        <v>107</v>
      </c>
      <c r="T38" s="548"/>
      <c r="U38" s="623" t="s">
        <v>102</v>
      </c>
      <c r="V38" s="624"/>
      <c r="W38" s="625"/>
      <c r="X38" s="210">
        <v>6</v>
      </c>
      <c r="Y38" s="210" t="s">
        <v>103</v>
      </c>
      <c r="Z38" s="700"/>
      <c r="AA38" s="700"/>
      <c r="AB38" s="592"/>
      <c r="AC38" s="592"/>
      <c r="AD38" s="592"/>
      <c r="AE38" s="267"/>
      <c r="AF38" s="38"/>
    </row>
    <row r="39" spans="1:32" s="26" customFormat="1" ht="13.4" customHeight="1">
      <c r="A39" s="20"/>
      <c r="B39" s="541">
        <v>20</v>
      </c>
      <c r="C39" s="542"/>
      <c r="D39" s="563" t="s">
        <v>1366</v>
      </c>
      <c r="E39" s="564"/>
      <c r="F39" s="564"/>
      <c r="G39" s="564"/>
      <c r="H39" s="564"/>
      <c r="I39" s="564"/>
      <c r="J39" s="564"/>
      <c r="K39" s="564"/>
      <c r="L39" s="564"/>
      <c r="M39" s="564"/>
      <c r="N39" s="564"/>
      <c r="O39" s="564"/>
      <c r="P39" s="564"/>
      <c r="Q39" s="565"/>
      <c r="R39" s="221" t="s">
        <v>516</v>
      </c>
      <c r="S39" s="546" t="s">
        <v>107</v>
      </c>
      <c r="T39" s="548"/>
      <c r="U39" s="623" t="s">
        <v>102</v>
      </c>
      <c r="V39" s="624"/>
      <c r="W39" s="625"/>
      <c r="X39" s="213">
        <v>6</v>
      </c>
      <c r="Y39" s="213" t="s">
        <v>103</v>
      </c>
      <c r="Z39" s="700"/>
      <c r="AA39" s="700"/>
      <c r="AB39" s="592"/>
      <c r="AC39" s="592"/>
      <c r="AD39" s="592"/>
      <c r="AE39" s="265"/>
      <c r="AF39" s="38"/>
    </row>
    <row r="40" spans="1:32" s="26" customFormat="1" ht="13.4" customHeight="1">
      <c r="A40" s="20"/>
      <c r="B40" s="541">
        <v>21</v>
      </c>
      <c r="C40" s="542"/>
      <c r="D40" s="563" t="s">
        <v>454</v>
      </c>
      <c r="E40" s="564"/>
      <c r="F40" s="564"/>
      <c r="G40" s="564"/>
      <c r="H40" s="564"/>
      <c r="I40" s="564"/>
      <c r="J40" s="564"/>
      <c r="K40" s="564"/>
      <c r="L40" s="564"/>
      <c r="M40" s="564"/>
      <c r="N40" s="564"/>
      <c r="O40" s="564"/>
      <c r="P40" s="564"/>
      <c r="Q40" s="565"/>
      <c r="R40" s="221" t="s">
        <v>455</v>
      </c>
      <c r="S40" s="546" t="s">
        <v>107</v>
      </c>
      <c r="T40" s="548"/>
      <c r="U40" s="623" t="s">
        <v>102</v>
      </c>
      <c r="V40" s="624"/>
      <c r="W40" s="625"/>
      <c r="X40" s="210">
        <v>1</v>
      </c>
      <c r="Y40" s="210" t="s">
        <v>103</v>
      </c>
      <c r="Z40" s="700"/>
      <c r="AA40" s="700"/>
      <c r="AB40" s="592"/>
      <c r="AC40" s="592"/>
      <c r="AD40" s="592"/>
      <c r="AE40" s="265"/>
      <c r="AF40" s="38"/>
    </row>
    <row r="41" spans="1:32" s="26" customFormat="1" ht="13.4" customHeight="1">
      <c r="A41" s="20"/>
      <c r="B41" s="714">
        <v>22</v>
      </c>
      <c r="C41" s="715"/>
      <c r="D41" s="563" t="s">
        <v>2293</v>
      </c>
      <c r="E41" s="564"/>
      <c r="F41" s="564"/>
      <c r="G41" s="564"/>
      <c r="H41" s="564"/>
      <c r="I41" s="564"/>
      <c r="J41" s="564"/>
      <c r="K41" s="564"/>
      <c r="L41" s="564"/>
      <c r="M41" s="564"/>
      <c r="N41" s="564"/>
      <c r="O41" s="564"/>
      <c r="P41" s="564"/>
      <c r="Q41" s="565"/>
      <c r="R41" s="229" t="s">
        <v>2294</v>
      </c>
      <c r="S41" s="546" t="s">
        <v>1844</v>
      </c>
      <c r="T41" s="548"/>
      <c r="U41" s="623" t="s">
        <v>102</v>
      </c>
      <c r="V41" s="624"/>
      <c r="W41" s="625"/>
      <c r="X41" s="213">
        <v>3</v>
      </c>
      <c r="Y41" s="213" t="s">
        <v>103</v>
      </c>
      <c r="Z41" s="700"/>
      <c r="AA41" s="700"/>
      <c r="AB41" s="592"/>
      <c r="AC41" s="592"/>
      <c r="AD41" s="592"/>
      <c r="AE41" s="265"/>
      <c r="AF41" s="38"/>
    </row>
    <row r="42" spans="1:32" s="26" customFormat="1" ht="13.4" customHeight="1">
      <c r="A42" s="20"/>
      <c r="B42" s="676">
        <v>23</v>
      </c>
      <c r="C42" s="677"/>
      <c r="D42" s="694" t="s">
        <v>760</v>
      </c>
      <c r="E42" s="695"/>
      <c r="F42" s="695"/>
      <c r="G42" s="695"/>
      <c r="H42" s="695"/>
      <c r="I42" s="695"/>
      <c r="J42" s="695"/>
      <c r="K42" s="695"/>
      <c r="L42" s="695"/>
      <c r="M42" s="695"/>
      <c r="N42" s="695"/>
      <c r="O42" s="695"/>
      <c r="P42" s="695"/>
      <c r="Q42" s="696"/>
      <c r="R42" s="261" t="s">
        <v>457</v>
      </c>
      <c r="S42" s="681" t="s">
        <v>107</v>
      </c>
      <c r="T42" s="683"/>
      <c r="U42" s="724" t="s">
        <v>102</v>
      </c>
      <c r="V42" s="725"/>
      <c r="W42" s="726"/>
      <c r="X42" s="269">
        <v>6</v>
      </c>
      <c r="Y42" s="269" t="s">
        <v>103</v>
      </c>
      <c r="Z42" s="730" t="s">
        <v>109</v>
      </c>
      <c r="AA42" s="730"/>
      <c r="AB42" s="717"/>
      <c r="AC42" s="717"/>
      <c r="AD42" s="717"/>
      <c r="AE42" s="321" t="s">
        <v>391</v>
      </c>
      <c r="AF42" s="38"/>
    </row>
    <row r="43" spans="1:32" s="54" customFormat="1" ht="13.4" customHeight="1">
      <c r="A43" s="20"/>
      <c r="B43" s="541">
        <v>24</v>
      </c>
      <c r="C43" s="542"/>
      <c r="D43" s="563" t="s">
        <v>2295</v>
      </c>
      <c r="E43" s="564"/>
      <c r="F43" s="564"/>
      <c r="G43" s="564"/>
      <c r="H43" s="564"/>
      <c r="I43" s="564"/>
      <c r="J43" s="564"/>
      <c r="K43" s="564"/>
      <c r="L43" s="564"/>
      <c r="M43" s="564"/>
      <c r="N43" s="564"/>
      <c r="O43" s="564"/>
      <c r="P43" s="564"/>
      <c r="Q43" s="565"/>
      <c r="R43" s="229" t="s">
        <v>2296</v>
      </c>
      <c r="S43" s="546" t="s">
        <v>107</v>
      </c>
      <c r="T43" s="548"/>
      <c r="U43" s="623" t="s">
        <v>108</v>
      </c>
      <c r="V43" s="624"/>
      <c r="W43" s="625"/>
      <c r="X43" s="213">
        <v>4</v>
      </c>
      <c r="Y43" s="213">
        <v>0</v>
      </c>
      <c r="Z43" s="700"/>
      <c r="AA43" s="700"/>
      <c r="AB43" s="592"/>
      <c r="AC43" s="592"/>
      <c r="AD43" s="592"/>
      <c r="AE43" s="267"/>
      <c r="AF43" s="38"/>
    </row>
    <row r="44" spans="1:32" s="26" customFormat="1" ht="13.4" customHeight="1">
      <c r="A44" s="20"/>
      <c r="B44" s="714">
        <v>25</v>
      </c>
      <c r="C44" s="715"/>
      <c r="D44" s="563" t="s">
        <v>458</v>
      </c>
      <c r="E44" s="564"/>
      <c r="F44" s="564"/>
      <c r="G44" s="564"/>
      <c r="H44" s="564"/>
      <c r="I44" s="564"/>
      <c r="J44" s="564"/>
      <c r="K44" s="564"/>
      <c r="L44" s="564"/>
      <c r="M44" s="564"/>
      <c r="N44" s="564"/>
      <c r="O44" s="564"/>
      <c r="P44" s="564"/>
      <c r="Q44" s="565"/>
      <c r="R44" s="229" t="s">
        <v>459</v>
      </c>
      <c r="S44" s="546" t="s">
        <v>107</v>
      </c>
      <c r="T44" s="548"/>
      <c r="U44" s="623" t="s">
        <v>108</v>
      </c>
      <c r="V44" s="624"/>
      <c r="W44" s="625"/>
      <c r="X44" s="210">
        <v>3</v>
      </c>
      <c r="Y44" s="210">
        <v>0</v>
      </c>
      <c r="Z44" s="700"/>
      <c r="AA44" s="700"/>
      <c r="AB44" s="592"/>
      <c r="AC44" s="592"/>
      <c r="AD44" s="592"/>
      <c r="AE44" s="265"/>
      <c r="AF44" s="38"/>
    </row>
    <row r="45" spans="1:32" s="26" customFormat="1" ht="13.4" customHeight="1">
      <c r="A45" s="20"/>
      <c r="B45" s="541">
        <v>26</v>
      </c>
      <c r="C45" s="542"/>
      <c r="D45" s="563" t="s">
        <v>460</v>
      </c>
      <c r="E45" s="564"/>
      <c r="F45" s="564"/>
      <c r="G45" s="564"/>
      <c r="H45" s="564"/>
      <c r="I45" s="564"/>
      <c r="J45" s="564"/>
      <c r="K45" s="564"/>
      <c r="L45" s="564"/>
      <c r="M45" s="564"/>
      <c r="N45" s="564"/>
      <c r="O45" s="564"/>
      <c r="P45" s="564"/>
      <c r="Q45" s="565"/>
      <c r="R45" s="219" t="s">
        <v>461</v>
      </c>
      <c r="S45" s="546" t="s">
        <v>107</v>
      </c>
      <c r="T45" s="548"/>
      <c r="U45" s="623" t="s">
        <v>102</v>
      </c>
      <c r="V45" s="624"/>
      <c r="W45" s="625"/>
      <c r="X45" s="210">
        <v>8</v>
      </c>
      <c r="Y45" s="210" t="s">
        <v>103</v>
      </c>
      <c r="Z45" s="700"/>
      <c r="AA45" s="700"/>
      <c r="AB45" s="592"/>
      <c r="AC45" s="592"/>
      <c r="AD45" s="592"/>
      <c r="AE45" s="265"/>
      <c r="AF45" s="38"/>
    </row>
    <row r="46" spans="1:32" s="54" customFormat="1" ht="13.4" customHeight="1">
      <c r="A46" s="20"/>
      <c r="B46" s="541">
        <v>27</v>
      </c>
      <c r="C46" s="542"/>
      <c r="D46" s="563" t="s">
        <v>462</v>
      </c>
      <c r="E46" s="564"/>
      <c r="F46" s="564"/>
      <c r="G46" s="564"/>
      <c r="H46" s="564"/>
      <c r="I46" s="564"/>
      <c r="J46" s="564"/>
      <c r="K46" s="564"/>
      <c r="L46" s="564"/>
      <c r="M46" s="564"/>
      <c r="N46" s="564"/>
      <c r="O46" s="564"/>
      <c r="P46" s="564"/>
      <c r="Q46" s="565"/>
      <c r="R46" s="225" t="s">
        <v>463</v>
      </c>
      <c r="S46" s="546" t="s">
        <v>101</v>
      </c>
      <c r="T46" s="548"/>
      <c r="U46" s="623" t="s">
        <v>102</v>
      </c>
      <c r="V46" s="624"/>
      <c r="W46" s="625"/>
      <c r="X46" s="210">
        <v>8</v>
      </c>
      <c r="Y46" s="210" t="s">
        <v>103</v>
      </c>
      <c r="Z46" s="700"/>
      <c r="AA46" s="700"/>
      <c r="AB46" s="592"/>
      <c r="AC46" s="592"/>
      <c r="AD46" s="592"/>
      <c r="AE46" s="267"/>
      <c r="AF46" s="38"/>
    </row>
    <row r="47" spans="1:32" s="26" customFormat="1" ht="13.4" customHeight="1">
      <c r="A47" s="20"/>
      <c r="B47" s="714">
        <v>28</v>
      </c>
      <c r="C47" s="715"/>
      <c r="D47" s="563" t="s">
        <v>2297</v>
      </c>
      <c r="E47" s="564"/>
      <c r="F47" s="564"/>
      <c r="G47" s="564"/>
      <c r="H47" s="564"/>
      <c r="I47" s="564"/>
      <c r="J47" s="564"/>
      <c r="K47" s="564"/>
      <c r="L47" s="564"/>
      <c r="M47" s="564"/>
      <c r="N47" s="564"/>
      <c r="O47" s="564"/>
      <c r="P47" s="564"/>
      <c r="Q47" s="565"/>
      <c r="R47" s="225" t="s">
        <v>2298</v>
      </c>
      <c r="S47" s="546" t="s">
        <v>1844</v>
      </c>
      <c r="T47" s="548"/>
      <c r="U47" s="623" t="s">
        <v>102</v>
      </c>
      <c r="V47" s="624"/>
      <c r="W47" s="625"/>
      <c r="X47" s="213">
        <v>20</v>
      </c>
      <c r="Y47" s="213" t="s">
        <v>103</v>
      </c>
      <c r="Z47" s="700"/>
      <c r="AA47" s="700"/>
      <c r="AB47" s="592"/>
      <c r="AC47" s="592"/>
      <c r="AD47" s="592"/>
      <c r="AE47" s="265"/>
      <c r="AF47" s="38"/>
    </row>
    <row r="48" spans="1:32" s="26" customFormat="1" ht="13.4" customHeight="1">
      <c r="A48" s="20"/>
      <c r="B48" s="541">
        <v>29</v>
      </c>
      <c r="C48" s="542"/>
      <c r="D48" s="563" t="s">
        <v>2299</v>
      </c>
      <c r="E48" s="564"/>
      <c r="F48" s="564"/>
      <c r="G48" s="564"/>
      <c r="H48" s="564"/>
      <c r="I48" s="564"/>
      <c r="J48" s="564"/>
      <c r="K48" s="564"/>
      <c r="L48" s="564"/>
      <c r="M48" s="564"/>
      <c r="N48" s="564"/>
      <c r="O48" s="564"/>
      <c r="P48" s="564"/>
      <c r="Q48" s="565"/>
      <c r="R48" s="221" t="s">
        <v>2300</v>
      </c>
      <c r="S48" s="546" t="s">
        <v>101</v>
      </c>
      <c r="T48" s="548"/>
      <c r="U48" s="623" t="s">
        <v>102</v>
      </c>
      <c r="V48" s="624"/>
      <c r="W48" s="625"/>
      <c r="X48" s="210">
        <v>2</v>
      </c>
      <c r="Y48" s="210" t="s">
        <v>103</v>
      </c>
      <c r="Z48" s="700"/>
      <c r="AA48" s="700"/>
      <c r="AB48" s="592"/>
      <c r="AC48" s="592"/>
      <c r="AD48" s="592"/>
      <c r="AE48" s="265"/>
      <c r="AF48" s="38"/>
    </row>
    <row r="49" spans="1:32" s="26" customFormat="1" ht="13.4" customHeight="1">
      <c r="A49" s="20"/>
      <c r="B49" s="541">
        <v>30</v>
      </c>
      <c r="C49" s="542"/>
      <c r="D49" s="563" t="s">
        <v>2301</v>
      </c>
      <c r="E49" s="564"/>
      <c r="F49" s="564"/>
      <c r="G49" s="564"/>
      <c r="H49" s="564"/>
      <c r="I49" s="564"/>
      <c r="J49" s="564"/>
      <c r="K49" s="564"/>
      <c r="L49" s="564"/>
      <c r="M49" s="564"/>
      <c r="N49" s="564"/>
      <c r="O49" s="564"/>
      <c r="P49" s="564"/>
      <c r="Q49" s="565"/>
      <c r="R49" s="221" t="s">
        <v>2302</v>
      </c>
      <c r="S49" s="546" t="s">
        <v>101</v>
      </c>
      <c r="T49" s="548"/>
      <c r="U49" s="623" t="s">
        <v>102</v>
      </c>
      <c r="V49" s="624"/>
      <c r="W49" s="625"/>
      <c r="X49" s="210">
        <v>2</v>
      </c>
      <c r="Y49" s="210" t="s">
        <v>103</v>
      </c>
      <c r="Z49" s="700"/>
      <c r="AA49" s="700"/>
      <c r="AB49" s="592"/>
      <c r="AC49" s="592"/>
      <c r="AD49" s="592"/>
      <c r="AE49" s="265"/>
      <c r="AF49" s="38"/>
    </row>
    <row r="50" spans="1:32" s="26" customFormat="1" ht="13.4" customHeight="1">
      <c r="A50" s="20"/>
      <c r="B50" s="541">
        <v>31</v>
      </c>
      <c r="C50" s="542"/>
      <c r="D50" s="563" t="s">
        <v>2303</v>
      </c>
      <c r="E50" s="564"/>
      <c r="F50" s="564"/>
      <c r="G50" s="564"/>
      <c r="H50" s="564"/>
      <c r="I50" s="564"/>
      <c r="J50" s="564"/>
      <c r="K50" s="564"/>
      <c r="L50" s="564"/>
      <c r="M50" s="564"/>
      <c r="N50" s="564"/>
      <c r="O50" s="564"/>
      <c r="P50" s="564"/>
      <c r="Q50" s="565"/>
      <c r="R50" s="225" t="s">
        <v>2304</v>
      </c>
      <c r="S50" s="546" t="s">
        <v>101</v>
      </c>
      <c r="T50" s="548"/>
      <c r="U50" s="623" t="s">
        <v>102</v>
      </c>
      <c r="V50" s="624"/>
      <c r="W50" s="625"/>
      <c r="X50" s="210">
        <v>2</v>
      </c>
      <c r="Y50" s="210" t="s">
        <v>103</v>
      </c>
      <c r="Z50" s="700"/>
      <c r="AA50" s="700"/>
      <c r="AB50" s="592"/>
      <c r="AC50" s="592"/>
      <c r="AD50" s="592"/>
      <c r="AE50" s="265"/>
      <c r="AF50" s="38"/>
    </row>
    <row r="51" spans="1:32" s="26" customFormat="1" ht="13.4" customHeight="1">
      <c r="A51" s="20"/>
      <c r="B51" s="541">
        <v>32</v>
      </c>
      <c r="C51" s="542"/>
      <c r="D51" s="563" t="s">
        <v>2305</v>
      </c>
      <c r="E51" s="564"/>
      <c r="F51" s="564"/>
      <c r="G51" s="564"/>
      <c r="H51" s="564"/>
      <c r="I51" s="564"/>
      <c r="J51" s="564"/>
      <c r="K51" s="564"/>
      <c r="L51" s="564"/>
      <c r="M51" s="564"/>
      <c r="N51" s="564"/>
      <c r="O51" s="564"/>
      <c r="P51" s="564"/>
      <c r="Q51" s="565"/>
      <c r="R51" s="225" t="s">
        <v>2306</v>
      </c>
      <c r="S51" s="546" t="s">
        <v>101</v>
      </c>
      <c r="T51" s="548"/>
      <c r="U51" s="623" t="s">
        <v>102</v>
      </c>
      <c r="V51" s="624"/>
      <c r="W51" s="625"/>
      <c r="X51" s="210">
        <v>2</v>
      </c>
      <c r="Y51" s="210" t="s">
        <v>103</v>
      </c>
      <c r="Z51" s="700"/>
      <c r="AA51" s="700"/>
      <c r="AB51" s="592"/>
      <c r="AC51" s="592"/>
      <c r="AD51" s="592"/>
      <c r="AE51" s="265"/>
      <c r="AF51" s="38"/>
    </row>
    <row r="52" spans="1:32" s="26" customFormat="1" ht="29.15" customHeight="1">
      <c r="A52" s="20"/>
      <c r="B52" s="541">
        <v>33</v>
      </c>
      <c r="C52" s="542"/>
      <c r="D52" s="727" t="s">
        <v>968</v>
      </c>
      <c r="E52" s="728"/>
      <c r="F52" s="728"/>
      <c r="G52" s="728"/>
      <c r="H52" s="728"/>
      <c r="I52" s="728"/>
      <c r="J52" s="728"/>
      <c r="K52" s="728"/>
      <c r="L52" s="728"/>
      <c r="M52" s="728"/>
      <c r="N52" s="728"/>
      <c r="O52" s="728"/>
      <c r="P52" s="728"/>
      <c r="Q52" s="729"/>
      <c r="R52" s="225" t="s">
        <v>465</v>
      </c>
      <c r="S52" s="546" t="s">
        <v>107</v>
      </c>
      <c r="T52" s="548"/>
      <c r="U52" s="623" t="s">
        <v>102</v>
      </c>
      <c r="V52" s="624"/>
      <c r="W52" s="625"/>
      <c r="X52" s="210">
        <v>1</v>
      </c>
      <c r="Y52" s="210" t="s">
        <v>103</v>
      </c>
      <c r="Z52" s="700"/>
      <c r="AA52" s="700"/>
      <c r="AB52" s="592"/>
      <c r="AC52" s="592"/>
      <c r="AD52" s="592"/>
      <c r="AE52" s="265"/>
      <c r="AF52" s="38"/>
    </row>
    <row r="53" spans="1:32" s="54" customFormat="1" ht="30" customHeight="1">
      <c r="A53" s="20"/>
      <c r="B53" s="541">
        <v>34</v>
      </c>
      <c r="C53" s="542"/>
      <c r="D53" s="727" t="s">
        <v>2307</v>
      </c>
      <c r="E53" s="728"/>
      <c r="F53" s="728"/>
      <c r="G53" s="728"/>
      <c r="H53" s="728"/>
      <c r="I53" s="728"/>
      <c r="J53" s="728"/>
      <c r="K53" s="728"/>
      <c r="L53" s="728"/>
      <c r="M53" s="728"/>
      <c r="N53" s="728"/>
      <c r="O53" s="728"/>
      <c r="P53" s="728"/>
      <c r="Q53" s="729"/>
      <c r="R53" s="229" t="s">
        <v>2308</v>
      </c>
      <c r="S53" s="546" t="s">
        <v>1844</v>
      </c>
      <c r="T53" s="548"/>
      <c r="U53" s="623" t="s">
        <v>102</v>
      </c>
      <c r="V53" s="624"/>
      <c r="W53" s="625"/>
      <c r="X53" s="213">
        <v>300</v>
      </c>
      <c r="Y53" s="213" t="s">
        <v>103</v>
      </c>
      <c r="Z53" s="700"/>
      <c r="AA53" s="700"/>
      <c r="AB53" s="592"/>
      <c r="AC53" s="592"/>
      <c r="AD53" s="592"/>
      <c r="AE53" s="267"/>
      <c r="AF53" s="38"/>
    </row>
    <row r="54" spans="1:32" s="54" customFormat="1" ht="13.4" customHeight="1">
      <c r="A54" s="20"/>
      <c r="B54" s="541">
        <v>35</v>
      </c>
      <c r="C54" s="542"/>
      <c r="D54" s="563" t="s">
        <v>466</v>
      </c>
      <c r="E54" s="564"/>
      <c r="F54" s="564"/>
      <c r="G54" s="564"/>
      <c r="H54" s="564"/>
      <c r="I54" s="564"/>
      <c r="J54" s="564"/>
      <c r="K54" s="564"/>
      <c r="L54" s="564"/>
      <c r="M54" s="564"/>
      <c r="N54" s="564"/>
      <c r="O54" s="564"/>
      <c r="P54" s="564"/>
      <c r="Q54" s="565"/>
      <c r="R54" s="229" t="s">
        <v>467</v>
      </c>
      <c r="S54" s="546" t="s">
        <v>101</v>
      </c>
      <c r="T54" s="548"/>
      <c r="U54" s="623" t="s">
        <v>102</v>
      </c>
      <c r="V54" s="624"/>
      <c r="W54" s="625"/>
      <c r="X54" s="210">
        <v>10</v>
      </c>
      <c r="Y54" s="210" t="s">
        <v>103</v>
      </c>
      <c r="Z54" s="700"/>
      <c r="AA54" s="700"/>
      <c r="AB54" s="592"/>
      <c r="AC54" s="592"/>
      <c r="AD54" s="592"/>
      <c r="AE54" s="267"/>
      <c r="AF54" s="38"/>
    </row>
    <row r="55" spans="1:32" s="26" customFormat="1" ht="13.4" customHeight="1">
      <c r="A55" s="20"/>
      <c r="B55" s="541">
        <v>36</v>
      </c>
      <c r="C55" s="542"/>
      <c r="D55" s="563" t="s">
        <v>472</v>
      </c>
      <c r="E55" s="564"/>
      <c r="F55" s="564"/>
      <c r="G55" s="564"/>
      <c r="H55" s="564"/>
      <c r="I55" s="564"/>
      <c r="J55" s="564"/>
      <c r="K55" s="564"/>
      <c r="L55" s="564"/>
      <c r="M55" s="564"/>
      <c r="N55" s="564"/>
      <c r="O55" s="564"/>
      <c r="P55" s="564"/>
      <c r="Q55" s="565"/>
      <c r="R55" s="229" t="s">
        <v>473</v>
      </c>
      <c r="S55" s="546" t="s">
        <v>107</v>
      </c>
      <c r="T55" s="548"/>
      <c r="U55" s="623" t="s">
        <v>108</v>
      </c>
      <c r="V55" s="624"/>
      <c r="W55" s="625"/>
      <c r="X55" s="210">
        <v>2</v>
      </c>
      <c r="Y55" s="210">
        <v>0</v>
      </c>
      <c r="Z55" s="700"/>
      <c r="AA55" s="700"/>
      <c r="AB55" s="592"/>
      <c r="AC55" s="592"/>
      <c r="AD55" s="592"/>
      <c r="AE55" s="265"/>
      <c r="AF55" s="38"/>
    </row>
    <row r="56" spans="1:32" s="26" customFormat="1" ht="13.4" customHeight="1">
      <c r="A56" s="20"/>
      <c r="B56" s="676">
        <v>37</v>
      </c>
      <c r="C56" s="677"/>
      <c r="D56" s="694" t="s">
        <v>2309</v>
      </c>
      <c r="E56" s="695"/>
      <c r="F56" s="695"/>
      <c r="G56" s="695"/>
      <c r="H56" s="695"/>
      <c r="I56" s="695"/>
      <c r="J56" s="695"/>
      <c r="K56" s="695"/>
      <c r="L56" s="695"/>
      <c r="M56" s="695"/>
      <c r="N56" s="695"/>
      <c r="O56" s="695"/>
      <c r="P56" s="695"/>
      <c r="Q56" s="696"/>
      <c r="R56" s="261" t="s">
        <v>477</v>
      </c>
      <c r="S56" s="681" t="s">
        <v>107</v>
      </c>
      <c r="T56" s="683"/>
      <c r="U56" s="724" t="s">
        <v>102</v>
      </c>
      <c r="V56" s="725"/>
      <c r="W56" s="726"/>
      <c r="X56" s="269">
        <v>2</v>
      </c>
      <c r="Y56" s="269" t="s">
        <v>103</v>
      </c>
      <c r="Z56" s="648" t="s">
        <v>109</v>
      </c>
      <c r="AA56" s="649"/>
      <c r="AB56" s="717"/>
      <c r="AC56" s="717"/>
      <c r="AD56" s="717"/>
      <c r="AE56" s="321" t="s">
        <v>480</v>
      </c>
      <c r="AF56" s="38"/>
    </row>
    <row r="57" spans="1:32" s="54" customFormat="1" ht="13.4" customHeight="1">
      <c r="A57" s="20"/>
      <c r="B57" s="676">
        <v>38</v>
      </c>
      <c r="C57" s="677"/>
      <c r="D57" s="694" t="s">
        <v>2310</v>
      </c>
      <c r="E57" s="695"/>
      <c r="F57" s="695"/>
      <c r="G57" s="695"/>
      <c r="H57" s="695"/>
      <c r="I57" s="695"/>
      <c r="J57" s="695"/>
      <c r="K57" s="695"/>
      <c r="L57" s="695"/>
      <c r="M57" s="695"/>
      <c r="N57" s="695"/>
      <c r="O57" s="695"/>
      <c r="P57" s="695"/>
      <c r="Q57" s="696"/>
      <c r="R57" s="261" t="s">
        <v>2311</v>
      </c>
      <c r="S57" s="681" t="s">
        <v>1844</v>
      </c>
      <c r="T57" s="683"/>
      <c r="U57" s="724" t="s">
        <v>102</v>
      </c>
      <c r="V57" s="725"/>
      <c r="W57" s="726"/>
      <c r="X57" s="269">
        <v>40</v>
      </c>
      <c r="Y57" s="269" t="s">
        <v>103</v>
      </c>
      <c r="Z57" s="648" t="s">
        <v>109</v>
      </c>
      <c r="AA57" s="649"/>
      <c r="AB57" s="717"/>
      <c r="AC57" s="717"/>
      <c r="AD57" s="717"/>
      <c r="AE57" s="321" t="s">
        <v>480</v>
      </c>
      <c r="AF57" s="38"/>
    </row>
    <row r="58" spans="1:32" s="26" customFormat="1" ht="13.4" customHeight="1">
      <c r="A58" s="20"/>
      <c r="B58" s="676">
        <v>39</v>
      </c>
      <c r="C58" s="677"/>
      <c r="D58" s="694" t="s">
        <v>478</v>
      </c>
      <c r="E58" s="695"/>
      <c r="F58" s="695"/>
      <c r="G58" s="695"/>
      <c r="H58" s="695"/>
      <c r="I58" s="695"/>
      <c r="J58" s="695"/>
      <c r="K58" s="695"/>
      <c r="L58" s="695"/>
      <c r="M58" s="695"/>
      <c r="N58" s="695"/>
      <c r="O58" s="695"/>
      <c r="P58" s="695"/>
      <c r="Q58" s="696"/>
      <c r="R58" s="261" t="s">
        <v>479</v>
      </c>
      <c r="S58" s="681" t="s">
        <v>107</v>
      </c>
      <c r="T58" s="683"/>
      <c r="U58" s="724" t="s">
        <v>102</v>
      </c>
      <c r="V58" s="725"/>
      <c r="W58" s="726"/>
      <c r="X58" s="269">
        <v>30</v>
      </c>
      <c r="Y58" s="269" t="s">
        <v>103</v>
      </c>
      <c r="Z58" s="648" t="s">
        <v>109</v>
      </c>
      <c r="AA58" s="649"/>
      <c r="AB58" s="717"/>
      <c r="AC58" s="717"/>
      <c r="AD58" s="717"/>
      <c r="AE58" s="321" t="s">
        <v>480</v>
      </c>
      <c r="AF58" s="38"/>
    </row>
    <row r="59" spans="1:32" s="26" customFormat="1" ht="13.4" customHeight="1">
      <c r="A59" s="20"/>
      <c r="B59" s="676">
        <v>40</v>
      </c>
      <c r="C59" s="677"/>
      <c r="D59" s="694" t="s">
        <v>2312</v>
      </c>
      <c r="E59" s="695"/>
      <c r="F59" s="695"/>
      <c r="G59" s="695"/>
      <c r="H59" s="695"/>
      <c r="I59" s="695"/>
      <c r="J59" s="695"/>
      <c r="K59" s="695"/>
      <c r="L59" s="695"/>
      <c r="M59" s="695"/>
      <c r="N59" s="695"/>
      <c r="O59" s="695"/>
      <c r="P59" s="695"/>
      <c r="Q59" s="696"/>
      <c r="R59" s="261" t="s">
        <v>482</v>
      </c>
      <c r="S59" s="681" t="s">
        <v>107</v>
      </c>
      <c r="T59" s="683"/>
      <c r="U59" s="724" t="s">
        <v>102</v>
      </c>
      <c r="V59" s="725"/>
      <c r="W59" s="726"/>
      <c r="X59" s="269">
        <v>5</v>
      </c>
      <c r="Y59" s="269" t="s">
        <v>103</v>
      </c>
      <c r="Z59" s="648" t="s">
        <v>109</v>
      </c>
      <c r="AA59" s="649"/>
      <c r="AB59" s="717"/>
      <c r="AC59" s="717"/>
      <c r="AD59" s="717"/>
      <c r="AE59" s="321" t="s">
        <v>480</v>
      </c>
      <c r="AF59" s="38"/>
    </row>
    <row r="60" spans="1:32" s="26" customFormat="1" ht="13.4" customHeight="1">
      <c r="A60" s="20"/>
      <c r="B60" s="676">
        <v>41</v>
      </c>
      <c r="C60" s="677"/>
      <c r="D60" s="694" t="s">
        <v>483</v>
      </c>
      <c r="E60" s="695"/>
      <c r="F60" s="695"/>
      <c r="G60" s="695"/>
      <c r="H60" s="695"/>
      <c r="I60" s="695"/>
      <c r="J60" s="695"/>
      <c r="K60" s="695"/>
      <c r="L60" s="695"/>
      <c r="M60" s="695"/>
      <c r="N60" s="695"/>
      <c r="O60" s="695"/>
      <c r="P60" s="695"/>
      <c r="Q60" s="696"/>
      <c r="R60" s="261" t="s">
        <v>484</v>
      </c>
      <c r="S60" s="681" t="s">
        <v>1844</v>
      </c>
      <c r="T60" s="683"/>
      <c r="U60" s="724" t="s">
        <v>102</v>
      </c>
      <c r="V60" s="725"/>
      <c r="W60" s="726"/>
      <c r="X60" s="269">
        <v>40</v>
      </c>
      <c r="Y60" s="269" t="s">
        <v>103</v>
      </c>
      <c r="Z60" s="648" t="s">
        <v>109</v>
      </c>
      <c r="AA60" s="649"/>
      <c r="AB60" s="717"/>
      <c r="AC60" s="717"/>
      <c r="AD60" s="717"/>
      <c r="AE60" s="321" t="s">
        <v>399</v>
      </c>
      <c r="AF60" s="38"/>
    </row>
    <row r="61" spans="1:32" s="26" customFormat="1" ht="13.4" customHeight="1">
      <c r="A61" s="20"/>
      <c r="B61" s="541">
        <v>42</v>
      </c>
      <c r="C61" s="542"/>
      <c r="D61" s="563" t="s">
        <v>2313</v>
      </c>
      <c r="E61" s="564"/>
      <c r="F61" s="564"/>
      <c r="G61" s="564"/>
      <c r="H61" s="564"/>
      <c r="I61" s="564"/>
      <c r="J61" s="564"/>
      <c r="K61" s="564"/>
      <c r="L61" s="564"/>
      <c r="M61" s="564"/>
      <c r="N61" s="564"/>
      <c r="O61" s="564"/>
      <c r="P61" s="564"/>
      <c r="Q61" s="565"/>
      <c r="R61" s="221" t="s">
        <v>487</v>
      </c>
      <c r="S61" s="546" t="s">
        <v>107</v>
      </c>
      <c r="T61" s="548"/>
      <c r="U61" s="623" t="s">
        <v>102</v>
      </c>
      <c r="V61" s="624"/>
      <c r="W61" s="625"/>
      <c r="X61" s="210">
        <v>2</v>
      </c>
      <c r="Y61" s="210" t="s">
        <v>103</v>
      </c>
      <c r="Z61" s="646"/>
      <c r="AA61" s="647"/>
      <c r="AB61" s="592"/>
      <c r="AC61" s="592"/>
      <c r="AD61" s="592"/>
      <c r="AE61" s="265"/>
      <c r="AF61" s="38"/>
    </row>
    <row r="62" spans="1:32" s="26" customFormat="1" ht="13.4" customHeight="1">
      <c r="A62" s="20"/>
      <c r="B62" s="541">
        <v>43</v>
      </c>
      <c r="C62" s="542"/>
      <c r="D62" s="563" t="s">
        <v>2314</v>
      </c>
      <c r="E62" s="564"/>
      <c r="F62" s="564"/>
      <c r="G62" s="564"/>
      <c r="H62" s="564"/>
      <c r="I62" s="564"/>
      <c r="J62" s="564"/>
      <c r="K62" s="564"/>
      <c r="L62" s="564"/>
      <c r="M62" s="564"/>
      <c r="N62" s="564"/>
      <c r="O62" s="564"/>
      <c r="P62" s="564"/>
      <c r="Q62" s="565"/>
      <c r="R62" s="221" t="s">
        <v>2315</v>
      </c>
      <c r="S62" s="546" t="s">
        <v>1844</v>
      </c>
      <c r="T62" s="548"/>
      <c r="U62" s="623" t="s">
        <v>102</v>
      </c>
      <c r="V62" s="624"/>
      <c r="W62" s="625"/>
      <c r="X62" s="213">
        <v>40</v>
      </c>
      <c r="Y62" s="213" t="s">
        <v>103</v>
      </c>
      <c r="Z62" s="700"/>
      <c r="AA62" s="700"/>
      <c r="AB62" s="592"/>
      <c r="AC62" s="592"/>
      <c r="AD62" s="592"/>
      <c r="AE62" s="265"/>
      <c r="AF62" s="38"/>
    </row>
    <row r="63" spans="1:32" s="26" customFormat="1" ht="13.4" customHeight="1">
      <c r="A63" s="20"/>
      <c r="B63" s="541">
        <v>44</v>
      </c>
      <c r="C63" s="542"/>
      <c r="D63" s="563" t="s">
        <v>2316</v>
      </c>
      <c r="E63" s="564"/>
      <c r="F63" s="564"/>
      <c r="G63" s="564"/>
      <c r="H63" s="564"/>
      <c r="I63" s="564"/>
      <c r="J63" s="564"/>
      <c r="K63" s="564"/>
      <c r="L63" s="564"/>
      <c r="M63" s="564"/>
      <c r="N63" s="564"/>
      <c r="O63" s="564"/>
      <c r="P63" s="564"/>
      <c r="Q63" s="565"/>
      <c r="R63" s="221" t="s">
        <v>489</v>
      </c>
      <c r="S63" s="546" t="s">
        <v>107</v>
      </c>
      <c r="T63" s="548"/>
      <c r="U63" s="623" t="s">
        <v>102</v>
      </c>
      <c r="V63" s="624"/>
      <c r="W63" s="625"/>
      <c r="X63" s="210">
        <v>3</v>
      </c>
      <c r="Y63" s="210" t="s">
        <v>103</v>
      </c>
      <c r="Z63" s="700"/>
      <c r="AA63" s="700"/>
      <c r="AB63" s="592"/>
      <c r="AC63" s="592"/>
      <c r="AD63" s="592"/>
      <c r="AE63" s="265"/>
      <c r="AF63" s="38"/>
    </row>
    <row r="64" spans="1:32" s="26" customFormat="1" ht="13.4" customHeight="1">
      <c r="A64" s="20"/>
      <c r="B64" s="541">
        <v>45</v>
      </c>
      <c r="C64" s="542"/>
      <c r="D64" s="563" t="s">
        <v>2317</v>
      </c>
      <c r="E64" s="564"/>
      <c r="F64" s="564"/>
      <c r="G64" s="564"/>
      <c r="H64" s="564"/>
      <c r="I64" s="564"/>
      <c r="J64" s="564"/>
      <c r="K64" s="564"/>
      <c r="L64" s="564"/>
      <c r="M64" s="564"/>
      <c r="N64" s="564"/>
      <c r="O64" s="564"/>
      <c r="P64" s="564"/>
      <c r="Q64" s="565"/>
      <c r="R64" s="221" t="s">
        <v>2318</v>
      </c>
      <c r="S64" s="546" t="s">
        <v>1844</v>
      </c>
      <c r="T64" s="548"/>
      <c r="U64" s="623" t="s">
        <v>102</v>
      </c>
      <c r="V64" s="624"/>
      <c r="W64" s="625"/>
      <c r="X64" s="213">
        <v>8</v>
      </c>
      <c r="Y64" s="213" t="s">
        <v>103</v>
      </c>
      <c r="Z64" s="700"/>
      <c r="AA64" s="700"/>
      <c r="AB64" s="592"/>
      <c r="AC64" s="592"/>
      <c r="AD64" s="592"/>
      <c r="AE64" s="265"/>
      <c r="AF64" s="38"/>
    </row>
    <row r="65" spans="1:32" s="54" customFormat="1" ht="13.4" customHeight="1">
      <c r="A65" s="20"/>
      <c r="B65" s="541">
        <v>46</v>
      </c>
      <c r="C65" s="542"/>
      <c r="D65" s="563" t="s">
        <v>2319</v>
      </c>
      <c r="E65" s="564"/>
      <c r="F65" s="564"/>
      <c r="G65" s="564"/>
      <c r="H65" s="564"/>
      <c r="I65" s="564"/>
      <c r="J65" s="564"/>
      <c r="K65" s="564"/>
      <c r="L65" s="564"/>
      <c r="M65" s="564"/>
      <c r="N65" s="564"/>
      <c r="O65" s="564"/>
      <c r="P65" s="564"/>
      <c r="Q65" s="565"/>
      <c r="R65" s="221" t="s">
        <v>491</v>
      </c>
      <c r="S65" s="546" t="s">
        <v>107</v>
      </c>
      <c r="T65" s="548"/>
      <c r="U65" s="623" t="s">
        <v>102</v>
      </c>
      <c r="V65" s="624"/>
      <c r="W65" s="625"/>
      <c r="X65" s="210">
        <v>3</v>
      </c>
      <c r="Y65" s="210" t="s">
        <v>103</v>
      </c>
      <c r="Z65" s="700"/>
      <c r="AA65" s="700"/>
      <c r="AB65" s="592"/>
      <c r="AC65" s="592"/>
      <c r="AD65" s="592"/>
      <c r="AE65" s="267"/>
      <c r="AF65" s="38"/>
    </row>
    <row r="66" spans="1:32" s="54" customFormat="1" ht="13.4" customHeight="1">
      <c r="A66" s="20"/>
      <c r="B66" s="541">
        <v>47</v>
      </c>
      <c r="C66" s="542"/>
      <c r="D66" s="563" t="s">
        <v>2320</v>
      </c>
      <c r="E66" s="564"/>
      <c r="F66" s="564"/>
      <c r="G66" s="564"/>
      <c r="H66" s="564"/>
      <c r="I66" s="564"/>
      <c r="J66" s="564"/>
      <c r="K66" s="564"/>
      <c r="L66" s="564"/>
      <c r="M66" s="564"/>
      <c r="N66" s="564"/>
      <c r="O66" s="564"/>
      <c r="P66" s="564"/>
      <c r="Q66" s="565"/>
      <c r="R66" s="221" t="s">
        <v>2321</v>
      </c>
      <c r="S66" s="546" t="s">
        <v>1844</v>
      </c>
      <c r="T66" s="548"/>
      <c r="U66" s="623" t="s">
        <v>102</v>
      </c>
      <c r="V66" s="624"/>
      <c r="W66" s="625"/>
      <c r="X66" s="213">
        <v>10</v>
      </c>
      <c r="Y66" s="213" t="s">
        <v>103</v>
      </c>
      <c r="Z66" s="700"/>
      <c r="AA66" s="700"/>
      <c r="AB66" s="592"/>
      <c r="AC66" s="592"/>
      <c r="AD66" s="592"/>
      <c r="AE66" s="267"/>
      <c r="AF66" s="38"/>
    </row>
    <row r="67" spans="1:32" s="26" customFormat="1" ht="13.4" customHeight="1">
      <c r="A67" s="20"/>
      <c r="B67" s="541">
        <v>48</v>
      </c>
      <c r="C67" s="542"/>
      <c r="D67" s="563" t="s">
        <v>2322</v>
      </c>
      <c r="E67" s="564"/>
      <c r="F67" s="564"/>
      <c r="G67" s="564"/>
      <c r="H67" s="564"/>
      <c r="I67" s="564"/>
      <c r="J67" s="564"/>
      <c r="K67" s="564"/>
      <c r="L67" s="564"/>
      <c r="M67" s="564"/>
      <c r="N67" s="564"/>
      <c r="O67" s="564"/>
      <c r="P67" s="564"/>
      <c r="Q67" s="565"/>
      <c r="R67" s="221" t="s">
        <v>493</v>
      </c>
      <c r="S67" s="546" t="s">
        <v>107</v>
      </c>
      <c r="T67" s="548"/>
      <c r="U67" s="623" t="s">
        <v>102</v>
      </c>
      <c r="V67" s="624"/>
      <c r="W67" s="625"/>
      <c r="X67" s="210">
        <v>3</v>
      </c>
      <c r="Y67" s="210" t="s">
        <v>103</v>
      </c>
      <c r="Z67" s="700"/>
      <c r="AA67" s="700"/>
      <c r="AB67" s="592"/>
      <c r="AC67" s="592"/>
      <c r="AD67" s="592"/>
      <c r="AE67" s="265"/>
      <c r="AF67" s="38"/>
    </row>
    <row r="68" spans="1:32" s="26" customFormat="1" ht="13.4" customHeight="1">
      <c r="A68" s="20"/>
      <c r="B68" s="541">
        <v>49</v>
      </c>
      <c r="C68" s="542"/>
      <c r="D68" s="563" t="s">
        <v>2323</v>
      </c>
      <c r="E68" s="564"/>
      <c r="F68" s="564"/>
      <c r="G68" s="564"/>
      <c r="H68" s="564"/>
      <c r="I68" s="564"/>
      <c r="J68" s="564"/>
      <c r="K68" s="564"/>
      <c r="L68" s="564"/>
      <c r="M68" s="564"/>
      <c r="N68" s="564"/>
      <c r="O68" s="564"/>
      <c r="P68" s="564"/>
      <c r="Q68" s="565"/>
      <c r="R68" s="221" t="s">
        <v>2324</v>
      </c>
      <c r="S68" s="546" t="s">
        <v>1844</v>
      </c>
      <c r="T68" s="548"/>
      <c r="U68" s="623" t="s">
        <v>102</v>
      </c>
      <c r="V68" s="624"/>
      <c r="W68" s="625"/>
      <c r="X68" s="213">
        <v>16</v>
      </c>
      <c r="Y68" s="213" t="s">
        <v>103</v>
      </c>
      <c r="Z68" s="700"/>
      <c r="AA68" s="700"/>
      <c r="AB68" s="592"/>
      <c r="AC68" s="592"/>
      <c r="AD68" s="592"/>
      <c r="AE68" s="265"/>
      <c r="AF68" s="38"/>
    </row>
    <row r="69" spans="1:32" s="54" customFormat="1" ht="13.4" customHeight="1">
      <c r="A69" s="20"/>
      <c r="B69" s="541">
        <v>50</v>
      </c>
      <c r="C69" s="542"/>
      <c r="D69" s="563" t="s">
        <v>2325</v>
      </c>
      <c r="E69" s="564"/>
      <c r="F69" s="564"/>
      <c r="G69" s="564"/>
      <c r="H69" s="564"/>
      <c r="I69" s="564"/>
      <c r="J69" s="564"/>
      <c r="K69" s="564"/>
      <c r="L69" s="564"/>
      <c r="M69" s="564"/>
      <c r="N69" s="564"/>
      <c r="O69" s="564"/>
      <c r="P69" s="564"/>
      <c r="Q69" s="565"/>
      <c r="R69" s="221" t="s">
        <v>495</v>
      </c>
      <c r="S69" s="546" t="s">
        <v>107</v>
      </c>
      <c r="T69" s="548"/>
      <c r="U69" s="623" t="s">
        <v>102</v>
      </c>
      <c r="V69" s="624"/>
      <c r="W69" s="625"/>
      <c r="X69" s="210">
        <v>3</v>
      </c>
      <c r="Y69" s="210" t="s">
        <v>103</v>
      </c>
      <c r="Z69" s="700"/>
      <c r="AA69" s="700"/>
      <c r="AB69" s="592"/>
      <c r="AC69" s="592"/>
      <c r="AD69" s="592"/>
      <c r="AE69" s="267"/>
      <c r="AF69" s="38"/>
    </row>
    <row r="70" spans="1:32" s="26" customFormat="1" ht="13.4" customHeight="1">
      <c r="A70" s="20"/>
      <c r="B70" s="541">
        <v>51</v>
      </c>
      <c r="C70" s="542"/>
      <c r="D70" s="563" t="s">
        <v>2326</v>
      </c>
      <c r="E70" s="564"/>
      <c r="F70" s="564"/>
      <c r="G70" s="564"/>
      <c r="H70" s="564"/>
      <c r="I70" s="564"/>
      <c r="J70" s="564"/>
      <c r="K70" s="564"/>
      <c r="L70" s="564"/>
      <c r="M70" s="564"/>
      <c r="N70" s="564"/>
      <c r="O70" s="564"/>
      <c r="P70" s="564"/>
      <c r="Q70" s="565"/>
      <c r="R70" s="221" t="s">
        <v>2327</v>
      </c>
      <c r="S70" s="546" t="s">
        <v>1844</v>
      </c>
      <c r="T70" s="548"/>
      <c r="U70" s="623" t="s">
        <v>102</v>
      </c>
      <c r="V70" s="624"/>
      <c r="W70" s="625"/>
      <c r="X70" s="213">
        <v>14</v>
      </c>
      <c r="Y70" s="213" t="s">
        <v>103</v>
      </c>
      <c r="Z70" s="700"/>
      <c r="AA70" s="700"/>
      <c r="AB70" s="592"/>
      <c r="AC70" s="592"/>
      <c r="AD70" s="592"/>
      <c r="AE70" s="265"/>
      <c r="AF70" s="38"/>
    </row>
    <row r="71" spans="1:32" s="26" customFormat="1" ht="13.4" customHeight="1">
      <c r="A71" s="20"/>
      <c r="B71" s="541">
        <v>52</v>
      </c>
      <c r="C71" s="542"/>
      <c r="D71" s="563" t="s">
        <v>2328</v>
      </c>
      <c r="E71" s="564"/>
      <c r="F71" s="564"/>
      <c r="G71" s="564"/>
      <c r="H71" s="564"/>
      <c r="I71" s="564"/>
      <c r="J71" s="564"/>
      <c r="K71" s="564"/>
      <c r="L71" s="564"/>
      <c r="M71" s="564"/>
      <c r="N71" s="564"/>
      <c r="O71" s="564"/>
      <c r="P71" s="564"/>
      <c r="Q71" s="565"/>
      <c r="R71" s="221" t="s">
        <v>497</v>
      </c>
      <c r="S71" s="546" t="s">
        <v>107</v>
      </c>
      <c r="T71" s="548"/>
      <c r="U71" s="623" t="s">
        <v>102</v>
      </c>
      <c r="V71" s="624"/>
      <c r="W71" s="625"/>
      <c r="X71" s="210">
        <v>2</v>
      </c>
      <c r="Y71" s="210" t="s">
        <v>103</v>
      </c>
      <c r="Z71" s="700"/>
      <c r="AA71" s="700"/>
      <c r="AB71" s="592"/>
      <c r="AC71" s="592"/>
      <c r="AD71" s="592"/>
      <c r="AE71" s="265"/>
      <c r="AF71" s="38"/>
    </row>
    <row r="72" spans="1:32" s="26" customFormat="1" ht="13.4" customHeight="1">
      <c r="A72" s="20"/>
      <c r="B72" s="541">
        <v>53</v>
      </c>
      <c r="C72" s="542"/>
      <c r="D72" s="563" t="s">
        <v>2329</v>
      </c>
      <c r="E72" s="564"/>
      <c r="F72" s="564"/>
      <c r="G72" s="564"/>
      <c r="H72" s="564"/>
      <c r="I72" s="564"/>
      <c r="J72" s="564"/>
      <c r="K72" s="564"/>
      <c r="L72" s="564"/>
      <c r="M72" s="564"/>
      <c r="N72" s="564"/>
      <c r="O72" s="564"/>
      <c r="P72" s="564"/>
      <c r="Q72" s="565"/>
      <c r="R72" s="221" t="s">
        <v>2330</v>
      </c>
      <c r="S72" s="546" t="s">
        <v>1844</v>
      </c>
      <c r="T72" s="548"/>
      <c r="U72" s="623" t="s">
        <v>102</v>
      </c>
      <c r="V72" s="624"/>
      <c r="W72" s="625"/>
      <c r="X72" s="213">
        <v>40</v>
      </c>
      <c r="Y72" s="213" t="s">
        <v>103</v>
      </c>
      <c r="Z72" s="700"/>
      <c r="AA72" s="700"/>
      <c r="AB72" s="592"/>
      <c r="AC72" s="592"/>
      <c r="AD72" s="592"/>
      <c r="AE72" s="265"/>
      <c r="AF72" s="38"/>
    </row>
    <row r="73" spans="1:32" s="26" customFormat="1" ht="13.4" customHeight="1">
      <c r="A73" s="20"/>
      <c r="B73" s="541">
        <v>54</v>
      </c>
      <c r="C73" s="542"/>
      <c r="D73" s="563" t="s">
        <v>2331</v>
      </c>
      <c r="E73" s="564"/>
      <c r="F73" s="564"/>
      <c r="G73" s="564"/>
      <c r="H73" s="564"/>
      <c r="I73" s="564"/>
      <c r="J73" s="564"/>
      <c r="K73" s="564"/>
      <c r="L73" s="564"/>
      <c r="M73" s="564"/>
      <c r="N73" s="564"/>
      <c r="O73" s="564"/>
      <c r="P73" s="564"/>
      <c r="Q73" s="565"/>
      <c r="R73" s="221" t="s">
        <v>499</v>
      </c>
      <c r="S73" s="546" t="s">
        <v>107</v>
      </c>
      <c r="T73" s="548"/>
      <c r="U73" s="623" t="s">
        <v>102</v>
      </c>
      <c r="V73" s="624"/>
      <c r="W73" s="625"/>
      <c r="X73" s="210">
        <v>3</v>
      </c>
      <c r="Y73" s="210" t="s">
        <v>103</v>
      </c>
      <c r="Z73" s="700"/>
      <c r="AA73" s="700"/>
      <c r="AB73" s="592"/>
      <c r="AC73" s="592"/>
      <c r="AD73" s="592"/>
      <c r="AE73" s="265"/>
      <c r="AF73" s="38"/>
    </row>
    <row r="74" spans="1:32" s="54" customFormat="1" ht="13.4" customHeight="1">
      <c r="A74" s="20"/>
      <c r="B74" s="541">
        <v>55</v>
      </c>
      <c r="C74" s="542"/>
      <c r="D74" s="563" t="s">
        <v>2332</v>
      </c>
      <c r="E74" s="564"/>
      <c r="F74" s="564"/>
      <c r="G74" s="564"/>
      <c r="H74" s="564"/>
      <c r="I74" s="564"/>
      <c r="J74" s="564"/>
      <c r="K74" s="564"/>
      <c r="L74" s="564"/>
      <c r="M74" s="564"/>
      <c r="N74" s="564"/>
      <c r="O74" s="564"/>
      <c r="P74" s="564"/>
      <c r="Q74" s="565"/>
      <c r="R74" s="221" t="s">
        <v>2333</v>
      </c>
      <c r="S74" s="546" t="s">
        <v>1844</v>
      </c>
      <c r="T74" s="548"/>
      <c r="U74" s="623" t="s">
        <v>102</v>
      </c>
      <c r="V74" s="624"/>
      <c r="W74" s="625"/>
      <c r="X74" s="213">
        <v>8</v>
      </c>
      <c r="Y74" s="213" t="s">
        <v>103</v>
      </c>
      <c r="Z74" s="700"/>
      <c r="AA74" s="700"/>
      <c r="AB74" s="592"/>
      <c r="AC74" s="592"/>
      <c r="AD74" s="592"/>
      <c r="AE74" s="267"/>
      <c r="AF74" s="38"/>
    </row>
    <row r="75" spans="1:32" s="26" customFormat="1" ht="13.4" customHeight="1">
      <c r="A75" s="20"/>
      <c r="B75" s="541">
        <v>56</v>
      </c>
      <c r="C75" s="542"/>
      <c r="D75" s="563" t="s">
        <v>2334</v>
      </c>
      <c r="E75" s="564"/>
      <c r="F75" s="564"/>
      <c r="G75" s="564"/>
      <c r="H75" s="564"/>
      <c r="I75" s="564"/>
      <c r="J75" s="564"/>
      <c r="K75" s="564"/>
      <c r="L75" s="564"/>
      <c r="M75" s="564"/>
      <c r="N75" s="564"/>
      <c r="O75" s="564"/>
      <c r="P75" s="564"/>
      <c r="Q75" s="565"/>
      <c r="R75" s="221" t="s">
        <v>501</v>
      </c>
      <c r="S75" s="546" t="s">
        <v>107</v>
      </c>
      <c r="T75" s="548"/>
      <c r="U75" s="623" t="s">
        <v>102</v>
      </c>
      <c r="V75" s="624"/>
      <c r="W75" s="625"/>
      <c r="X75" s="210">
        <v>3</v>
      </c>
      <c r="Y75" s="210" t="s">
        <v>103</v>
      </c>
      <c r="Z75" s="700"/>
      <c r="AA75" s="700"/>
      <c r="AB75" s="592"/>
      <c r="AC75" s="592"/>
      <c r="AD75" s="592"/>
      <c r="AE75" s="265"/>
      <c r="AF75" s="38"/>
    </row>
    <row r="76" spans="1:32" s="26" customFormat="1" ht="13.4" customHeight="1">
      <c r="A76" s="20"/>
      <c r="B76" s="541">
        <v>57</v>
      </c>
      <c r="C76" s="542"/>
      <c r="D76" s="563" t="s">
        <v>2335</v>
      </c>
      <c r="E76" s="564"/>
      <c r="F76" s="564"/>
      <c r="G76" s="564"/>
      <c r="H76" s="564"/>
      <c r="I76" s="564"/>
      <c r="J76" s="564"/>
      <c r="K76" s="564"/>
      <c r="L76" s="564"/>
      <c r="M76" s="564"/>
      <c r="N76" s="564"/>
      <c r="O76" s="564"/>
      <c r="P76" s="564"/>
      <c r="Q76" s="565"/>
      <c r="R76" s="221" t="s">
        <v>2336</v>
      </c>
      <c r="S76" s="546" t="s">
        <v>1844</v>
      </c>
      <c r="T76" s="548"/>
      <c r="U76" s="623" t="s">
        <v>102</v>
      </c>
      <c r="V76" s="624"/>
      <c r="W76" s="625"/>
      <c r="X76" s="213">
        <v>10</v>
      </c>
      <c r="Y76" s="213" t="s">
        <v>103</v>
      </c>
      <c r="Z76" s="700"/>
      <c r="AA76" s="700"/>
      <c r="AB76" s="592"/>
      <c r="AC76" s="592"/>
      <c r="AD76" s="592"/>
      <c r="AE76" s="265"/>
      <c r="AF76" s="38"/>
    </row>
    <row r="77" spans="1:32" s="54" customFormat="1" ht="13.4" customHeight="1">
      <c r="A77" s="20"/>
      <c r="B77" s="541">
        <v>58</v>
      </c>
      <c r="C77" s="542"/>
      <c r="D77" s="563" t="s">
        <v>2337</v>
      </c>
      <c r="E77" s="564"/>
      <c r="F77" s="564"/>
      <c r="G77" s="564"/>
      <c r="H77" s="564"/>
      <c r="I77" s="564"/>
      <c r="J77" s="564"/>
      <c r="K77" s="564"/>
      <c r="L77" s="564"/>
      <c r="M77" s="564"/>
      <c r="N77" s="564"/>
      <c r="O77" s="564"/>
      <c r="P77" s="564"/>
      <c r="Q77" s="565"/>
      <c r="R77" s="229" t="s">
        <v>503</v>
      </c>
      <c r="S77" s="546" t="s">
        <v>107</v>
      </c>
      <c r="T77" s="548"/>
      <c r="U77" s="623" t="s">
        <v>102</v>
      </c>
      <c r="V77" s="624"/>
      <c r="W77" s="625"/>
      <c r="X77" s="210">
        <v>3</v>
      </c>
      <c r="Y77" s="210" t="s">
        <v>103</v>
      </c>
      <c r="Z77" s="700"/>
      <c r="AA77" s="700"/>
      <c r="AB77" s="592"/>
      <c r="AC77" s="592"/>
      <c r="AD77" s="592"/>
      <c r="AE77" s="267"/>
      <c r="AF77" s="38"/>
    </row>
    <row r="78" spans="1:32" s="26" customFormat="1" ht="13.4" customHeight="1">
      <c r="A78" s="20"/>
      <c r="B78" s="541">
        <v>59</v>
      </c>
      <c r="C78" s="542"/>
      <c r="D78" s="563" t="s">
        <v>2338</v>
      </c>
      <c r="E78" s="564"/>
      <c r="F78" s="564"/>
      <c r="G78" s="564"/>
      <c r="H78" s="564"/>
      <c r="I78" s="564"/>
      <c r="J78" s="564"/>
      <c r="K78" s="564"/>
      <c r="L78" s="564"/>
      <c r="M78" s="564"/>
      <c r="N78" s="564"/>
      <c r="O78" s="564"/>
      <c r="P78" s="564"/>
      <c r="Q78" s="565"/>
      <c r="R78" s="229" t="s">
        <v>2339</v>
      </c>
      <c r="S78" s="546" t="s">
        <v>1844</v>
      </c>
      <c r="T78" s="548"/>
      <c r="U78" s="623" t="s">
        <v>102</v>
      </c>
      <c r="V78" s="624"/>
      <c r="W78" s="625"/>
      <c r="X78" s="213">
        <v>16</v>
      </c>
      <c r="Y78" s="213" t="s">
        <v>103</v>
      </c>
      <c r="Z78" s="700"/>
      <c r="AA78" s="700"/>
      <c r="AB78" s="592"/>
      <c r="AC78" s="592"/>
      <c r="AD78" s="592"/>
      <c r="AE78" s="265"/>
      <c r="AF78" s="38"/>
    </row>
    <row r="79" spans="1:32" s="26" customFormat="1" ht="13.4" customHeight="1">
      <c r="A79" s="20"/>
      <c r="B79" s="541">
        <v>60</v>
      </c>
      <c r="C79" s="542"/>
      <c r="D79" s="563" t="s">
        <v>2340</v>
      </c>
      <c r="E79" s="564"/>
      <c r="F79" s="564"/>
      <c r="G79" s="564"/>
      <c r="H79" s="564"/>
      <c r="I79" s="564"/>
      <c r="J79" s="564"/>
      <c r="K79" s="564"/>
      <c r="L79" s="564"/>
      <c r="M79" s="564"/>
      <c r="N79" s="564"/>
      <c r="O79" s="564"/>
      <c r="P79" s="564"/>
      <c r="Q79" s="565"/>
      <c r="R79" s="229" t="s">
        <v>505</v>
      </c>
      <c r="S79" s="546" t="s">
        <v>107</v>
      </c>
      <c r="T79" s="548"/>
      <c r="U79" s="623" t="s">
        <v>102</v>
      </c>
      <c r="V79" s="624"/>
      <c r="W79" s="625"/>
      <c r="X79" s="210">
        <v>3</v>
      </c>
      <c r="Y79" s="210" t="s">
        <v>103</v>
      </c>
      <c r="Z79" s="700"/>
      <c r="AA79" s="700"/>
      <c r="AB79" s="592"/>
      <c r="AC79" s="592"/>
      <c r="AD79" s="592"/>
      <c r="AE79" s="265"/>
      <c r="AF79" s="38"/>
    </row>
    <row r="80" spans="1:32" s="26" customFormat="1" ht="13.4" customHeight="1">
      <c r="A80" s="20"/>
      <c r="B80" s="541">
        <v>61</v>
      </c>
      <c r="C80" s="542"/>
      <c r="D80" s="563" t="s">
        <v>2341</v>
      </c>
      <c r="E80" s="564"/>
      <c r="F80" s="564"/>
      <c r="G80" s="564"/>
      <c r="H80" s="564"/>
      <c r="I80" s="564"/>
      <c r="J80" s="564"/>
      <c r="K80" s="564"/>
      <c r="L80" s="564"/>
      <c r="M80" s="564"/>
      <c r="N80" s="564"/>
      <c r="O80" s="564"/>
      <c r="P80" s="564"/>
      <c r="Q80" s="565"/>
      <c r="R80" s="221" t="s">
        <v>2342</v>
      </c>
      <c r="S80" s="546" t="s">
        <v>1844</v>
      </c>
      <c r="T80" s="548"/>
      <c r="U80" s="623" t="s">
        <v>102</v>
      </c>
      <c r="V80" s="624"/>
      <c r="W80" s="625"/>
      <c r="X80" s="213">
        <v>14</v>
      </c>
      <c r="Y80" s="213" t="s">
        <v>103</v>
      </c>
      <c r="Z80" s="700"/>
      <c r="AA80" s="700"/>
      <c r="AB80" s="592"/>
      <c r="AC80" s="592"/>
      <c r="AD80" s="592"/>
      <c r="AE80" s="265"/>
      <c r="AF80" s="38"/>
    </row>
    <row r="81" spans="1:32" s="26" customFormat="1" ht="13.4" customHeight="1">
      <c r="A81" s="20"/>
      <c r="B81" s="541">
        <v>62</v>
      </c>
      <c r="C81" s="542"/>
      <c r="D81" s="563" t="s">
        <v>2343</v>
      </c>
      <c r="E81" s="564"/>
      <c r="F81" s="564"/>
      <c r="G81" s="564"/>
      <c r="H81" s="564"/>
      <c r="I81" s="564"/>
      <c r="J81" s="564"/>
      <c r="K81" s="564"/>
      <c r="L81" s="564"/>
      <c r="M81" s="564"/>
      <c r="N81" s="564"/>
      <c r="O81" s="564"/>
      <c r="P81" s="564"/>
      <c r="Q81" s="565"/>
      <c r="R81" s="221" t="s">
        <v>507</v>
      </c>
      <c r="S81" s="546" t="s">
        <v>1844</v>
      </c>
      <c r="T81" s="548"/>
      <c r="U81" s="623" t="s">
        <v>102</v>
      </c>
      <c r="V81" s="624"/>
      <c r="W81" s="625"/>
      <c r="X81" s="213">
        <v>2</v>
      </c>
      <c r="Y81" s="213" t="s">
        <v>103</v>
      </c>
      <c r="Z81" s="700"/>
      <c r="AA81" s="700"/>
      <c r="AB81" s="592"/>
      <c r="AC81" s="592"/>
      <c r="AD81" s="592"/>
      <c r="AE81" s="265"/>
      <c r="AF81" s="38"/>
    </row>
    <row r="82" spans="1:32" s="26" customFormat="1" ht="13.4" customHeight="1">
      <c r="A82" s="20"/>
      <c r="B82" s="541">
        <v>63</v>
      </c>
      <c r="C82" s="542"/>
      <c r="D82" s="563" t="s">
        <v>2344</v>
      </c>
      <c r="E82" s="564"/>
      <c r="F82" s="564"/>
      <c r="G82" s="564"/>
      <c r="H82" s="564"/>
      <c r="I82" s="564"/>
      <c r="J82" s="564"/>
      <c r="K82" s="564"/>
      <c r="L82" s="564"/>
      <c r="M82" s="564"/>
      <c r="N82" s="564"/>
      <c r="O82" s="564"/>
      <c r="P82" s="564"/>
      <c r="Q82" s="565"/>
      <c r="R82" s="221" t="s">
        <v>2345</v>
      </c>
      <c r="S82" s="546" t="s">
        <v>1844</v>
      </c>
      <c r="T82" s="548"/>
      <c r="U82" s="623" t="s">
        <v>102</v>
      </c>
      <c r="V82" s="624"/>
      <c r="W82" s="625"/>
      <c r="X82" s="213">
        <v>40</v>
      </c>
      <c r="Y82" s="213" t="s">
        <v>103</v>
      </c>
      <c r="Z82" s="700"/>
      <c r="AA82" s="700"/>
      <c r="AB82" s="592"/>
      <c r="AC82" s="592"/>
      <c r="AD82" s="592"/>
      <c r="AE82" s="265"/>
      <c r="AF82" s="38"/>
    </row>
    <row r="83" spans="1:32" s="26" customFormat="1" ht="13.4" customHeight="1">
      <c r="A83" s="20"/>
      <c r="B83" s="541">
        <v>64</v>
      </c>
      <c r="C83" s="542"/>
      <c r="D83" s="563" t="s">
        <v>2346</v>
      </c>
      <c r="E83" s="564"/>
      <c r="F83" s="564"/>
      <c r="G83" s="564"/>
      <c r="H83" s="564"/>
      <c r="I83" s="564"/>
      <c r="J83" s="564"/>
      <c r="K83" s="564"/>
      <c r="L83" s="564"/>
      <c r="M83" s="564"/>
      <c r="N83" s="564"/>
      <c r="O83" s="564"/>
      <c r="P83" s="564"/>
      <c r="Q83" s="565"/>
      <c r="R83" s="221" t="s">
        <v>509</v>
      </c>
      <c r="S83" s="546" t="s">
        <v>107</v>
      </c>
      <c r="T83" s="548"/>
      <c r="U83" s="623" t="s">
        <v>102</v>
      </c>
      <c r="V83" s="624"/>
      <c r="W83" s="625"/>
      <c r="X83" s="210">
        <v>3</v>
      </c>
      <c r="Y83" s="210" t="s">
        <v>103</v>
      </c>
      <c r="Z83" s="700"/>
      <c r="AA83" s="700"/>
      <c r="AB83" s="592"/>
      <c r="AC83" s="592"/>
      <c r="AD83" s="592"/>
      <c r="AE83" s="265"/>
      <c r="AF83" s="38"/>
    </row>
    <row r="84" spans="1:32" s="54" customFormat="1" ht="13.4" customHeight="1">
      <c r="A84" s="20"/>
      <c r="B84" s="541">
        <v>65</v>
      </c>
      <c r="C84" s="542"/>
      <c r="D84" s="563" t="s">
        <v>2347</v>
      </c>
      <c r="E84" s="564"/>
      <c r="F84" s="564"/>
      <c r="G84" s="564"/>
      <c r="H84" s="564"/>
      <c r="I84" s="564"/>
      <c r="J84" s="564"/>
      <c r="K84" s="564"/>
      <c r="L84" s="564"/>
      <c r="M84" s="564"/>
      <c r="N84" s="564"/>
      <c r="O84" s="564"/>
      <c r="P84" s="564"/>
      <c r="Q84" s="565"/>
      <c r="R84" s="221" t="s">
        <v>2348</v>
      </c>
      <c r="S84" s="546" t="s">
        <v>1844</v>
      </c>
      <c r="T84" s="548"/>
      <c r="U84" s="623" t="s">
        <v>102</v>
      </c>
      <c r="V84" s="624"/>
      <c r="W84" s="625"/>
      <c r="X84" s="213">
        <v>8</v>
      </c>
      <c r="Y84" s="213" t="s">
        <v>103</v>
      </c>
      <c r="Z84" s="700"/>
      <c r="AA84" s="700"/>
      <c r="AB84" s="592"/>
      <c r="AC84" s="592"/>
      <c r="AD84" s="592"/>
      <c r="AE84" s="267"/>
      <c r="AF84" s="38"/>
    </row>
    <row r="85" spans="1:32" s="54" customFormat="1" ht="13.4" customHeight="1">
      <c r="A85" s="20"/>
      <c r="B85" s="541">
        <v>66</v>
      </c>
      <c r="C85" s="542"/>
      <c r="D85" s="563" t="s">
        <v>2349</v>
      </c>
      <c r="E85" s="564"/>
      <c r="F85" s="564"/>
      <c r="G85" s="564"/>
      <c r="H85" s="564"/>
      <c r="I85" s="564"/>
      <c r="J85" s="564"/>
      <c r="K85" s="564"/>
      <c r="L85" s="564"/>
      <c r="M85" s="564"/>
      <c r="N85" s="564"/>
      <c r="O85" s="564"/>
      <c r="P85" s="564"/>
      <c r="Q85" s="565"/>
      <c r="R85" s="221" t="s">
        <v>511</v>
      </c>
      <c r="S85" s="546" t="s">
        <v>107</v>
      </c>
      <c r="T85" s="548"/>
      <c r="U85" s="623" t="s">
        <v>102</v>
      </c>
      <c r="V85" s="624"/>
      <c r="W85" s="625"/>
      <c r="X85" s="210">
        <v>3</v>
      </c>
      <c r="Y85" s="210" t="s">
        <v>103</v>
      </c>
      <c r="Z85" s="700"/>
      <c r="AA85" s="700"/>
      <c r="AB85" s="592"/>
      <c r="AC85" s="592"/>
      <c r="AD85" s="592"/>
      <c r="AE85" s="267"/>
      <c r="AF85" s="38"/>
    </row>
    <row r="86" spans="1:32" s="26" customFormat="1" ht="13.4" customHeight="1">
      <c r="A86" s="20"/>
      <c r="B86" s="541">
        <v>67</v>
      </c>
      <c r="C86" s="542"/>
      <c r="D86" s="563" t="s">
        <v>2350</v>
      </c>
      <c r="E86" s="564"/>
      <c r="F86" s="564"/>
      <c r="G86" s="564"/>
      <c r="H86" s="564"/>
      <c r="I86" s="564"/>
      <c r="J86" s="564"/>
      <c r="K86" s="564"/>
      <c r="L86" s="564"/>
      <c r="M86" s="564"/>
      <c r="N86" s="564"/>
      <c r="O86" s="564"/>
      <c r="P86" s="564"/>
      <c r="Q86" s="565"/>
      <c r="R86" s="221" t="s">
        <v>2351</v>
      </c>
      <c r="S86" s="546" t="s">
        <v>1844</v>
      </c>
      <c r="T86" s="548"/>
      <c r="U86" s="623" t="s">
        <v>102</v>
      </c>
      <c r="V86" s="624"/>
      <c r="W86" s="625"/>
      <c r="X86" s="213">
        <v>10</v>
      </c>
      <c r="Y86" s="213" t="s">
        <v>103</v>
      </c>
      <c r="Z86" s="700"/>
      <c r="AA86" s="700"/>
      <c r="AB86" s="592"/>
      <c r="AC86" s="592"/>
      <c r="AD86" s="592"/>
      <c r="AE86" s="265"/>
      <c r="AF86" s="38"/>
    </row>
    <row r="87" spans="1:32" s="26" customFormat="1" ht="13.4" customHeight="1">
      <c r="A87" s="20"/>
      <c r="B87" s="541">
        <v>68</v>
      </c>
      <c r="C87" s="542"/>
      <c r="D87" s="563" t="s">
        <v>2352</v>
      </c>
      <c r="E87" s="564"/>
      <c r="F87" s="564"/>
      <c r="G87" s="564"/>
      <c r="H87" s="564"/>
      <c r="I87" s="564"/>
      <c r="J87" s="564"/>
      <c r="K87" s="564"/>
      <c r="L87" s="564"/>
      <c r="M87" s="564"/>
      <c r="N87" s="564"/>
      <c r="O87" s="564"/>
      <c r="P87" s="564"/>
      <c r="Q87" s="565"/>
      <c r="R87" s="221" t="s">
        <v>513</v>
      </c>
      <c r="S87" s="546" t="s">
        <v>107</v>
      </c>
      <c r="T87" s="548"/>
      <c r="U87" s="623" t="s">
        <v>102</v>
      </c>
      <c r="V87" s="624"/>
      <c r="W87" s="625"/>
      <c r="X87" s="210">
        <v>3</v>
      </c>
      <c r="Y87" s="210" t="s">
        <v>103</v>
      </c>
      <c r="Z87" s="700"/>
      <c r="AA87" s="700"/>
      <c r="AB87" s="592"/>
      <c r="AC87" s="592"/>
      <c r="AD87" s="592"/>
      <c r="AE87" s="265"/>
      <c r="AF87" s="38"/>
    </row>
    <row r="88" spans="1:32" s="54" customFormat="1" ht="13.4" customHeight="1">
      <c r="A88" s="20"/>
      <c r="B88" s="541">
        <v>69</v>
      </c>
      <c r="C88" s="542"/>
      <c r="D88" s="563" t="s">
        <v>2353</v>
      </c>
      <c r="E88" s="564"/>
      <c r="F88" s="564"/>
      <c r="G88" s="564"/>
      <c r="H88" s="564"/>
      <c r="I88" s="564"/>
      <c r="J88" s="564"/>
      <c r="K88" s="564"/>
      <c r="L88" s="564"/>
      <c r="M88" s="564"/>
      <c r="N88" s="564"/>
      <c r="O88" s="564"/>
      <c r="P88" s="564"/>
      <c r="Q88" s="565"/>
      <c r="R88" s="221" t="s">
        <v>2354</v>
      </c>
      <c r="S88" s="546" t="s">
        <v>1844</v>
      </c>
      <c r="T88" s="548"/>
      <c r="U88" s="623" t="s">
        <v>102</v>
      </c>
      <c r="V88" s="624"/>
      <c r="W88" s="625"/>
      <c r="X88" s="213">
        <v>16</v>
      </c>
      <c r="Y88" s="213" t="s">
        <v>103</v>
      </c>
      <c r="Z88" s="700"/>
      <c r="AA88" s="700"/>
      <c r="AB88" s="592"/>
      <c r="AC88" s="592"/>
      <c r="AD88" s="592"/>
      <c r="AE88" s="267"/>
      <c r="AF88" s="38"/>
    </row>
    <row r="89" spans="1:32" s="26" customFormat="1" ht="13.4" customHeight="1">
      <c r="A89" s="20"/>
      <c r="B89" s="541">
        <v>70</v>
      </c>
      <c r="C89" s="542"/>
      <c r="D89" s="563" t="s">
        <v>2355</v>
      </c>
      <c r="E89" s="564"/>
      <c r="F89" s="564"/>
      <c r="G89" s="564"/>
      <c r="H89" s="564"/>
      <c r="I89" s="564"/>
      <c r="J89" s="564"/>
      <c r="K89" s="564"/>
      <c r="L89" s="564"/>
      <c r="M89" s="564"/>
      <c r="N89" s="564"/>
      <c r="O89" s="564"/>
      <c r="P89" s="564"/>
      <c r="Q89" s="565"/>
      <c r="R89" s="221" t="s">
        <v>515</v>
      </c>
      <c r="S89" s="546" t="s">
        <v>107</v>
      </c>
      <c r="T89" s="548"/>
      <c r="U89" s="623" t="s">
        <v>102</v>
      </c>
      <c r="V89" s="624"/>
      <c r="W89" s="625"/>
      <c r="X89" s="210">
        <v>3</v>
      </c>
      <c r="Y89" s="210" t="s">
        <v>103</v>
      </c>
      <c r="Z89" s="700"/>
      <c r="AA89" s="700"/>
      <c r="AB89" s="592"/>
      <c r="AC89" s="592"/>
      <c r="AD89" s="592"/>
      <c r="AE89" s="265"/>
      <c r="AF89" s="38"/>
    </row>
    <row r="90" spans="1:32" s="26" customFormat="1" ht="13.4" customHeight="1">
      <c r="A90" s="20"/>
      <c r="B90" s="541">
        <v>71</v>
      </c>
      <c r="C90" s="542"/>
      <c r="D90" s="563" t="s">
        <v>2356</v>
      </c>
      <c r="E90" s="564"/>
      <c r="F90" s="564"/>
      <c r="G90" s="564"/>
      <c r="H90" s="564"/>
      <c r="I90" s="564"/>
      <c r="J90" s="564"/>
      <c r="K90" s="564"/>
      <c r="L90" s="564"/>
      <c r="M90" s="564"/>
      <c r="N90" s="564"/>
      <c r="O90" s="564"/>
      <c r="P90" s="564"/>
      <c r="Q90" s="565"/>
      <c r="R90" s="221" t="s">
        <v>2357</v>
      </c>
      <c r="S90" s="546" t="s">
        <v>1844</v>
      </c>
      <c r="T90" s="548"/>
      <c r="U90" s="623" t="s">
        <v>102</v>
      </c>
      <c r="V90" s="624"/>
      <c r="W90" s="625"/>
      <c r="X90" s="213">
        <v>14</v>
      </c>
      <c r="Y90" s="213" t="s">
        <v>103</v>
      </c>
      <c r="Z90" s="700"/>
      <c r="AA90" s="700"/>
      <c r="AB90" s="592"/>
      <c r="AC90" s="592"/>
      <c r="AD90" s="592"/>
      <c r="AE90" s="265"/>
      <c r="AF90" s="38"/>
    </row>
    <row r="91" spans="1:32" s="26" customFormat="1" ht="13.4" customHeight="1">
      <c r="A91" s="20"/>
      <c r="B91" s="541">
        <v>72</v>
      </c>
      <c r="C91" s="542"/>
      <c r="D91" s="563" t="s">
        <v>418</v>
      </c>
      <c r="E91" s="564"/>
      <c r="F91" s="564"/>
      <c r="G91" s="564"/>
      <c r="H91" s="564"/>
      <c r="I91" s="564"/>
      <c r="J91" s="564"/>
      <c r="K91" s="564"/>
      <c r="L91" s="564"/>
      <c r="M91" s="564"/>
      <c r="N91" s="564"/>
      <c r="O91" s="564"/>
      <c r="P91" s="564"/>
      <c r="Q91" s="565"/>
      <c r="R91" s="221" t="s">
        <v>963</v>
      </c>
      <c r="S91" s="546" t="s">
        <v>107</v>
      </c>
      <c r="T91" s="548"/>
      <c r="U91" s="623" t="s">
        <v>102</v>
      </c>
      <c r="V91" s="624"/>
      <c r="W91" s="625"/>
      <c r="X91" s="210">
        <v>1</v>
      </c>
      <c r="Y91" s="210" t="s">
        <v>103</v>
      </c>
      <c r="Z91" s="700"/>
      <c r="AA91" s="700"/>
      <c r="AB91" s="592"/>
      <c r="AC91" s="592"/>
      <c r="AD91" s="592"/>
      <c r="AE91" s="265"/>
      <c r="AF91" s="38"/>
    </row>
    <row r="92" spans="1:32" s="26" customFormat="1" ht="13.4" customHeight="1">
      <c r="A92" s="20"/>
      <c r="B92" s="541">
        <v>73</v>
      </c>
      <c r="C92" s="542"/>
      <c r="D92" s="563" t="s">
        <v>420</v>
      </c>
      <c r="E92" s="564"/>
      <c r="F92" s="564"/>
      <c r="G92" s="564"/>
      <c r="H92" s="564"/>
      <c r="I92" s="564"/>
      <c r="J92" s="564"/>
      <c r="K92" s="564"/>
      <c r="L92" s="564"/>
      <c r="M92" s="564"/>
      <c r="N92" s="564"/>
      <c r="O92" s="564"/>
      <c r="P92" s="564"/>
      <c r="Q92" s="565"/>
      <c r="R92" s="221" t="s">
        <v>746</v>
      </c>
      <c r="S92" s="546" t="s">
        <v>107</v>
      </c>
      <c r="T92" s="548"/>
      <c r="U92" s="623" t="s">
        <v>102</v>
      </c>
      <c r="V92" s="624"/>
      <c r="W92" s="625"/>
      <c r="X92" s="210">
        <v>2</v>
      </c>
      <c r="Y92" s="210" t="s">
        <v>103</v>
      </c>
      <c r="Z92" s="700"/>
      <c r="AA92" s="700"/>
      <c r="AB92" s="592"/>
      <c r="AC92" s="592"/>
      <c r="AD92" s="592"/>
      <c r="AE92" s="265"/>
      <c r="AF92" s="38"/>
    </row>
    <row r="93" spans="1:32" s="26" customFormat="1" ht="13.4" customHeight="1">
      <c r="A93" s="20"/>
      <c r="B93" s="541">
        <v>74</v>
      </c>
      <c r="C93" s="542"/>
      <c r="D93" s="563" t="s">
        <v>2358</v>
      </c>
      <c r="E93" s="564"/>
      <c r="F93" s="564"/>
      <c r="G93" s="564"/>
      <c r="H93" s="564"/>
      <c r="I93" s="564"/>
      <c r="J93" s="564"/>
      <c r="K93" s="564"/>
      <c r="L93" s="564"/>
      <c r="M93" s="564"/>
      <c r="N93" s="564"/>
      <c r="O93" s="564"/>
      <c r="P93" s="564"/>
      <c r="Q93" s="565"/>
      <c r="R93" s="221" t="s">
        <v>2359</v>
      </c>
      <c r="S93" s="546" t="s">
        <v>1844</v>
      </c>
      <c r="T93" s="548"/>
      <c r="U93" s="623" t="s">
        <v>102</v>
      </c>
      <c r="V93" s="624"/>
      <c r="W93" s="625"/>
      <c r="X93" s="210">
        <v>4</v>
      </c>
      <c r="Y93" s="210" t="s">
        <v>103</v>
      </c>
      <c r="Z93" s="700"/>
      <c r="AA93" s="700"/>
      <c r="AB93" s="592"/>
      <c r="AC93" s="592"/>
      <c r="AD93" s="592"/>
      <c r="AE93" s="265"/>
      <c r="AF93" s="38"/>
    </row>
    <row r="94" spans="1:32" s="26" customFormat="1" ht="13.4" customHeight="1">
      <c r="A94" s="20"/>
      <c r="B94" s="541">
        <v>75</v>
      </c>
      <c r="C94" s="542"/>
      <c r="D94" s="563" t="s">
        <v>2360</v>
      </c>
      <c r="E94" s="564"/>
      <c r="F94" s="564"/>
      <c r="G94" s="564"/>
      <c r="H94" s="564"/>
      <c r="I94" s="564"/>
      <c r="J94" s="564"/>
      <c r="K94" s="564"/>
      <c r="L94" s="564"/>
      <c r="M94" s="564"/>
      <c r="N94" s="564"/>
      <c r="O94" s="564"/>
      <c r="P94" s="564"/>
      <c r="Q94" s="565"/>
      <c r="R94" s="221" t="s">
        <v>2361</v>
      </c>
      <c r="S94" s="546" t="s">
        <v>107</v>
      </c>
      <c r="T94" s="548"/>
      <c r="U94" s="623" t="s">
        <v>2362</v>
      </c>
      <c r="V94" s="624"/>
      <c r="W94" s="625"/>
      <c r="X94" s="210">
        <v>10</v>
      </c>
      <c r="Y94" s="210">
        <v>0</v>
      </c>
      <c r="Z94" s="700"/>
      <c r="AA94" s="700"/>
      <c r="AB94" s="592"/>
      <c r="AC94" s="592"/>
      <c r="AD94" s="592"/>
      <c r="AE94" s="265"/>
      <c r="AF94" s="38"/>
    </row>
    <row r="95" spans="1:32" s="26" customFormat="1" ht="13.4" customHeight="1">
      <c r="A95" s="20"/>
      <c r="B95" s="541">
        <v>76</v>
      </c>
      <c r="C95" s="542"/>
      <c r="D95" s="563" t="s">
        <v>422</v>
      </c>
      <c r="E95" s="564"/>
      <c r="F95" s="564"/>
      <c r="G95" s="564"/>
      <c r="H95" s="564"/>
      <c r="I95" s="564"/>
      <c r="J95" s="564"/>
      <c r="K95" s="564"/>
      <c r="L95" s="564"/>
      <c r="M95" s="564"/>
      <c r="N95" s="564"/>
      <c r="O95" s="564"/>
      <c r="P95" s="564"/>
      <c r="Q95" s="565"/>
      <c r="R95" s="221" t="s">
        <v>747</v>
      </c>
      <c r="S95" s="546" t="s">
        <v>107</v>
      </c>
      <c r="T95" s="548"/>
      <c r="U95" s="623" t="s">
        <v>102</v>
      </c>
      <c r="V95" s="624"/>
      <c r="W95" s="625"/>
      <c r="X95" s="210">
        <v>1</v>
      </c>
      <c r="Y95" s="210" t="s">
        <v>103</v>
      </c>
      <c r="Z95" s="700"/>
      <c r="AA95" s="700"/>
      <c r="AB95" s="592"/>
      <c r="AC95" s="592"/>
      <c r="AD95" s="592"/>
      <c r="AE95" s="265"/>
      <c r="AF95" s="38"/>
    </row>
    <row r="96" spans="1:32" s="54" customFormat="1" ht="13.4" customHeight="1">
      <c r="A96" s="20"/>
      <c r="B96" s="541">
        <v>77</v>
      </c>
      <c r="C96" s="542"/>
      <c r="D96" s="563" t="s">
        <v>2363</v>
      </c>
      <c r="E96" s="564"/>
      <c r="F96" s="564"/>
      <c r="G96" s="564"/>
      <c r="H96" s="564"/>
      <c r="I96" s="564"/>
      <c r="J96" s="564"/>
      <c r="K96" s="564"/>
      <c r="L96" s="564"/>
      <c r="M96" s="564"/>
      <c r="N96" s="564"/>
      <c r="O96" s="564"/>
      <c r="P96" s="564"/>
      <c r="Q96" s="565"/>
      <c r="R96" s="221" t="s">
        <v>749</v>
      </c>
      <c r="S96" s="546" t="s">
        <v>107</v>
      </c>
      <c r="T96" s="548"/>
      <c r="U96" s="623" t="s">
        <v>102</v>
      </c>
      <c r="V96" s="624"/>
      <c r="W96" s="625"/>
      <c r="X96" s="210">
        <v>7</v>
      </c>
      <c r="Y96" s="210" t="s">
        <v>103</v>
      </c>
      <c r="Z96" s="700"/>
      <c r="AA96" s="700"/>
      <c r="AB96" s="592"/>
      <c r="AC96" s="592"/>
      <c r="AD96" s="592"/>
      <c r="AE96" s="265" t="s">
        <v>3020</v>
      </c>
      <c r="AF96" s="38"/>
    </row>
    <row r="97" spans="1:32" s="54" customFormat="1" ht="13.4" customHeight="1">
      <c r="A97" s="20"/>
      <c r="B97" s="676">
        <v>78</v>
      </c>
      <c r="C97" s="677"/>
      <c r="D97" s="694" t="s">
        <v>2364</v>
      </c>
      <c r="E97" s="695"/>
      <c r="F97" s="695"/>
      <c r="G97" s="695"/>
      <c r="H97" s="695"/>
      <c r="I97" s="695"/>
      <c r="J97" s="695"/>
      <c r="K97" s="695"/>
      <c r="L97" s="695"/>
      <c r="M97" s="695"/>
      <c r="N97" s="695"/>
      <c r="O97" s="695"/>
      <c r="P97" s="695"/>
      <c r="Q97" s="696"/>
      <c r="R97" s="261" t="s">
        <v>751</v>
      </c>
      <c r="S97" s="681" t="s">
        <v>107</v>
      </c>
      <c r="T97" s="683"/>
      <c r="U97" s="724" t="s">
        <v>102</v>
      </c>
      <c r="V97" s="725"/>
      <c r="W97" s="726"/>
      <c r="X97" s="269">
        <v>2</v>
      </c>
      <c r="Y97" s="269" t="s">
        <v>103</v>
      </c>
      <c r="Z97" s="648" t="s">
        <v>109</v>
      </c>
      <c r="AA97" s="649"/>
      <c r="AB97" s="717"/>
      <c r="AC97" s="717"/>
      <c r="AD97" s="717"/>
      <c r="AE97" s="321" t="s">
        <v>480</v>
      </c>
      <c r="AF97" s="38"/>
    </row>
    <row r="98" spans="1:32" s="26" customFormat="1" ht="13.4" customHeight="1">
      <c r="A98" s="20"/>
      <c r="B98" s="541">
        <v>79</v>
      </c>
      <c r="C98" s="542"/>
      <c r="D98" s="563" t="s">
        <v>2365</v>
      </c>
      <c r="E98" s="564"/>
      <c r="F98" s="564"/>
      <c r="G98" s="564"/>
      <c r="H98" s="564"/>
      <c r="I98" s="564"/>
      <c r="J98" s="564"/>
      <c r="K98" s="564"/>
      <c r="L98" s="564"/>
      <c r="M98" s="564"/>
      <c r="N98" s="564"/>
      <c r="O98" s="564"/>
      <c r="P98" s="564"/>
      <c r="Q98" s="565"/>
      <c r="R98" s="221" t="s">
        <v>2366</v>
      </c>
      <c r="S98" s="546" t="s">
        <v>1844</v>
      </c>
      <c r="T98" s="548"/>
      <c r="U98" s="623" t="s">
        <v>102</v>
      </c>
      <c r="V98" s="624"/>
      <c r="W98" s="625"/>
      <c r="X98" s="213">
        <v>40</v>
      </c>
      <c r="Y98" s="213" t="s">
        <v>103</v>
      </c>
      <c r="Z98" s="700"/>
      <c r="AA98" s="700"/>
      <c r="AB98" s="592"/>
      <c r="AC98" s="592"/>
      <c r="AD98" s="592"/>
      <c r="AE98" s="265"/>
      <c r="AF98" s="38"/>
    </row>
    <row r="99" spans="1:32" s="26" customFormat="1" ht="13.4" customHeight="1">
      <c r="A99" s="20"/>
      <c r="B99" s="541">
        <v>80</v>
      </c>
      <c r="C99" s="542"/>
      <c r="D99" s="563" t="s">
        <v>430</v>
      </c>
      <c r="E99" s="564"/>
      <c r="F99" s="564"/>
      <c r="G99" s="564"/>
      <c r="H99" s="564"/>
      <c r="I99" s="564"/>
      <c r="J99" s="564"/>
      <c r="K99" s="564"/>
      <c r="L99" s="564"/>
      <c r="M99" s="564"/>
      <c r="N99" s="564"/>
      <c r="O99" s="564"/>
      <c r="P99" s="564"/>
      <c r="Q99" s="565"/>
      <c r="R99" s="221" t="s">
        <v>964</v>
      </c>
      <c r="S99" s="546" t="s">
        <v>107</v>
      </c>
      <c r="T99" s="548"/>
      <c r="U99" s="623" t="s">
        <v>102</v>
      </c>
      <c r="V99" s="624"/>
      <c r="W99" s="625"/>
      <c r="X99" s="210">
        <v>6</v>
      </c>
      <c r="Y99" s="210" t="s">
        <v>103</v>
      </c>
      <c r="Z99" s="700"/>
      <c r="AA99" s="700"/>
      <c r="AB99" s="592"/>
      <c r="AC99" s="592"/>
      <c r="AD99" s="592"/>
      <c r="AE99" s="265"/>
      <c r="AF99" s="38"/>
    </row>
    <row r="100" spans="1:32" s="54" customFormat="1" ht="13.4" customHeight="1">
      <c r="A100" s="20"/>
      <c r="B100" s="541">
        <v>81</v>
      </c>
      <c r="C100" s="542"/>
      <c r="D100" s="563" t="s">
        <v>432</v>
      </c>
      <c r="E100" s="564"/>
      <c r="F100" s="564"/>
      <c r="G100" s="564"/>
      <c r="H100" s="564"/>
      <c r="I100" s="564"/>
      <c r="J100" s="564"/>
      <c r="K100" s="564"/>
      <c r="L100" s="564"/>
      <c r="M100" s="564"/>
      <c r="N100" s="564"/>
      <c r="O100" s="564"/>
      <c r="P100" s="564"/>
      <c r="Q100" s="565"/>
      <c r="R100" s="221" t="s">
        <v>965</v>
      </c>
      <c r="S100" s="546" t="s">
        <v>107</v>
      </c>
      <c r="T100" s="548"/>
      <c r="U100" s="623" t="s">
        <v>102</v>
      </c>
      <c r="V100" s="624"/>
      <c r="W100" s="625"/>
      <c r="X100" s="210">
        <v>2</v>
      </c>
      <c r="Y100" s="210" t="s">
        <v>103</v>
      </c>
      <c r="Z100" s="700"/>
      <c r="AA100" s="700"/>
      <c r="AB100" s="592"/>
      <c r="AC100" s="592"/>
      <c r="AD100" s="592"/>
      <c r="AE100" s="267"/>
      <c r="AF100" s="38"/>
    </row>
    <row r="101" spans="1:32" s="26" customFormat="1">
      <c r="A101" s="20"/>
      <c r="B101" s="541">
        <v>82</v>
      </c>
      <c r="C101" s="542"/>
      <c r="D101" s="543" t="s">
        <v>2367</v>
      </c>
      <c r="E101" s="544"/>
      <c r="F101" s="544"/>
      <c r="G101" s="544"/>
      <c r="H101" s="544"/>
      <c r="I101" s="544"/>
      <c r="J101" s="544"/>
      <c r="K101" s="544"/>
      <c r="L101" s="544"/>
      <c r="M101" s="544"/>
      <c r="N101" s="544"/>
      <c r="O101" s="544"/>
      <c r="P101" s="544"/>
      <c r="Q101" s="545"/>
      <c r="R101" s="221" t="s">
        <v>2368</v>
      </c>
      <c r="S101" s="546" t="s">
        <v>1856</v>
      </c>
      <c r="T101" s="548"/>
      <c r="U101" s="623" t="s">
        <v>102</v>
      </c>
      <c r="V101" s="624"/>
      <c r="W101" s="625"/>
      <c r="X101" s="210">
        <v>4</v>
      </c>
      <c r="Y101" s="210" t="s">
        <v>103</v>
      </c>
      <c r="Z101" s="700"/>
      <c r="AA101" s="700"/>
      <c r="AB101" s="592"/>
      <c r="AC101" s="592"/>
      <c r="AD101" s="592"/>
      <c r="AE101" s="265"/>
      <c r="AF101" s="38"/>
    </row>
    <row r="102" spans="1:32" s="26" customFormat="1">
      <c r="A102" s="20"/>
      <c r="B102" s="541">
        <v>83</v>
      </c>
      <c r="C102" s="542"/>
      <c r="D102" s="543" t="s">
        <v>2369</v>
      </c>
      <c r="E102" s="544"/>
      <c r="F102" s="544"/>
      <c r="G102" s="544"/>
      <c r="H102" s="544"/>
      <c r="I102" s="544"/>
      <c r="J102" s="544"/>
      <c r="K102" s="544"/>
      <c r="L102" s="544"/>
      <c r="M102" s="544"/>
      <c r="N102" s="544"/>
      <c r="O102" s="544"/>
      <c r="P102" s="544"/>
      <c r="Q102" s="545"/>
      <c r="R102" s="221" t="s">
        <v>2370</v>
      </c>
      <c r="S102" s="546" t="s">
        <v>1844</v>
      </c>
      <c r="T102" s="548"/>
      <c r="U102" s="623" t="s">
        <v>102</v>
      </c>
      <c r="V102" s="624"/>
      <c r="W102" s="625"/>
      <c r="X102" s="210">
        <v>10</v>
      </c>
      <c r="Y102" s="210" t="s">
        <v>103</v>
      </c>
      <c r="Z102" s="700"/>
      <c r="AA102" s="700"/>
      <c r="AB102" s="592"/>
      <c r="AC102" s="592"/>
      <c r="AD102" s="592"/>
      <c r="AE102" s="265"/>
      <c r="AF102" s="38"/>
    </row>
    <row r="103" spans="1:32" s="26" customFormat="1" ht="13.4" customHeight="1">
      <c r="A103" s="20"/>
      <c r="B103" s="541">
        <v>84</v>
      </c>
      <c r="C103" s="542"/>
      <c r="D103" s="563" t="s">
        <v>2371</v>
      </c>
      <c r="E103" s="564"/>
      <c r="F103" s="564"/>
      <c r="G103" s="564"/>
      <c r="H103" s="564"/>
      <c r="I103" s="564"/>
      <c r="J103" s="564"/>
      <c r="K103" s="564"/>
      <c r="L103" s="564"/>
      <c r="M103" s="564"/>
      <c r="N103" s="564"/>
      <c r="O103" s="564"/>
      <c r="P103" s="564"/>
      <c r="Q103" s="565"/>
      <c r="R103" s="221" t="s">
        <v>2372</v>
      </c>
      <c r="S103" s="546" t="s">
        <v>107</v>
      </c>
      <c r="T103" s="548"/>
      <c r="U103" s="623" t="s">
        <v>2362</v>
      </c>
      <c r="V103" s="624"/>
      <c r="W103" s="625"/>
      <c r="X103" s="210">
        <v>10</v>
      </c>
      <c r="Y103" s="210">
        <v>0</v>
      </c>
      <c r="Z103" s="700"/>
      <c r="AA103" s="700"/>
      <c r="AB103" s="592"/>
      <c r="AC103" s="592"/>
      <c r="AD103" s="592"/>
      <c r="AE103" s="265"/>
      <c r="AF103" s="38"/>
    </row>
    <row r="104" spans="1:32" s="26" customFormat="1" ht="13.4" customHeight="1">
      <c r="A104" s="20"/>
      <c r="B104" s="541">
        <v>85</v>
      </c>
      <c r="C104" s="542"/>
      <c r="D104" s="563" t="s">
        <v>2373</v>
      </c>
      <c r="E104" s="564"/>
      <c r="F104" s="564"/>
      <c r="G104" s="564"/>
      <c r="H104" s="564"/>
      <c r="I104" s="564"/>
      <c r="J104" s="564"/>
      <c r="K104" s="564"/>
      <c r="L104" s="564"/>
      <c r="M104" s="564"/>
      <c r="N104" s="564"/>
      <c r="O104" s="564"/>
      <c r="P104" s="564"/>
      <c r="Q104" s="565"/>
      <c r="R104" s="221" t="s">
        <v>2374</v>
      </c>
      <c r="S104" s="546" t="s">
        <v>107</v>
      </c>
      <c r="T104" s="548"/>
      <c r="U104" s="623" t="s">
        <v>102</v>
      </c>
      <c r="V104" s="624"/>
      <c r="W104" s="625"/>
      <c r="X104" s="210">
        <v>7</v>
      </c>
      <c r="Y104" s="210" t="s">
        <v>103</v>
      </c>
      <c r="Z104" s="700"/>
      <c r="AA104" s="700"/>
      <c r="AB104" s="592"/>
      <c r="AC104" s="592"/>
      <c r="AD104" s="592"/>
      <c r="AE104" s="265"/>
      <c r="AF104" s="38"/>
    </row>
    <row r="105" spans="1:32" s="54" customFormat="1" ht="13.4" customHeight="1">
      <c r="A105" s="20"/>
      <c r="B105" s="541">
        <v>86</v>
      </c>
      <c r="C105" s="542"/>
      <c r="D105" s="563" t="s">
        <v>2375</v>
      </c>
      <c r="E105" s="564"/>
      <c r="F105" s="564"/>
      <c r="G105" s="564"/>
      <c r="H105" s="564"/>
      <c r="I105" s="564"/>
      <c r="J105" s="564"/>
      <c r="K105" s="564"/>
      <c r="L105" s="564"/>
      <c r="M105" s="564"/>
      <c r="N105" s="564"/>
      <c r="O105" s="564"/>
      <c r="P105" s="564"/>
      <c r="Q105" s="565"/>
      <c r="R105" s="221" t="s">
        <v>2376</v>
      </c>
      <c r="S105" s="546" t="s">
        <v>1844</v>
      </c>
      <c r="T105" s="548"/>
      <c r="U105" s="623" t="s">
        <v>102</v>
      </c>
      <c r="V105" s="624"/>
      <c r="W105" s="625"/>
      <c r="X105" s="213">
        <v>10</v>
      </c>
      <c r="Y105" s="213" t="s">
        <v>103</v>
      </c>
      <c r="Z105" s="700"/>
      <c r="AA105" s="700"/>
      <c r="AB105" s="592"/>
      <c r="AC105" s="592"/>
      <c r="AD105" s="592"/>
      <c r="AE105" s="267"/>
      <c r="AF105" s="38"/>
    </row>
    <row r="106" spans="1:32" s="26" customFormat="1" ht="13.4" customHeight="1">
      <c r="A106" s="20"/>
      <c r="B106" s="541">
        <v>87</v>
      </c>
      <c r="C106" s="542"/>
      <c r="D106" s="563" t="s">
        <v>549</v>
      </c>
      <c r="E106" s="564"/>
      <c r="F106" s="564"/>
      <c r="G106" s="564"/>
      <c r="H106" s="564"/>
      <c r="I106" s="564"/>
      <c r="J106" s="564"/>
      <c r="K106" s="564"/>
      <c r="L106" s="564"/>
      <c r="M106" s="564"/>
      <c r="N106" s="564"/>
      <c r="O106" s="564"/>
      <c r="P106" s="564"/>
      <c r="Q106" s="565"/>
      <c r="R106" s="221" t="s">
        <v>550</v>
      </c>
      <c r="S106" s="546" t="s">
        <v>101</v>
      </c>
      <c r="T106" s="548"/>
      <c r="U106" s="623" t="s">
        <v>102</v>
      </c>
      <c r="V106" s="624"/>
      <c r="W106" s="625"/>
      <c r="X106" s="210">
        <v>8</v>
      </c>
      <c r="Y106" s="210" t="s">
        <v>103</v>
      </c>
      <c r="Z106" s="700"/>
      <c r="AA106" s="700"/>
      <c r="AB106" s="592"/>
      <c r="AC106" s="592"/>
      <c r="AD106" s="592"/>
      <c r="AE106" s="265" t="s">
        <v>3020</v>
      </c>
      <c r="AF106" s="38"/>
    </row>
    <row r="107" spans="1:32" s="26" customFormat="1" ht="13.4" customHeight="1">
      <c r="A107" s="20"/>
      <c r="B107" s="541">
        <v>88</v>
      </c>
      <c r="C107" s="542"/>
      <c r="D107" s="563" t="s">
        <v>551</v>
      </c>
      <c r="E107" s="564"/>
      <c r="F107" s="564"/>
      <c r="G107" s="564"/>
      <c r="H107" s="564"/>
      <c r="I107" s="564"/>
      <c r="J107" s="564"/>
      <c r="K107" s="564"/>
      <c r="L107" s="564"/>
      <c r="M107" s="564"/>
      <c r="N107" s="564"/>
      <c r="O107" s="564"/>
      <c r="P107" s="564"/>
      <c r="Q107" s="565"/>
      <c r="R107" s="221" t="s">
        <v>552</v>
      </c>
      <c r="S107" s="546" t="s">
        <v>107</v>
      </c>
      <c r="T107" s="548"/>
      <c r="U107" s="623" t="s">
        <v>108</v>
      </c>
      <c r="V107" s="624"/>
      <c r="W107" s="625"/>
      <c r="X107" s="210">
        <v>2</v>
      </c>
      <c r="Y107" s="210">
        <v>0</v>
      </c>
      <c r="Z107" s="700"/>
      <c r="AA107" s="700"/>
      <c r="AB107" s="592"/>
      <c r="AC107" s="592"/>
      <c r="AD107" s="592"/>
      <c r="AE107" s="265"/>
      <c r="AF107" s="38"/>
    </row>
    <row r="108" spans="1:32" s="54" customFormat="1" ht="13.4" customHeight="1">
      <c r="A108" s="20"/>
      <c r="B108" s="541">
        <v>89</v>
      </c>
      <c r="C108" s="542"/>
      <c r="D108" s="563" t="s">
        <v>553</v>
      </c>
      <c r="E108" s="564"/>
      <c r="F108" s="564"/>
      <c r="G108" s="564"/>
      <c r="H108" s="564"/>
      <c r="I108" s="564"/>
      <c r="J108" s="564"/>
      <c r="K108" s="564"/>
      <c r="L108" s="564"/>
      <c r="M108" s="564"/>
      <c r="N108" s="564"/>
      <c r="O108" s="564"/>
      <c r="P108" s="564"/>
      <c r="Q108" s="565"/>
      <c r="R108" s="221" t="s">
        <v>554</v>
      </c>
      <c r="S108" s="546" t="s">
        <v>107</v>
      </c>
      <c r="T108" s="548"/>
      <c r="U108" s="623" t="s">
        <v>108</v>
      </c>
      <c r="V108" s="624"/>
      <c r="W108" s="625"/>
      <c r="X108" s="210">
        <v>8</v>
      </c>
      <c r="Y108" s="210">
        <v>0</v>
      </c>
      <c r="Z108" s="700"/>
      <c r="AA108" s="700"/>
      <c r="AB108" s="592"/>
      <c r="AC108" s="592"/>
      <c r="AD108" s="592"/>
      <c r="AE108" s="267"/>
      <c r="AF108" s="38"/>
    </row>
    <row r="109" spans="1:32" s="26" customFormat="1" ht="13.4" customHeight="1">
      <c r="A109" s="20"/>
      <c r="B109" s="541">
        <v>90</v>
      </c>
      <c r="C109" s="542"/>
      <c r="D109" s="563" t="s">
        <v>556</v>
      </c>
      <c r="E109" s="564"/>
      <c r="F109" s="564"/>
      <c r="G109" s="564"/>
      <c r="H109" s="564"/>
      <c r="I109" s="564"/>
      <c r="J109" s="564"/>
      <c r="K109" s="564"/>
      <c r="L109" s="564"/>
      <c r="M109" s="564"/>
      <c r="N109" s="564"/>
      <c r="O109" s="564"/>
      <c r="P109" s="564"/>
      <c r="Q109" s="565"/>
      <c r="R109" s="221" t="s">
        <v>557</v>
      </c>
      <c r="S109" s="546" t="s">
        <v>107</v>
      </c>
      <c r="T109" s="548"/>
      <c r="U109" s="623" t="s">
        <v>108</v>
      </c>
      <c r="V109" s="624"/>
      <c r="W109" s="625"/>
      <c r="X109" s="210">
        <v>2</v>
      </c>
      <c r="Y109" s="210">
        <v>0</v>
      </c>
      <c r="Z109" s="700"/>
      <c r="AA109" s="700"/>
      <c r="AB109" s="592"/>
      <c r="AC109" s="592"/>
      <c r="AD109" s="592"/>
      <c r="AE109" s="265"/>
      <c r="AF109" s="38"/>
    </row>
    <row r="110" spans="1:32" s="26" customFormat="1" ht="13.4" customHeight="1">
      <c r="A110" s="20"/>
      <c r="B110" s="541">
        <v>91</v>
      </c>
      <c r="C110" s="542"/>
      <c r="D110" s="563" t="s">
        <v>558</v>
      </c>
      <c r="E110" s="564"/>
      <c r="F110" s="564"/>
      <c r="G110" s="564"/>
      <c r="H110" s="564"/>
      <c r="I110" s="564"/>
      <c r="J110" s="564"/>
      <c r="K110" s="564"/>
      <c r="L110" s="564"/>
      <c r="M110" s="564"/>
      <c r="N110" s="564"/>
      <c r="O110" s="564"/>
      <c r="P110" s="564"/>
      <c r="Q110" s="565"/>
      <c r="R110" s="221" t="s">
        <v>559</v>
      </c>
      <c r="S110" s="546" t="s">
        <v>107</v>
      </c>
      <c r="T110" s="548"/>
      <c r="U110" s="623" t="s">
        <v>108</v>
      </c>
      <c r="V110" s="624"/>
      <c r="W110" s="625"/>
      <c r="X110" s="210">
        <v>8</v>
      </c>
      <c r="Y110" s="210">
        <v>0</v>
      </c>
      <c r="Z110" s="700"/>
      <c r="AA110" s="700"/>
      <c r="AB110" s="592"/>
      <c r="AC110" s="592"/>
      <c r="AD110" s="592"/>
      <c r="AE110" s="265"/>
      <c r="AF110" s="38"/>
    </row>
    <row r="111" spans="1:32" s="26" customFormat="1" ht="13.4" customHeight="1">
      <c r="A111" s="20"/>
      <c r="B111" s="541">
        <v>92</v>
      </c>
      <c r="C111" s="542"/>
      <c r="D111" s="563" t="s">
        <v>560</v>
      </c>
      <c r="E111" s="564"/>
      <c r="F111" s="564"/>
      <c r="G111" s="564"/>
      <c r="H111" s="564"/>
      <c r="I111" s="564"/>
      <c r="J111" s="564"/>
      <c r="K111" s="564"/>
      <c r="L111" s="564"/>
      <c r="M111" s="564"/>
      <c r="N111" s="564"/>
      <c r="O111" s="564"/>
      <c r="P111" s="564"/>
      <c r="Q111" s="565"/>
      <c r="R111" s="221" t="s">
        <v>561</v>
      </c>
      <c r="S111" s="546" t="s">
        <v>107</v>
      </c>
      <c r="T111" s="548"/>
      <c r="U111" s="623" t="s">
        <v>102</v>
      </c>
      <c r="V111" s="624"/>
      <c r="W111" s="625"/>
      <c r="X111" s="210">
        <v>1</v>
      </c>
      <c r="Y111" s="210" t="s">
        <v>103</v>
      </c>
      <c r="Z111" s="700"/>
      <c r="AA111" s="700"/>
      <c r="AB111" s="592"/>
      <c r="AC111" s="592"/>
      <c r="AD111" s="592"/>
      <c r="AE111" s="265"/>
      <c r="AF111" s="38"/>
    </row>
    <row r="112" spans="1:32" s="26" customFormat="1" ht="13.4" customHeight="1">
      <c r="A112" s="20"/>
      <c r="B112" s="541">
        <v>93</v>
      </c>
      <c r="C112" s="542"/>
      <c r="D112" s="563" t="s">
        <v>2377</v>
      </c>
      <c r="E112" s="564"/>
      <c r="F112" s="564"/>
      <c r="G112" s="564"/>
      <c r="H112" s="564"/>
      <c r="I112" s="564"/>
      <c r="J112" s="564"/>
      <c r="K112" s="564"/>
      <c r="L112" s="564"/>
      <c r="M112" s="564"/>
      <c r="N112" s="564"/>
      <c r="O112" s="564"/>
      <c r="P112" s="564"/>
      <c r="Q112" s="565"/>
      <c r="R112" s="221" t="s">
        <v>2378</v>
      </c>
      <c r="S112" s="546" t="s">
        <v>1844</v>
      </c>
      <c r="T112" s="548"/>
      <c r="U112" s="623" t="s">
        <v>102</v>
      </c>
      <c r="V112" s="624"/>
      <c r="W112" s="625"/>
      <c r="X112" s="213">
        <v>20</v>
      </c>
      <c r="Y112" s="213" t="s">
        <v>103</v>
      </c>
      <c r="Z112" s="700"/>
      <c r="AA112" s="700"/>
      <c r="AB112" s="592"/>
      <c r="AC112" s="592"/>
      <c r="AD112" s="592"/>
      <c r="AE112" s="265"/>
      <c r="AF112" s="38"/>
    </row>
    <row r="113" spans="1:32" s="26" customFormat="1" ht="13.4" customHeight="1">
      <c r="A113" s="20"/>
      <c r="B113" s="541">
        <v>94</v>
      </c>
      <c r="C113" s="542"/>
      <c r="D113" s="563" t="s">
        <v>562</v>
      </c>
      <c r="E113" s="564"/>
      <c r="F113" s="564"/>
      <c r="G113" s="564"/>
      <c r="H113" s="564"/>
      <c r="I113" s="564"/>
      <c r="J113" s="564"/>
      <c r="K113" s="564"/>
      <c r="L113" s="564"/>
      <c r="M113" s="564"/>
      <c r="N113" s="564"/>
      <c r="O113" s="564"/>
      <c r="P113" s="564"/>
      <c r="Q113" s="565"/>
      <c r="R113" s="221" t="s">
        <v>563</v>
      </c>
      <c r="S113" s="546" t="s">
        <v>107</v>
      </c>
      <c r="T113" s="548"/>
      <c r="U113" s="623" t="s">
        <v>108</v>
      </c>
      <c r="V113" s="624"/>
      <c r="W113" s="625"/>
      <c r="X113" s="210">
        <v>9</v>
      </c>
      <c r="Y113" s="210">
        <v>0</v>
      </c>
      <c r="Z113" s="700"/>
      <c r="AA113" s="700"/>
      <c r="AB113" s="592"/>
      <c r="AC113" s="592"/>
      <c r="AD113" s="592"/>
      <c r="AE113" s="265"/>
      <c r="AF113" s="38"/>
    </row>
    <row r="114" spans="1:32" s="26" customFormat="1" ht="13.4" customHeight="1">
      <c r="A114" s="20"/>
      <c r="B114" s="541">
        <v>95</v>
      </c>
      <c r="C114" s="542"/>
      <c r="D114" s="563" t="s">
        <v>564</v>
      </c>
      <c r="E114" s="564"/>
      <c r="F114" s="564"/>
      <c r="G114" s="564"/>
      <c r="H114" s="564"/>
      <c r="I114" s="564"/>
      <c r="J114" s="564"/>
      <c r="K114" s="564"/>
      <c r="L114" s="564"/>
      <c r="M114" s="564"/>
      <c r="N114" s="564"/>
      <c r="O114" s="564"/>
      <c r="P114" s="564"/>
      <c r="Q114" s="565"/>
      <c r="R114" s="221" t="s">
        <v>565</v>
      </c>
      <c r="S114" s="546" t="s">
        <v>107</v>
      </c>
      <c r="T114" s="548"/>
      <c r="U114" s="623" t="s">
        <v>102</v>
      </c>
      <c r="V114" s="624"/>
      <c r="W114" s="625"/>
      <c r="X114" s="210">
        <v>1</v>
      </c>
      <c r="Y114" s="210" t="s">
        <v>103</v>
      </c>
      <c r="Z114" s="700"/>
      <c r="AA114" s="700"/>
      <c r="AB114" s="592"/>
      <c r="AC114" s="592"/>
      <c r="AD114" s="592"/>
      <c r="AE114" s="265"/>
      <c r="AF114" s="38"/>
    </row>
    <row r="115" spans="1:32" s="54" customFormat="1" ht="13.4" customHeight="1">
      <c r="A115" s="20"/>
      <c r="B115" s="541">
        <v>96</v>
      </c>
      <c r="C115" s="542"/>
      <c r="D115" s="563" t="s">
        <v>2379</v>
      </c>
      <c r="E115" s="564"/>
      <c r="F115" s="564"/>
      <c r="G115" s="564"/>
      <c r="H115" s="564"/>
      <c r="I115" s="564"/>
      <c r="J115" s="564"/>
      <c r="K115" s="564"/>
      <c r="L115" s="564"/>
      <c r="M115" s="564"/>
      <c r="N115" s="564"/>
      <c r="O115" s="564"/>
      <c r="P115" s="564"/>
      <c r="Q115" s="565"/>
      <c r="R115" s="221" t="s">
        <v>2380</v>
      </c>
      <c r="S115" s="546" t="s">
        <v>1844</v>
      </c>
      <c r="T115" s="548"/>
      <c r="U115" s="623" t="s">
        <v>102</v>
      </c>
      <c r="V115" s="624"/>
      <c r="W115" s="625"/>
      <c r="X115" s="213">
        <v>8</v>
      </c>
      <c r="Y115" s="213" t="s">
        <v>103</v>
      </c>
      <c r="Z115" s="700"/>
      <c r="AA115" s="700"/>
      <c r="AB115" s="592"/>
      <c r="AC115" s="592"/>
      <c r="AD115" s="592"/>
      <c r="AE115" s="267"/>
      <c r="AF115" s="38"/>
    </row>
    <row r="116" spans="1:32" s="54" customFormat="1" ht="13.4" customHeight="1">
      <c r="A116" s="20"/>
      <c r="B116" s="541">
        <v>97</v>
      </c>
      <c r="C116" s="542"/>
      <c r="D116" s="563" t="s">
        <v>566</v>
      </c>
      <c r="E116" s="564"/>
      <c r="F116" s="564"/>
      <c r="G116" s="564"/>
      <c r="H116" s="564"/>
      <c r="I116" s="564"/>
      <c r="J116" s="564"/>
      <c r="K116" s="564"/>
      <c r="L116" s="564"/>
      <c r="M116" s="564"/>
      <c r="N116" s="564"/>
      <c r="O116" s="564"/>
      <c r="P116" s="564"/>
      <c r="Q116" s="565"/>
      <c r="R116" s="221" t="s">
        <v>567</v>
      </c>
      <c r="S116" s="546" t="s">
        <v>107</v>
      </c>
      <c r="T116" s="548"/>
      <c r="U116" s="623" t="s">
        <v>108</v>
      </c>
      <c r="V116" s="624"/>
      <c r="W116" s="625"/>
      <c r="X116" s="210">
        <v>3</v>
      </c>
      <c r="Y116" s="210">
        <v>0</v>
      </c>
      <c r="Z116" s="700"/>
      <c r="AA116" s="700"/>
      <c r="AB116" s="592"/>
      <c r="AC116" s="592"/>
      <c r="AD116" s="592"/>
      <c r="AE116" s="267"/>
      <c r="AF116" s="38"/>
    </row>
    <row r="117" spans="1:32" s="26" customFormat="1" ht="13.4" customHeight="1">
      <c r="A117" s="20"/>
      <c r="B117" s="541">
        <v>98</v>
      </c>
      <c r="C117" s="542"/>
      <c r="D117" s="563" t="s">
        <v>568</v>
      </c>
      <c r="E117" s="564"/>
      <c r="F117" s="564"/>
      <c r="G117" s="564"/>
      <c r="H117" s="564"/>
      <c r="I117" s="564"/>
      <c r="J117" s="564"/>
      <c r="K117" s="564"/>
      <c r="L117" s="564"/>
      <c r="M117" s="564"/>
      <c r="N117" s="564"/>
      <c r="O117" s="564"/>
      <c r="P117" s="564"/>
      <c r="Q117" s="565"/>
      <c r="R117" s="221" t="s">
        <v>569</v>
      </c>
      <c r="S117" s="546" t="s">
        <v>107</v>
      </c>
      <c r="T117" s="548"/>
      <c r="U117" s="623" t="s">
        <v>108</v>
      </c>
      <c r="V117" s="624"/>
      <c r="W117" s="625"/>
      <c r="X117" s="210">
        <v>6</v>
      </c>
      <c r="Y117" s="210">
        <v>0</v>
      </c>
      <c r="Z117" s="700"/>
      <c r="AA117" s="700"/>
      <c r="AB117" s="592"/>
      <c r="AC117" s="592"/>
      <c r="AD117" s="592"/>
      <c r="AE117" s="265"/>
      <c r="AF117" s="38"/>
    </row>
    <row r="118" spans="1:32" s="26" customFormat="1">
      <c r="A118" s="20"/>
      <c r="B118" s="59"/>
      <c r="C118" s="59"/>
      <c r="D118" s="40"/>
      <c r="E118" s="40"/>
      <c r="F118" s="40"/>
      <c r="G118" s="40"/>
      <c r="H118" s="40"/>
      <c r="I118" s="40"/>
      <c r="J118" s="40"/>
      <c r="K118" s="40"/>
      <c r="L118" s="40"/>
      <c r="M118" s="40"/>
      <c r="N118" s="40"/>
      <c r="O118" s="40"/>
      <c r="P118" s="40"/>
      <c r="Q118" s="40"/>
      <c r="R118" s="214"/>
      <c r="S118" s="65"/>
      <c r="T118" s="65"/>
      <c r="U118" s="65"/>
      <c r="V118" s="65"/>
      <c r="W118" s="65"/>
      <c r="X118" s="60"/>
      <c r="Y118" s="60"/>
      <c r="Z118" s="120"/>
      <c r="AA118" s="120"/>
      <c r="AB118" s="41"/>
      <c r="AC118" s="41"/>
      <c r="AD118" s="41"/>
      <c r="AE118" s="114"/>
      <c r="AF118" s="38"/>
    </row>
    <row r="119" spans="1:32">
      <c r="A119" s="25"/>
      <c r="R119" s="214"/>
      <c r="AF119" s="29"/>
    </row>
    <row r="120" spans="1:32">
      <c r="A120" s="25"/>
      <c r="B120" s="27" t="s">
        <v>908</v>
      </c>
      <c r="R120" s="214"/>
      <c r="AF120" s="29"/>
    </row>
    <row r="121" spans="1:32">
      <c r="A121" s="25"/>
      <c r="R121" s="214"/>
      <c r="AF121" s="29"/>
    </row>
    <row r="122" spans="1:32">
      <c r="A122" s="25"/>
      <c r="R122" s="214"/>
      <c r="AF122" s="29"/>
    </row>
    <row r="123" spans="1:32">
      <c r="A123" s="25"/>
      <c r="R123" s="214"/>
      <c r="AF123" s="29"/>
    </row>
    <row r="124" spans="1:32">
      <c r="A124" s="25"/>
      <c r="R124" s="214"/>
      <c r="AF124" s="29"/>
    </row>
    <row r="125" spans="1:32">
      <c r="A125" s="25"/>
      <c r="R125" s="214"/>
      <c r="AF125" s="29"/>
    </row>
    <row r="126" spans="1:32">
      <c r="A126" s="25"/>
      <c r="R126" s="214"/>
      <c r="AF126" s="29"/>
    </row>
    <row r="127" spans="1:32">
      <c r="A127" s="25"/>
      <c r="R127" s="214"/>
      <c r="AF127" s="29"/>
    </row>
    <row r="128" spans="1:32">
      <c r="A128" s="25"/>
      <c r="R128" s="214"/>
      <c r="AF128" s="29"/>
    </row>
    <row r="129" spans="1:32">
      <c r="A129" s="25"/>
      <c r="R129" s="214"/>
      <c r="AF129" s="29"/>
    </row>
    <row r="130" spans="1:32">
      <c r="A130" s="25"/>
      <c r="R130" s="214"/>
      <c r="AF130" s="29"/>
    </row>
    <row r="131" spans="1:32">
      <c r="A131" s="25"/>
      <c r="R131" s="214"/>
      <c r="AF131" s="29"/>
    </row>
    <row r="132" spans="1:32">
      <c r="A132" s="25"/>
      <c r="R132" s="214"/>
      <c r="AF132" s="29"/>
    </row>
    <row r="133" spans="1:32">
      <c r="A133" s="21"/>
      <c r="B133" s="22"/>
      <c r="C133" s="22"/>
      <c r="D133" s="61"/>
      <c r="E133" s="61"/>
      <c r="F133" s="61"/>
      <c r="G133" s="61"/>
      <c r="H133" s="61"/>
      <c r="I133" s="61"/>
      <c r="J133" s="61"/>
      <c r="K133" s="61"/>
      <c r="L133" s="61"/>
      <c r="M133" s="61"/>
      <c r="N133" s="61"/>
      <c r="O133" s="61"/>
      <c r="P133" s="61"/>
      <c r="Q133" s="61"/>
      <c r="R133" s="214"/>
      <c r="S133" s="22"/>
      <c r="T133" s="22"/>
      <c r="U133" s="22"/>
      <c r="V133" s="22"/>
      <c r="W133" s="22"/>
      <c r="X133" s="22"/>
      <c r="Y133" s="22"/>
      <c r="Z133" s="22"/>
      <c r="AA133" s="22"/>
      <c r="AB133" s="22"/>
      <c r="AC133" s="22"/>
      <c r="AD133" s="22"/>
      <c r="AE133" s="245"/>
      <c r="AF133" s="62"/>
    </row>
    <row r="134" spans="1:32">
      <c r="R134" s="214"/>
    </row>
    <row r="135" spans="1:32">
      <c r="R135" s="214"/>
    </row>
    <row r="136" spans="1:32">
      <c r="R136" s="214"/>
    </row>
    <row r="137" spans="1:32">
      <c r="R137" s="214"/>
    </row>
    <row r="138" spans="1:32">
      <c r="R138" s="214"/>
    </row>
    <row r="139" spans="1:32">
      <c r="R139" s="214"/>
    </row>
    <row r="140" spans="1:32">
      <c r="R140" s="214"/>
    </row>
    <row r="141" spans="1:32">
      <c r="R141" s="214"/>
    </row>
    <row r="142" spans="1:32">
      <c r="A142" t="s">
        <v>909</v>
      </c>
      <c r="B142" t="s">
        <v>910</v>
      </c>
      <c r="C142" t="s">
        <v>911</v>
      </c>
      <c r="D142" t="s">
        <v>912</v>
      </c>
      <c r="E142" t="s">
        <v>913</v>
      </c>
      <c r="F142" t="s">
        <v>914</v>
      </c>
      <c r="G142" t="s">
        <v>98</v>
      </c>
      <c r="R142" s="214"/>
    </row>
    <row r="143" spans="1:32">
      <c r="A143" t="s">
        <v>340</v>
      </c>
      <c r="B143" t="s">
        <v>915</v>
      </c>
      <c r="C143" s="3" t="s">
        <v>82</v>
      </c>
      <c r="D143" t="s">
        <v>916</v>
      </c>
      <c r="E143" t="s">
        <v>917</v>
      </c>
      <c r="F143" t="s">
        <v>918</v>
      </c>
      <c r="G143" t="s">
        <v>919</v>
      </c>
      <c r="R143" s="214"/>
    </row>
    <row r="144" spans="1:32">
      <c r="A144" t="s">
        <v>920</v>
      </c>
      <c r="B144" t="s">
        <v>921</v>
      </c>
      <c r="C144" s="3" t="s">
        <v>922</v>
      </c>
      <c r="D144" t="s">
        <v>923</v>
      </c>
      <c r="E144" t="s">
        <v>924</v>
      </c>
      <c r="F144" t="s">
        <v>925</v>
      </c>
      <c r="G144" t="s">
        <v>926</v>
      </c>
      <c r="R144" s="214"/>
    </row>
    <row r="145" spans="1:18">
      <c r="A145" t="s">
        <v>927</v>
      </c>
      <c r="B145"/>
      <c r="C145" s="3" t="s">
        <v>928</v>
      </c>
      <c r="D145"/>
      <c r="E145" t="s">
        <v>929</v>
      </c>
      <c r="F145" t="s">
        <v>930</v>
      </c>
      <c r="G145"/>
      <c r="R145" s="214"/>
    </row>
    <row r="146" spans="1:18">
      <c r="A146"/>
      <c r="B146"/>
      <c r="C146" s="3" t="s">
        <v>931</v>
      </c>
      <c r="D146"/>
      <c r="E146" t="s">
        <v>932</v>
      </c>
      <c r="F146" t="s">
        <v>933</v>
      </c>
      <c r="G146"/>
      <c r="R146" s="214"/>
    </row>
    <row r="147" spans="1:18">
      <c r="A147"/>
      <c r="B147"/>
      <c r="C147" s="3" t="s">
        <v>230</v>
      </c>
      <c r="D147"/>
      <c r="E147"/>
      <c r="F147" t="s">
        <v>934</v>
      </c>
      <c r="G147"/>
      <c r="R147" s="214"/>
    </row>
    <row r="148" spans="1:18">
      <c r="A148"/>
      <c r="B148"/>
      <c r="C148" s="3" t="s">
        <v>177</v>
      </c>
      <c r="D148"/>
      <c r="E148"/>
      <c r="F148" t="s">
        <v>935</v>
      </c>
      <c r="G148"/>
      <c r="R148" s="214"/>
    </row>
    <row r="149" spans="1:18">
      <c r="A149"/>
      <c r="B149"/>
      <c r="C149"/>
      <c r="D149"/>
      <c r="E149"/>
      <c r="F149" t="s">
        <v>936</v>
      </c>
      <c r="G149"/>
      <c r="R149" s="214"/>
    </row>
    <row r="150" spans="1:18">
      <c r="A150"/>
      <c r="B150"/>
      <c r="C150"/>
      <c r="D150"/>
      <c r="E150"/>
      <c r="F150" t="s">
        <v>937</v>
      </c>
      <c r="G150"/>
      <c r="R150" s="214"/>
    </row>
    <row r="151" spans="1:18">
      <c r="A151"/>
      <c r="B151"/>
      <c r="C151"/>
      <c r="D151"/>
      <c r="E151"/>
      <c r="F151" t="s">
        <v>938</v>
      </c>
      <c r="G151"/>
      <c r="R151" s="214"/>
    </row>
    <row r="152" spans="1:18">
      <c r="A152"/>
      <c r="B152"/>
      <c r="C152"/>
      <c r="D152"/>
      <c r="E152"/>
      <c r="F152" t="s">
        <v>939</v>
      </c>
      <c r="G152"/>
      <c r="R152" s="214"/>
    </row>
    <row r="153" spans="1:18">
      <c r="A153"/>
      <c r="B153"/>
      <c r="C153"/>
      <c r="D153"/>
      <c r="E153"/>
      <c r="F153" t="s">
        <v>940</v>
      </c>
      <c r="G153"/>
      <c r="R153" s="214"/>
    </row>
    <row r="154" spans="1:18">
      <c r="A154"/>
      <c r="B154"/>
      <c r="C154"/>
      <c r="D154"/>
      <c r="E154"/>
      <c r="F154" t="s">
        <v>941</v>
      </c>
      <c r="G154"/>
      <c r="R154" s="214"/>
    </row>
    <row r="155" spans="1:18">
      <c r="A155"/>
      <c r="B155"/>
      <c r="C155"/>
      <c r="D155"/>
      <c r="E155"/>
      <c r="F155" t="s">
        <v>942</v>
      </c>
      <c r="G155"/>
      <c r="R155" s="214"/>
    </row>
    <row r="156" spans="1:18">
      <c r="A156"/>
      <c r="B156"/>
      <c r="C156"/>
      <c r="D156"/>
      <c r="E156"/>
      <c r="F156" t="s">
        <v>943</v>
      </c>
      <c r="G156"/>
      <c r="R156" s="214"/>
    </row>
    <row r="157" spans="1:18">
      <c r="A157"/>
      <c r="B157"/>
      <c r="C157"/>
      <c r="D157"/>
      <c r="E157"/>
      <c r="F157" t="s">
        <v>944</v>
      </c>
      <c r="G157"/>
      <c r="R157" s="214"/>
    </row>
    <row r="158" spans="1:18">
      <c r="A158"/>
      <c r="B158"/>
      <c r="C158"/>
      <c r="D158"/>
      <c r="E158"/>
      <c r="F158" t="s">
        <v>945</v>
      </c>
      <c r="G158"/>
      <c r="R158" s="214"/>
    </row>
    <row r="159" spans="1:18">
      <c r="R159" s="214"/>
    </row>
  </sheetData>
  <mergeCells count="606">
    <mergeCell ref="F4:M4"/>
    <mergeCell ref="F6:H6"/>
    <mergeCell ref="I6:O6"/>
    <mergeCell ref="P6:S6"/>
    <mergeCell ref="F8:L8"/>
    <mergeCell ref="F10:L10"/>
    <mergeCell ref="Q10:Y10"/>
    <mergeCell ref="AE18:AE19"/>
    <mergeCell ref="B20:C20"/>
    <mergeCell ref="D20:Q20"/>
    <mergeCell ref="S20:T20"/>
    <mergeCell ref="U20:W20"/>
    <mergeCell ref="Z20:AA20"/>
    <mergeCell ref="F12:S12"/>
    <mergeCell ref="F14:S14"/>
    <mergeCell ref="F16:S16"/>
    <mergeCell ref="B18:C19"/>
    <mergeCell ref="D18:Q19"/>
    <mergeCell ref="S18:T19"/>
    <mergeCell ref="AB20:AD20"/>
    <mergeCell ref="B21:C21"/>
    <mergeCell ref="D21:Q21"/>
    <mergeCell ref="S21:T21"/>
    <mergeCell ref="U21:W21"/>
    <mergeCell ref="Z21:AA21"/>
    <mergeCell ref="AB21:AD21"/>
    <mergeCell ref="U18:W19"/>
    <mergeCell ref="X18:Y19"/>
    <mergeCell ref="Z18:AA19"/>
    <mergeCell ref="AB18:AD19"/>
    <mergeCell ref="B23:C23"/>
    <mergeCell ref="D23:Q23"/>
    <mergeCell ref="S23:T23"/>
    <mergeCell ref="U23:W23"/>
    <mergeCell ref="Z23:AA23"/>
    <mergeCell ref="AB23:AD23"/>
    <mergeCell ref="B22:C22"/>
    <mergeCell ref="D22:Q22"/>
    <mergeCell ref="S22:T22"/>
    <mergeCell ref="U22:W22"/>
    <mergeCell ref="Z22:AA22"/>
    <mergeCell ref="AB22:AD22"/>
    <mergeCell ref="B25:C25"/>
    <mergeCell ref="D25:Q25"/>
    <mergeCell ref="S25:T25"/>
    <mergeCell ref="U25:W25"/>
    <mergeCell ref="Z25:AA25"/>
    <mergeCell ref="AB25:AD25"/>
    <mergeCell ref="B24:C24"/>
    <mergeCell ref="D24:Q24"/>
    <mergeCell ref="S24:T24"/>
    <mergeCell ref="U24:W24"/>
    <mergeCell ref="Z24:AA24"/>
    <mergeCell ref="AB24:AD24"/>
    <mergeCell ref="B27:C27"/>
    <mergeCell ref="D27:Q27"/>
    <mergeCell ref="S27:T27"/>
    <mergeCell ref="U27:W27"/>
    <mergeCell ref="Z27:AA27"/>
    <mergeCell ref="AB27:AD27"/>
    <mergeCell ref="B26:C26"/>
    <mergeCell ref="D26:Q26"/>
    <mergeCell ref="S26:T26"/>
    <mergeCell ref="U26:W26"/>
    <mergeCell ref="Z26:AA26"/>
    <mergeCell ref="AB26:AD26"/>
    <mergeCell ref="B29:C29"/>
    <mergeCell ref="D29:Q29"/>
    <mergeCell ref="S29:T29"/>
    <mergeCell ref="U29:W29"/>
    <mergeCell ref="Z29:AA29"/>
    <mergeCell ref="AB29:AD29"/>
    <mergeCell ref="B28:C28"/>
    <mergeCell ref="D28:Q28"/>
    <mergeCell ref="S28:T28"/>
    <mergeCell ref="U28:W28"/>
    <mergeCell ref="Z28:AA28"/>
    <mergeCell ref="AB28:AD28"/>
    <mergeCell ref="B31:C31"/>
    <mergeCell ref="D31:Q31"/>
    <mergeCell ref="S31:T31"/>
    <mergeCell ref="U31:W31"/>
    <mergeCell ref="Z31:AA31"/>
    <mergeCell ref="AB31:AD31"/>
    <mergeCell ref="B30:C30"/>
    <mergeCell ref="D30:Q30"/>
    <mergeCell ref="S30:T30"/>
    <mergeCell ref="U30:W30"/>
    <mergeCell ref="Z30:AA30"/>
    <mergeCell ref="AB30:AD30"/>
    <mergeCell ref="B33:C33"/>
    <mergeCell ref="D33:Q33"/>
    <mergeCell ref="S33:T33"/>
    <mergeCell ref="U33:W33"/>
    <mergeCell ref="Z33:AA33"/>
    <mergeCell ref="AB33:AD33"/>
    <mergeCell ref="B32:C32"/>
    <mergeCell ref="D32:Q32"/>
    <mergeCell ref="S32:T32"/>
    <mergeCell ref="U32:W32"/>
    <mergeCell ref="Z32:AA32"/>
    <mergeCell ref="AB32:AD32"/>
    <mergeCell ref="B35:C35"/>
    <mergeCell ref="D35:Q35"/>
    <mergeCell ref="S35:T35"/>
    <mergeCell ref="U35:W35"/>
    <mergeCell ref="Z35:AA35"/>
    <mergeCell ref="AB35:AD35"/>
    <mergeCell ref="B34:C34"/>
    <mergeCell ref="D34:Q34"/>
    <mergeCell ref="S34:T34"/>
    <mergeCell ref="U34:W34"/>
    <mergeCell ref="Z34:AA34"/>
    <mergeCell ref="AB34:AD34"/>
    <mergeCell ref="B37:C37"/>
    <mergeCell ref="D37:Q37"/>
    <mergeCell ref="S37:T37"/>
    <mergeCell ref="U37:W37"/>
    <mergeCell ref="Z37:AA37"/>
    <mergeCell ref="AB37:AD37"/>
    <mergeCell ref="B36:C36"/>
    <mergeCell ref="D36:Q36"/>
    <mergeCell ref="S36:T36"/>
    <mergeCell ref="U36:W36"/>
    <mergeCell ref="Z36:AA36"/>
    <mergeCell ref="AB36:AD36"/>
    <mergeCell ref="B39:C39"/>
    <mergeCell ref="D39:Q39"/>
    <mergeCell ref="S39:T39"/>
    <mergeCell ref="U39:W39"/>
    <mergeCell ref="Z39:AA39"/>
    <mergeCell ref="AB39:AD39"/>
    <mergeCell ref="B38:C38"/>
    <mergeCell ref="D38:Q38"/>
    <mergeCell ref="S38:T38"/>
    <mergeCell ref="U38:W38"/>
    <mergeCell ref="Z38:AA38"/>
    <mergeCell ref="AB38:AD38"/>
    <mergeCell ref="B41:C41"/>
    <mergeCell ref="D41:Q41"/>
    <mergeCell ref="S41:T41"/>
    <mergeCell ref="U41:W41"/>
    <mergeCell ref="Z41:AA41"/>
    <mergeCell ref="AB41:AD41"/>
    <mergeCell ref="B40:C40"/>
    <mergeCell ref="D40:Q40"/>
    <mergeCell ref="S40:T40"/>
    <mergeCell ref="U40:W40"/>
    <mergeCell ref="Z40:AA40"/>
    <mergeCell ref="AB40:AD40"/>
    <mergeCell ref="B43:C43"/>
    <mergeCell ref="D43:Q43"/>
    <mergeCell ref="S43:T43"/>
    <mergeCell ref="U43:W43"/>
    <mergeCell ref="Z43:AA43"/>
    <mergeCell ref="AB43:AD43"/>
    <mergeCell ref="B42:C42"/>
    <mergeCell ref="D42:Q42"/>
    <mergeCell ref="S42:T42"/>
    <mergeCell ref="U42:W42"/>
    <mergeCell ref="Z42:AA42"/>
    <mergeCell ref="AB42:AD42"/>
    <mergeCell ref="B45:C45"/>
    <mergeCell ref="D45:Q45"/>
    <mergeCell ref="S45:T45"/>
    <mergeCell ref="U45:W45"/>
    <mergeCell ref="Z45:AA45"/>
    <mergeCell ref="AB45:AD45"/>
    <mergeCell ref="B44:C44"/>
    <mergeCell ref="D44:Q44"/>
    <mergeCell ref="S44:T44"/>
    <mergeCell ref="U44:W44"/>
    <mergeCell ref="Z44:AA44"/>
    <mergeCell ref="AB44:AD44"/>
    <mergeCell ref="B47:C47"/>
    <mergeCell ref="D47:Q47"/>
    <mergeCell ref="S47:T47"/>
    <mergeCell ref="U47:W47"/>
    <mergeCell ref="Z47:AA47"/>
    <mergeCell ref="AB47:AD47"/>
    <mergeCell ref="B46:C46"/>
    <mergeCell ref="D46:Q46"/>
    <mergeCell ref="S46:T46"/>
    <mergeCell ref="U46:W46"/>
    <mergeCell ref="Z46:AA46"/>
    <mergeCell ref="AB46:AD46"/>
    <mergeCell ref="B49:C49"/>
    <mergeCell ref="D49:Q49"/>
    <mergeCell ref="S49:T49"/>
    <mergeCell ref="U49:W49"/>
    <mergeCell ref="Z49:AA49"/>
    <mergeCell ref="AB49:AD49"/>
    <mergeCell ref="B48:C48"/>
    <mergeCell ref="D48:Q48"/>
    <mergeCell ref="S48:T48"/>
    <mergeCell ref="U48:W48"/>
    <mergeCell ref="Z48:AA48"/>
    <mergeCell ref="AB48:AD48"/>
    <mergeCell ref="B51:C51"/>
    <mergeCell ref="D51:Q51"/>
    <mergeCell ref="S51:T51"/>
    <mergeCell ref="U51:W51"/>
    <mergeCell ref="Z51:AA51"/>
    <mergeCell ref="AB51:AD51"/>
    <mergeCell ref="B50:C50"/>
    <mergeCell ref="D50:Q50"/>
    <mergeCell ref="S50:T50"/>
    <mergeCell ref="U50:W50"/>
    <mergeCell ref="Z50:AA50"/>
    <mergeCell ref="AB50:AD50"/>
    <mergeCell ref="B53:C53"/>
    <mergeCell ref="D53:Q53"/>
    <mergeCell ref="S53:T53"/>
    <mergeCell ref="U53:W53"/>
    <mergeCell ref="Z53:AA53"/>
    <mergeCell ref="AB53:AD53"/>
    <mergeCell ref="B52:C52"/>
    <mergeCell ref="D52:Q52"/>
    <mergeCell ref="S52:T52"/>
    <mergeCell ref="U52:W52"/>
    <mergeCell ref="Z52:AA52"/>
    <mergeCell ref="AB52:AD52"/>
    <mergeCell ref="B55:C55"/>
    <mergeCell ref="D55:Q55"/>
    <mergeCell ref="S55:T55"/>
    <mergeCell ref="U55:W55"/>
    <mergeCell ref="Z55:AA55"/>
    <mergeCell ref="AB55:AD55"/>
    <mergeCell ref="B54:C54"/>
    <mergeCell ref="D54:Q54"/>
    <mergeCell ref="S54:T54"/>
    <mergeCell ref="U54:W54"/>
    <mergeCell ref="Z54:AA54"/>
    <mergeCell ref="AB54:AD54"/>
    <mergeCell ref="B57:C57"/>
    <mergeCell ref="D57:Q57"/>
    <mergeCell ref="S57:T57"/>
    <mergeCell ref="U57:W57"/>
    <mergeCell ref="Z57:AA57"/>
    <mergeCell ref="AB57:AD57"/>
    <mergeCell ref="B56:C56"/>
    <mergeCell ref="D56:Q56"/>
    <mergeCell ref="S56:T56"/>
    <mergeCell ref="U56:W56"/>
    <mergeCell ref="Z56:AA56"/>
    <mergeCell ref="AB56:AD56"/>
    <mergeCell ref="B59:C59"/>
    <mergeCell ref="D59:Q59"/>
    <mergeCell ref="S59:T59"/>
    <mergeCell ref="U59:W59"/>
    <mergeCell ref="Z59:AA59"/>
    <mergeCell ref="AB59:AD59"/>
    <mergeCell ref="B58:C58"/>
    <mergeCell ref="D58:Q58"/>
    <mergeCell ref="S58:T58"/>
    <mergeCell ref="U58:W58"/>
    <mergeCell ref="Z58:AA58"/>
    <mergeCell ref="AB58:AD58"/>
    <mergeCell ref="B61:C61"/>
    <mergeCell ref="D61:Q61"/>
    <mergeCell ref="S61:T61"/>
    <mergeCell ref="U61:W61"/>
    <mergeCell ref="Z61:AA61"/>
    <mergeCell ref="AB61:AD61"/>
    <mergeCell ref="B60:C60"/>
    <mergeCell ref="D60:Q60"/>
    <mergeCell ref="S60:T60"/>
    <mergeCell ref="U60:W60"/>
    <mergeCell ref="Z60:AA60"/>
    <mergeCell ref="AB60:AD60"/>
    <mergeCell ref="B63:C63"/>
    <mergeCell ref="D63:Q63"/>
    <mergeCell ref="S63:T63"/>
    <mergeCell ref="U63:W63"/>
    <mergeCell ref="Z63:AA63"/>
    <mergeCell ref="AB63:AD63"/>
    <mergeCell ref="B62:C62"/>
    <mergeCell ref="D62:Q62"/>
    <mergeCell ref="S62:T62"/>
    <mergeCell ref="U62:W62"/>
    <mergeCell ref="Z62:AA62"/>
    <mergeCell ref="AB62:AD62"/>
    <mergeCell ref="B65:C65"/>
    <mergeCell ref="D65:Q65"/>
    <mergeCell ref="S65:T65"/>
    <mergeCell ref="U65:W65"/>
    <mergeCell ref="Z65:AA65"/>
    <mergeCell ref="AB65:AD65"/>
    <mergeCell ref="B64:C64"/>
    <mergeCell ref="D64:Q64"/>
    <mergeCell ref="S64:T64"/>
    <mergeCell ref="U64:W64"/>
    <mergeCell ref="Z64:AA64"/>
    <mergeCell ref="AB64:AD64"/>
    <mergeCell ref="B67:C67"/>
    <mergeCell ref="D67:Q67"/>
    <mergeCell ref="S67:T67"/>
    <mergeCell ref="U67:W67"/>
    <mergeCell ref="Z67:AA67"/>
    <mergeCell ref="AB67:AD67"/>
    <mergeCell ref="B66:C66"/>
    <mergeCell ref="D66:Q66"/>
    <mergeCell ref="S66:T66"/>
    <mergeCell ref="U66:W66"/>
    <mergeCell ref="Z66:AA66"/>
    <mergeCell ref="AB66:AD66"/>
    <mergeCell ref="B69:C69"/>
    <mergeCell ref="D69:Q69"/>
    <mergeCell ref="S69:T69"/>
    <mergeCell ref="U69:W69"/>
    <mergeCell ref="Z69:AA69"/>
    <mergeCell ref="AB69:AD69"/>
    <mergeCell ref="B68:C68"/>
    <mergeCell ref="D68:Q68"/>
    <mergeCell ref="S68:T68"/>
    <mergeCell ref="U68:W68"/>
    <mergeCell ref="Z68:AA68"/>
    <mergeCell ref="AB68:AD68"/>
    <mergeCell ref="B71:C71"/>
    <mergeCell ref="D71:Q71"/>
    <mergeCell ref="S71:T71"/>
    <mergeCell ref="U71:W71"/>
    <mergeCell ref="Z71:AA71"/>
    <mergeCell ref="AB71:AD71"/>
    <mergeCell ref="B70:C70"/>
    <mergeCell ref="D70:Q70"/>
    <mergeCell ref="S70:T70"/>
    <mergeCell ref="U70:W70"/>
    <mergeCell ref="Z70:AA70"/>
    <mergeCell ref="AB70:AD70"/>
    <mergeCell ref="B73:C73"/>
    <mergeCell ref="D73:Q73"/>
    <mergeCell ref="S73:T73"/>
    <mergeCell ref="U73:W73"/>
    <mergeCell ref="Z73:AA73"/>
    <mergeCell ref="AB73:AD73"/>
    <mergeCell ref="B72:C72"/>
    <mergeCell ref="D72:Q72"/>
    <mergeCell ref="S72:T72"/>
    <mergeCell ref="U72:W72"/>
    <mergeCell ref="Z72:AA72"/>
    <mergeCell ref="AB72:AD72"/>
    <mergeCell ref="B75:C75"/>
    <mergeCell ref="D75:Q75"/>
    <mergeCell ref="S75:T75"/>
    <mergeCell ref="U75:W75"/>
    <mergeCell ref="Z75:AA75"/>
    <mergeCell ref="AB75:AD75"/>
    <mergeCell ref="B74:C74"/>
    <mergeCell ref="D74:Q74"/>
    <mergeCell ref="S74:T74"/>
    <mergeCell ref="U74:W74"/>
    <mergeCell ref="Z74:AA74"/>
    <mergeCell ref="AB74:AD74"/>
    <mergeCell ref="B77:C77"/>
    <mergeCell ref="D77:Q77"/>
    <mergeCell ref="S77:T77"/>
    <mergeCell ref="U77:W77"/>
    <mergeCell ref="Z77:AA77"/>
    <mergeCell ref="AB77:AD77"/>
    <mergeCell ref="B76:C76"/>
    <mergeCell ref="D76:Q76"/>
    <mergeCell ref="S76:T76"/>
    <mergeCell ref="U76:W76"/>
    <mergeCell ref="Z76:AA76"/>
    <mergeCell ref="AB76:AD76"/>
    <mergeCell ref="B79:C79"/>
    <mergeCell ref="D79:Q79"/>
    <mergeCell ref="S79:T79"/>
    <mergeCell ref="U79:W79"/>
    <mergeCell ref="Z79:AA79"/>
    <mergeCell ref="AB79:AD79"/>
    <mergeCell ref="B78:C78"/>
    <mergeCell ref="D78:Q78"/>
    <mergeCell ref="S78:T78"/>
    <mergeCell ref="U78:W78"/>
    <mergeCell ref="Z78:AA78"/>
    <mergeCell ref="AB78:AD78"/>
    <mergeCell ref="B81:C81"/>
    <mergeCell ref="D81:Q81"/>
    <mergeCell ref="S81:T81"/>
    <mergeCell ref="U81:W81"/>
    <mergeCell ref="Z81:AA81"/>
    <mergeCell ref="AB81:AD81"/>
    <mergeCell ref="B80:C80"/>
    <mergeCell ref="D80:Q80"/>
    <mergeCell ref="S80:T80"/>
    <mergeCell ref="U80:W80"/>
    <mergeCell ref="Z80:AA80"/>
    <mergeCell ref="AB80:AD80"/>
    <mergeCell ref="B83:C83"/>
    <mergeCell ref="D83:Q83"/>
    <mergeCell ref="S83:T83"/>
    <mergeCell ref="U83:W83"/>
    <mergeCell ref="Z83:AA83"/>
    <mergeCell ref="AB83:AD83"/>
    <mergeCell ref="B82:C82"/>
    <mergeCell ref="D82:Q82"/>
    <mergeCell ref="S82:T82"/>
    <mergeCell ref="U82:W82"/>
    <mergeCell ref="Z82:AA82"/>
    <mergeCell ref="AB82:AD82"/>
    <mergeCell ref="B85:C85"/>
    <mergeCell ref="D85:Q85"/>
    <mergeCell ref="S85:T85"/>
    <mergeCell ref="U85:W85"/>
    <mergeCell ref="Z85:AA85"/>
    <mergeCell ref="AB85:AD85"/>
    <mergeCell ref="B84:C84"/>
    <mergeCell ref="D84:Q84"/>
    <mergeCell ref="S84:T84"/>
    <mergeCell ref="U84:W84"/>
    <mergeCell ref="Z84:AA84"/>
    <mergeCell ref="AB84:AD84"/>
    <mergeCell ref="B87:C87"/>
    <mergeCell ref="D87:Q87"/>
    <mergeCell ref="S87:T87"/>
    <mergeCell ref="U87:W87"/>
    <mergeCell ref="Z87:AA87"/>
    <mergeCell ref="AB87:AD87"/>
    <mergeCell ref="B86:C86"/>
    <mergeCell ref="D86:Q86"/>
    <mergeCell ref="S86:T86"/>
    <mergeCell ref="U86:W86"/>
    <mergeCell ref="Z86:AA86"/>
    <mergeCell ref="AB86:AD86"/>
    <mergeCell ref="B89:C89"/>
    <mergeCell ref="D89:Q89"/>
    <mergeCell ref="S89:T89"/>
    <mergeCell ref="U89:W89"/>
    <mergeCell ref="Z89:AA89"/>
    <mergeCell ref="AB89:AD89"/>
    <mergeCell ref="B88:C88"/>
    <mergeCell ref="D88:Q88"/>
    <mergeCell ref="S88:T88"/>
    <mergeCell ref="U88:W88"/>
    <mergeCell ref="Z88:AA88"/>
    <mergeCell ref="AB88:AD88"/>
    <mergeCell ref="B91:C91"/>
    <mergeCell ref="D91:Q91"/>
    <mergeCell ref="S91:T91"/>
    <mergeCell ref="U91:W91"/>
    <mergeCell ref="Z91:AA91"/>
    <mergeCell ref="AB91:AD91"/>
    <mergeCell ref="B90:C90"/>
    <mergeCell ref="D90:Q90"/>
    <mergeCell ref="S90:T90"/>
    <mergeCell ref="U90:W90"/>
    <mergeCell ref="Z90:AA90"/>
    <mergeCell ref="AB90:AD90"/>
    <mergeCell ref="B93:C93"/>
    <mergeCell ref="D93:Q93"/>
    <mergeCell ref="S93:T93"/>
    <mergeCell ref="U93:W93"/>
    <mergeCell ref="Z93:AA93"/>
    <mergeCell ref="AB93:AD93"/>
    <mergeCell ref="B92:C92"/>
    <mergeCell ref="D92:Q92"/>
    <mergeCell ref="S92:T92"/>
    <mergeCell ref="U92:W92"/>
    <mergeCell ref="Z92:AA92"/>
    <mergeCell ref="AB92:AD92"/>
    <mergeCell ref="B95:C95"/>
    <mergeCell ref="D95:Q95"/>
    <mergeCell ref="S95:T95"/>
    <mergeCell ref="U95:W95"/>
    <mergeCell ref="Z95:AA95"/>
    <mergeCell ref="AB95:AD95"/>
    <mergeCell ref="B94:C94"/>
    <mergeCell ref="D94:Q94"/>
    <mergeCell ref="S94:T94"/>
    <mergeCell ref="U94:W94"/>
    <mergeCell ref="Z94:AA94"/>
    <mergeCell ref="AB94:AD94"/>
    <mergeCell ref="B97:C97"/>
    <mergeCell ref="D97:Q97"/>
    <mergeCell ref="S97:T97"/>
    <mergeCell ref="U97:W97"/>
    <mergeCell ref="Z97:AA97"/>
    <mergeCell ref="AB97:AD97"/>
    <mergeCell ref="B96:C96"/>
    <mergeCell ref="D96:Q96"/>
    <mergeCell ref="S96:T96"/>
    <mergeCell ref="U96:W96"/>
    <mergeCell ref="Z96:AA96"/>
    <mergeCell ref="AB96:AD96"/>
    <mergeCell ref="B99:C99"/>
    <mergeCell ref="D99:Q99"/>
    <mergeCell ref="S99:T99"/>
    <mergeCell ref="U99:W99"/>
    <mergeCell ref="Z99:AA99"/>
    <mergeCell ref="AB99:AD99"/>
    <mergeCell ref="B98:C98"/>
    <mergeCell ref="D98:Q98"/>
    <mergeCell ref="S98:T98"/>
    <mergeCell ref="U98:W98"/>
    <mergeCell ref="Z98:AA98"/>
    <mergeCell ref="AB98:AD98"/>
    <mergeCell ref="B101:C101"/>
    <mergeCell ref="D101:Q101"/>
    <mergeCell ref="S101:T101"/>
    <mergeCell ref="U101:W101"/>
    <mergeCell ref="Z101:AA101"/>
    <mergeCell ref="AB101:AD101"/>
    <mergeCell ref="B100:C100"/>
    <mergeCell ref="D100:Q100"/>
    <mergeCell ref="S100:T100"/>
    <mergeCell ref="U100:W100"/>
    <mergeCell ref="Z100:AA100"/>
    <mergeCell ref="AB100:AD100"/>
    <mergeCell ref="B103:C103"/>
    <mergeCell ref="D103:Q103"/>
    <mergeCell ref="S103:T103"/>
    <mergeCell ref="U103:W103"/>
    <mergeCell ref="Z103:AA103"/>
    <mergeCell ref="AB103:AD103"/>
    <mergeCell ref="B102:C102"/>
    <mergeCell ref="D102:Q102"/>
    <mergeCell ref="S102:T102"/>
    <mergeCell ref="U102:W102"/>
    <mergeCell ref="Z102:AA102"/>
    <mergeCell ref="AB102:AD102"/>
    <mergeCell ref="B105:C105"/>
    <mergeCell ref="D105:Q105"/>
    <mergeCell ref="S105:T105"/>
    <mergeCell ref="U105:W105"/>
    <mergeCell ref="Z105:AA105"/>
    <mergeCell ref="AB105:AD105"/>
    <mergeCell ref="B104:C104"/>
    <mergeCell ref="D104:Q104"/>
    <mergeCell ref="S104:T104"/>
    <mergeCell ref="U104:W104"/>
    <mergeCell ref="Z104:AA104"/>
    <mergeCell ref="AB104:AD104"/>
    <mergeCell ref="B107:C107"/>
    <mergeCell ref="D107:Q107"/>
    <mergeCell ref="S107:T107"/>
    <mergeCell ref="U107:W107"/>
    <mergeCell ref="Z107:AA107"/>
    <mergeCell ref="AB107:AD107"/>
    <mergeCell ref="B106:C106"/>
    <mergeCell ref="D106:Q106"/>
    <mergeCell ref="S106:T106"/>
    <mergeCell ref="U106:W106"/>
    <mergeCell ref="Z106:AA106"/>
    <mergeCell ref="AB106:AD106"/>
    <mergeCell ref="B109:C109"/>
    <mergeCell ref="D109:Q109"/>
    <mergeCell ref="S109:T109"/>
    <mergeCell ref="U109:W109"/>
    <mergeCell ref="Z109:AA109"/>
    <mergeCell ref="AB109:AD109"/>
    <mergeCell ref="B108:C108"/>
    <mergeCell ref="D108:Q108"/>
    <mergeCell ref="S108:T108"/>
    <mergeCell ref="U108:W108"/>
    <mergeCell ref="Z108:AA108"/>
    <mergeCell ref="AB108:AD108"/>
    <mergeCell ref="B111:C111"/>
    <mergeCell ref="D111:Q111"/>
    <mergeCell ref="S111:T111"/>
    <mergeCell ref="U111:W111"/>
    <mergeCell ref="Z111:AA111"/>
    <mergeCell ref="AB111:AD111"/>
    <mergeCell ref="B110:C110"/>
    <mergeCell ref="D110:Q110"/>
    <mergeCell ref="S110:T110"/>
    <mergeCell ref="U110:W110"/>
    <mergeCell ref="Z110:AA110"/>
    <mergeCell ref="AB110:AD110"/>
    <mergeCell ref="B113:C113"/>
    <mergeCell ref="D113:Q113"/>
    <mergeCell ref="S113:T113"/>
    <mergeCell ref="U113:W113"/>
    <mergeCell ref="Z113:AA113"/>
    <mergeCell ref="AB113:AD113"/>
    <mergeCell ref="B112:C112"/>
    <mergeCell ref="D112:Q112"/>
    <mergeCell ref="S112:T112"/>
    <mergeCell ref="U112:W112"/>
    <mergeCell ref="Z112:AA112"/>
    <mergeCell ref="AB112:AD112"/>
    <mergeCell ref="B115:C115"/>
    <mergeCell ref="D115:Q115"/>
    <mergeCell ref="S115:T115"/>
    <mergeCell ref="U115:W115"/>
    <mergeCell ref="Z115:AA115"/>
    <mergeCell ref="AB115:AD115"/>
    <mergeCell ref="B114:C114"/>
    <mergeCell ref="D114:Q114"/>
    <mergeCell ref="S114:T114"/>
    <mergeCell ref="U114:W114"/>
    <mergeCell ref="Z114:AA114"/>
    <mergeCell ref="AB114:AD114"/>
    <mergeCell ref="B117:C117"/>
    <mergeCell ref="D117:Q117"/>
    <mergeCell ref="S117:T117"/>
    <mergeCell ref="U117:W117"/>
    <mergeCell ref="Z117:AA117"/>
    <mergeCell ref="AB117:AD117"/>
    <mergeCell ref="B116:C116"/>
    <mergeCell ref="D116:Q116"/>
    <mergeCell ref="S116:T116"/>
    <mergeCell ref="U116:W116"/>
    <mergeCell ref="Z116:AA116"/>
    <mergeCell ref="AB116:AD116"/>
  </mergeCells>
  <phoneticPr fontId="24"/>
  <conditionalFormatting sqref="Z22:AA22">
    <cfRule type="expression" dxfId="18" priority="3">
      <formula>$AI22="□"</formula>
    </cfRule>
  </conditionalFormatting>
  <conditionalFormatting sqref="AE106">
    <cfRule type="expression" dxfId="17" priority="2">
      <formula>$AN106="□"</formula>
    </cfRule>
  </conditionalFormatting>
  <conditionalFormatting sqref="AE96">
    <cfRule type="expression" dxfId="16" priority="1">
      <formula>$AN96="□"</formula>
    </cfRule>
  </conditionalFormatting>
  <dataValidations count="8">
    <dataValidation type="list" allowBlank="1" showInputMessage="1" showErrorMessage="1" sqref="I6:O6" xr:uid="{01AB5AF8-9F39-4CED-9A50-311DE74A13AD}">
      <formula1>"1,2,3,4,5,6,7,8,9,10,11,12,13,14,15,16,17,18,19,20,21,22,23,24"</formula1>
    </dataValidation>
    <dataValidation type="list" allowBlank="1" showInputMessage="1" showErrorMessage="1" sqref="F12:S12 F14:S14 F16:S16" xr:uid="{B72F5297-2A7E-49E2-94DD-89BA470328CE}">
      <formula1>$F$143:$F$158</formula1>
    </dataValidation>
    <dataValidation type="list" allowBlank="1" showInputMessage="1" showErrorMessage="1" sqref="Q10:Y10" xr:uid="{C91D2802-2887-47BD-A15E-F6A4A10C213A}">
      <formula1>$E$143:$E$146</formula1>
    </dataValidation>
    <dataValidation type="list" allowBlank="1" showInputMessage="1" showErrorMessage="1" sqref="F4:M4" xr:uid="{5D6A2A84-4161-46A3-B7A0-7F2463BB49B4}">
      <formula1>$A$143:$A$145</formula1>
    </dataValidation>
    <dataValidation type="list" allowBlank="1" showInputMessage="1" showErrorMessage="1" sqref="F8:L8" xr:uid="{D45BCC5B-64FC-4C8C-AA58-D6E6981016E1}">
      <formula1>$B$143:$B$144</formula1>
    </dataValidation>
    <dataValidation type="list" allowBlank="1" showInputMessage="1" showErrorMessage="1" sqref="AB20:AD117" xr:uid="{B5DB62C5-4DB4-4885-882E-4170EB72B9DE}">
      <formula1>$C$143:$C$148</formula1>
    </dataValidation>
    <dataValidation type="list" allowBlank="1" showInputMessage="1" showErrorMessage="1" sqref="F10:L10" xr:uid="{D17BBDFE-99BA-464E-9176-43CA5D9E9F84}">
      <formula1>"する,しない"</formula1>
    </dataValidation>
    <dataValidation type="list" allowBlank="1" showInputMessage="1" showErrorMessage="1" sqref="Z20:AA21 Z22 Z23:AA117" xr:uid="{A87A58E0-7197-40CA-8993-BE46FBBC3073}">
      <formula1>"○,×"</formula1>
    </dataValidation>
  </dataValidations>
  <pageMargins left="0.19685039370078741" right="0.19685039370078741" top="0.39370078740157483" bottom="0.39370078740157483" header="0.19685039370078741" footer="0.19685039370078741"/>
  <pageSetup paperSize="9" scale="83" fitToHeight="0" orientation="landscape" r:id="rId1"/>
  <headerFooter alignWithMargins="0">
    <oddFooter>&amp;C&amp;P</oddFooter>
  </headerFooter>
  <rowBreaks count="2" manualBreakCount="2">
    <brk id="50" max="31" man="1"/>
    <brk id="92" max="2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TaxCatchAll xmlns="ad558bd4-7ee7-45d7-bc0b-feed9a37d8fd" xsi:nil="true"/>
    <lcf76f155ced4ddcb4097134ff3c332f xmlns="0698d0f8-87a4-4e47-8800-66e58d33af0b">
      <Terms xmlns="http://schemas.microsoft.com/office/infopath/2007/PartnerControls"/>
    </lcf76f155ced4ddcb4097134ff3c332f>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59A263C5853C1F4AA8C2F8D754253BAA" ma:contentTypeVersion="17" ma:contentTypeDescription="新しいドキュメントを作成します。" ma:contentTypeScope="" ma:versionID="6441d1d5dc2a0da5eb894f4aec0a1b4b">
  <xsd:schema xmlns:xsd="http://www.w3.org/2001/XMLSchema" xmlns:xs="http://www.w3.org/2001/XMLSchema" xmlns:p="http://schemas.microsoft.com/office/2006/metadata/properties" xmlns:ns2="0698d0f8-87a4-4e47-8800-66e58d33af0b" xmlns:ns3="ad558bd4-7ee7-45d7-bc0b-feed9a37d8fd" targetNamespace="http://schemas.microsoft.com/office/2006/metadata/properties" ma:root="true" ma:fieldsID="805764b3ce61beb957f4d4df8dc3fb61" ns2:_="" ns3:_="">
    <xsd:import namespace="0698d0f8-87a4-4e47-8800-66e58d33af0b"/>
    <xsd:import namespace="ad558bd4-7ee7-45d7-bc0b-feed9a37d8fd"/>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DateTaken" minOccurs="0"/>
                <xsd:element ref="ns2:MediaServiceAutoTags" minOccurs="0"/>
                <xsd:element ref="ns2:MediaServiceOCR" minOccurs="0"/>
                <xsd:element ref="ns2:MediaServiceGenerationTime" minOccurs="0"/>
                <xsd:element ref="ns2:MediaServiceEventHashCode" minOccurs="0"/>
                <xsd:element ref="ns2:lcf76f155ced4ddcb4097134ff3c332f" minOccurs="0"/>
                <xsd:element ref="ns3:TaxCatchAll" minOccurs="0"/>
                <xsd:element ref="ns2:MediaLengthInSeconds" minOccurs="0"/>
                <xsd:element ref="ns2:MediaServiceObjectDetectorVersions"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698d0f8-87a4-4e47-8800-66e58d33af0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lcf76f155ced4ddcb4097134ff3c332f" ma:index="20" nillable="true" ma:taxonomy="true" ma:internalName="lcf76f155ced4ddcb4097134ff3c332f" ma:taxonomyFieldName="MediaServiceImageTags" ma:displayName="画像タグ" ma:readOnly="false" ma:fieldId="{5cf76f15-5ced-4ddc-b409-7134ff3c332f}" ma:taxonomyMulti="true" ma:sspId="8a5ce24b-1daf-44ae-8d22-d8bcdfc94638" ma:termSetId="09814cd3-568e-fe90-9814-8d621ff8fb84" ma:anchorId="fba54fb3-c3e1-fe81-a776-ca4b69148c4d" ma:open="true" ma:isKeyword="false">
      <xsd:complexType>
        <xsd:sequence>
          <xsd:element ref="pc:Terms" minOccurs="0" maxOccurs="1"/>
        </xsd:sequence>
      </xsd:complexType>
    </xsd:element>
    <xsd:element name="MediaLengthInSeconds" ma:index="22" nillable="true" ma:displayName="MediaLengthInSeconds" ma:hidden="true" ma:internalName="MediaLengthInSeconds" ma:readOnly="true">
      <xsd:simpleType>
        <xsd:restriction base="dms:Unknown"/>
      </xsd:simpleType>
    </xsd:element>
    <xsd:element name="MediaServiceObjectDetectorVersions" ma:index="23" nillable="true" ma:displayName="MediaServiceObjectDetectorVersions" ma:description="" ma:hidden="true" ma:indexed="true" ma:internalName="MediaServiceObjectDetectorVersions" ma:readOnly="true">
      <xsd:simpleType>
        <xsd:restriction base="dms:Text"/>
      </xsd:simpleType>
    </xsd:element>
    <xsd:element name="MediaServiceLocation" ma:index="24" nillable="true" ma:displayName="Location" ma:descrip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ad558bd4-7ee7-45d7-bc0b-feed9a37d8fd" elementFormDefault="qualified">
    <xsd:import namespace="http://schemas.microsoft.com/office/2006/documentManagement/types"/>
    <xsd:import namespace="http://schemas.microsoft.com/office/infopath/2007/PartnerControls"/>
    <xsd:element name="SharedWithUsers" ma:index="12"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共有相手の詳細情報" ma:internalName="SharedWithDetails" ma:readOnly="true">
      <xsd:simpleType>
        <xsd:restriction base="dms:Note">
          <xsd:maxLength value="255"/>
        </xsd:restriction>
      </xsd:simpleType>
    </xsd:element>
    <xsd:element name="TaxCatchAll" ma:index="21" nillable="true" ma:displayName="Taxonomy Catch All Column" ma:hidden="true" ma:list="{cab3d91b-373e-41f0-9d86-28407b6b28da}" ma:internalName="TaxCatchAll" ma:showField="CatchAllData" ma:web="ad558bd4-7ee7-45d7-bc0b-feed9a37d8fd">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265BB48A-1574-4911-A804-4AEAC49E9235}">
  <ds:schemaRefs>
    <ds:schemaRef ds:uri="http://schemas.microsoft.com/sharepoint/v3/contenttype/forms"/>
  </ds:schemaRefs>
</ds:datastoreItem>
</file>

<file path=customXml/itemProps2.xml><?xml version="1.0" encoding="utf-8"?>
<ds:datastoreItem xmlns:ds="http://schemas.openxmlformats.org/officeDocument/2006/customXml" ds:itemID="{B08C6FBD-2B2F-40B6-A4D5-323D0D8D7BED}">
  <ds:schemaRefs>
    <ds:schemaRef ds:uri="http://schemas.microsoft.com/office/2006/metadata/properties"/>
    <ds:schemaRef ds:uri="0698d0f8-87a4-4e47-8800-66e58d33af0b"/>
    <ds:schemaRef ds:uri="http://schemas.microsoft.com/office/2006/documentManagement/types"/>
    <ds:schemaRef ds:uri="http://purl.org/dc/elements/1.1/"/>
    <ds:schemaRef ds:uri="ad558bd4-7ee7-45d7-bc0b-feed9a37d8fd"/>
    <ds:schemaRef ds:uri="http://schemas.microsoft.com/office/infopath/2007/PartnerControls"/>
    <ds:schemaRef ds:uri="http://schemas.openxmlformats.org/package/2006/metadata/core-properties"/>
    <ds:schemaRef ds:uri="http://www.w3.org/XML/1998/namespace"/>
    <ds:schemaRef ds:uri="http://purl.org/dc/dcmitype/"/>
    <ds:schemaRef ds:uri="http://purl.org/dc/terms/"/>
  </ds:schemaRefs>
</ds:datastoreItem>
</file>

<file path=customXml/itemProps3.xml><?xml version="1.0" encoding="utf-8"?>
<ds:datastoreItem xmlns:ds="http://schemas.openxmlformats.org/officeDocument/2006/customXml" ds:itemID="{FFC946ED-15FC-474C-A52C-D10A3634E59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698d0f8-87a4-4e47-8800-66e58d33af0b"/>
    <ds:schemaRef ds:uri="ad558bd4-7ee7-45d7-bc0b-feed9a37d8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35</vt:i4>
      </vt:variant>
    </vt:vector>
  </HeadingPairs>
  <TitlesOfParts>
    <vt:vector size="53" baseType="lpstr">
      <vt:lpstr>はじめにご確認ください</vt:lpstr>
      <vt:lpstr>医科レセプト情報</vt:lpstr>
      <vt:lpstr>DPCレセプト情報</vt:lpstr>
      <vt:lpstr>歯科レセプト情報</vt:lpstr>
      <vt:lpstr>調剤レセプト情報</vt:lpstr>
      <vt:lpstr>特定健診情報</vt:lpstr>
      <vt:lpstr>保健指導情報</vt:lpstr>
      <vt:lpstr>集計情報</vt:lpstr>
      <vt:lpstr>【目的別DB】医科基本</vt:lpstr>
      <vt:lpstr>【目的別DB】DPC基本</vt:lpstr>
      <vt:lpstr>【目的別DB】歯科基本</vt:lpstr>
      <vt:lpstr>【目的別DB】調剤基本</vt:lpstr>
      <vt:lpstr>【目的別DB】特定健診</vt:lpstr>
      <vt:lpstr>【目的別DB】特定保健指導</vt:lpstr>
      <vt:lpstr>【目的別DB】医科個人別医療費</vt:lpstr>
      <vt:lpstr>【目的別DB】DPC個人別医療費</vt:lpstr>
      <vt:lpstr>【目的別DB】歯科個人別医療費</vt:lpstr>
      <vt:lpstr>【目的別DB】調剤個人別医療費</vt:lpstr>
      <vt:lpstr>【目的別DB】DPC基本!Print_Area</vt:lpstr>
      <vt:lpstr>【目的別DB】DPC個人別医療費!Print_Area</vt:lpstr>
      <vt:lpstr>【目的別DB】医科基本!Print_Area</vt:lpstr>
      <vt:lpstr>【目的別DB】医科個人別医療費!Print_Area</vt:lpstr>
      <vt:lpstr>【目的別DB】歯科基本!Print_Area</vt:lpstr>
      <vt:lpstr>【目的別DB】歯科個人別医療費!Print_Area</vt:lpstr>
      <vt:lpstr>【目的別DB】調剤基本!Print_Area</vt:lpstr>
      <vt:lpstr>【目的別DB】調剤個人別医療費!Print_Area</vt:lpstr>
      <vt:lpstr>【目的別DB】特定健診!Print_Area</vt:lpstr>
      <vt:lpstr>【目的別DB】特定保健指導!Print_Area</vt:lpstr>
      <vt:lpstr>DPCレセプト情報!Print_Area</vt:lpstr>
      <vt:lpstr>はじめにご確認ください!Print_Area</vt:lpstr>
      <vt:lpstr>医科レセプト情報!Print_Area</vt:lpstr>
      <vt:lpstr>歯科レセプト情報!Print_Area</vt:lpstr>
      <vt:lpstr>集計情報!Print_Area</vt:lpstr>
      <vt:lpstr>調剤レセプト情報!Print_Area</vt:lpstr>
      <vt:lpstr>特定健診情報!Print_Area</vt:lpstr>
      <vt:lpstr>保健指導情報!Print_Area</vt:lpstr>
      <vt:lpstr>【目的別DB】DPC基本!Print_Titles</vt:lpstr>
      <vt:lpstr>【目的別DB】DPC個人別医療費!Print_Titles</vt:lpstr>
      <vt:lpstr>【目的別DB】医科基本!Print_Titles</vt:lpstr>
      <vt:lpstr>【目的別DB】医科個人別医療費!Print_Titles</vt:lpstr>
      <vt:lpstr>【目的別DB】歯科基本!Print_Titles</vt:lpstr>
      <vt:lpstr>【目的別DB】歯科個人別医療費!Print_Titles</vt:lpstr>
      <vt:lpstr>【目的別DB】調剤基本!Print_Titles</vt:lpstr>
      <vt:lpstr>【目的別DB】調剤個人別医療費!Print_Titles</vt:lpstr>
      <vt:lpstr>【目的別DB】特定健診!Print_Titles</vt:lpstr>
      <vt:lpstr>【目的別DB】特定保健指導!Print_Titles</vt:lpstr>
      <vt:lpstr>DPCレセプト情報!Print_Titles</vt:lpstr>
      <vt:lpstr>医科レセプト情報!Print_Titles</vt:lpstr>
      <vt:lpstr>歯科レセプト情報!Print_Titles</vt:lpstr>
      <vt:lpstr>集計情報!Print_Titles</vt:lpstr>
      <vt:lpstr>調剤レセプト情報!Print_Titles</vt:lpstr>
      <vt:lpstr>特定健診情報!Print_Titles</vt:lpstr>
      <vt:lpstr>保健指導情報!Print_Titles</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
  <dcterms:created xsi:type="dcterms:W3CDTF">2022-02-14T10:47:25Z</dcterms:created>
  <dcterms:modified xsi:type="dcterms:W3CDTF">2023-10-30T12:18:22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a7295cc1-d279-42ac-ab4d-3b0f4fece050_Enabled">
    <vt:lpwstr>true</vt:lpwstr>
  </property>
  <property fmtid="{D5CDD505-2E9C-101B-9397-08002B2CF9AE}" pid="3" name="MSIP_Label_a7295cc1-d279-42ac-ab4d-3b0f4fece050_SetDate">
    <vt:lpwstr>2022-02-16T06:42:51Z</vt:lpwstr>
  </property>
  <property fmtid="{D5CDD505-2E9C-101B-9397-08002B2CF9AE}" pid="4" name="MSIP_Label_a7295cc1-d279-42ac-ab4d-3b0f4fece050_Method">
    <vt:lpwstr>Standard</vt:lpwstr>
  </property>
  <property fmtid="{D5CDD505-2E9C-101B-9397-08002B2CF9AE}" pid="5" name="MSIP_Label_a7295cc1-d279-42ac-ab4d-3b0f4fece050_Name">
    <vt:lpwstr>FUJITSU-RESTRICTED​</vt:lpwstr>
  </property>
  <property fmtid="{D5CDD505-2E9C-101B-9397-08002B2CF9AE}" pid="6" name="MSIP_Label_a7295cc1-d279-42ac-ab4d-3b0f4fece050_SiteId">
    <vt:lpwstr>a19f121d-81e1-4858-a9d8-736e267fd4c7</vt:lpwstr>
  </property>
  <property fmtid="{D5CDD505-2E9C-101B-9397-08002B2CF9AE}" pid="7" name="MSIP_Label_a7295cc1-d279-42ac-ab4d-3b0f4fece050_ActionId">
    <vt:lpwstr>96cbd120-c858-4063-8449-dab53775fcf6</vt:lpwstr>
  </property>
  <property fmtid="{D5CDD505-2E9C-101B-9397-08002B2CF9AE}" pid="8" name="MSIP_Label_a7295cc1-d279-42ac-ab4d-3b0f4fece050_ContentBits">
    <vt:lpwstr>0</vt:lpwstr>
  </property>
  <property fmtid="{D5CDD505-2E9C-101B-9397-08002B2CF9AE}" pid="9" name="ContentTypeId">
    <vt:lpwstr>0x01010059A263C5853C1F4AA8C2F8D754253BAA</vt:lpwstr>
  </property>
  <property fmtid="{D5CDD505-2E9C-101B-9397-08002B2CF9AE}" pid="10" name="MediaServiceImageTags">
    <vt:lpwstr/>
  </property>
</Properties>
</file>